
<file path=[Content_Types].xml><?xml version="1.0" encoding="utf-8"?>
<Types xmlns="http://schemas.openxmlformats.org/package/2006/content-types">
  <Default Extension="png" ContentType="image/png"/>
  <Default Extension="bin" ContentType="application/vnd.openxmlformats-officedocument.oleObject"/>
  <Default Extension="jpeg" ContentType="image/jpeg"/>
  <Default Extension="emf" ContentType="image/x-emf"/>
  <Default Extension="rels" ContentType="application/vnd.openxmlformats-package.relationships+xml"/>
  <Default Extension="xml" ContentType="application/xml"/>
  <Default Extension="vml" ContentType="application/vnd.openxmlformats-officedocument.vmlDrawing"/>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theme/theme2.xml" ContentType="application/vnd.openxmlformats-officedocument.theme+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3.xml" ContentType="application/vnd.openxmlformats-officedocument.theme+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theme/theme4.xml" ContentType="application/vnd.openxmlformats-officedocument.theme+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heme/themeOverride1.xml" ContentType="application/vnd.openxmlformats-officedocument.themeOverride+xml"/>
  <Override PartName="/ppt/theme/themeOverride2.xml" ContentType="application/vnd.openxmlformats-officedocument.themeOverride+xml"/>
  <Override PartName="/ppt/notesSlides/notesSlide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notesSlides/notesSlide4.xml" ContentType="application/vnd.openxmlformats-officedocument.presentationml.notesSlide+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diagrams/data10.xml" ContentType="application/vnd.openxmlformats-officedocument.drawingml.diagramData+xml"/>
  <Override PartName="/ppt/diagrams/layout10.xml" ContentType="application/vnd.openxmlformats-officedocument.drawingml.diagramLayout+xml"/>
  <Override PartName="/ppt/diagrams/quickStyle10.xml" ContentType="application/vnd.openxmlformats-officedocument.drawingml.diagramStyle+xml"/>
  <Override PartName="/ppt/diagrams/colors10.xml" ContentType="application/vnd.openxmlformats-officedocument.drawingml.diagramColors+xml"/>
  <Override PartName="/ppt/diagrams/drawing10.xml" ContentType="application/vnd.ms-office.drawingml.diagramDrawing+xml"/>
  <Override PartName="/ppt/notesSlides/notesSlide5.xml" ContentType="application/vnd.openxmlformats-officedocument.presentationml.notesSlide+xml"/>
  <Override PartName="/ppt/notesSlides/notesSlide6.xml" ContentType="application/vnd.openxmlformats-officedocument.presentationml.notesSlide+xml"/>
  <Override PartName="/ppt/diagrams/data11.xml" ContentType="application/vnd.openxmlformats-officedocument.drawingml.diagramData+xml"/>
  <Override PartName="/ppt/diagrams/layout11.xml" ContentType="application/vnd.openxmlformats-officedocument.drawingml.diagramLayout+xml"/>
  <Override PartName="/ppt/diagrams/quickStyle11.xml" ContentType="application/vnd.openxmlformats-officedocument.drawingml.diagramStyle+xml"/>
  <Override PartName="/ppt/diagrams/colors11.xml" ContentType="application/vnd.openxmlformats-officedocument.drawingml.diagramColors+xml"/>
  <Override PartName="/ppt/diagrams/drawing11.xml" ContentType="application/vnd.ms-office.drawingml.diagramDrawing+xml"/>
  <Override PartName="/ppt/theme/themeOverride3.xml" ContentType="application/vnd.openxmlformats-officedocument.themeOverride+xml"/>
  <Override PartName="/ppt/notesSlides/notesSlide7.xml" ContentType="application/vnd.openxmlformats-officedocument.presentationml.notesSlide+xml"/>
  <Override PartName="/ppt/theme/themeOverride4.xml" ContentType="application/vnd.openxmlformats-officedocument.themeOverride+xml"/>
  <Override PartName="/ppt/notesSlides/notesSlide8.xml" ContentType="application/vnd.openxmlformats-officedocument.presentationml.notesSlide+xml"/>
  <Override PartName="/ppt/theme/themeOverride5.xml" ContentType="application/vnd.openxmlformats-officedocument.themeOverr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diagrams/data12.xml" ContentType="application/vnd.openxmlformats-officedocument.drawingml.diagramData+xml"/>
  <Override PartName="/ppt/diagrams/layout12.xml" ContentType="application/vnd.openxmlformats-officedocument.drawingml.diagramLayout+xml"/>
  <Override PartName="/ppt/diagrams/quickStyle12.xml" ContentType="application/vnd.openxmlformats-officedocument.drawingml.diagramStyle+xml"/>
  <Override PartName="/ppt/diagrams/colors12.xml" ContentType="application/vnd.openxmlformats-officedocument.drawingml.diagramColors+xml"/>
  <Override PartName="/ppt/diagrams/drawing12.xml" ContentType="application/vnd.ms-office.drawingml.diagramDrawing+xml"/>
  <Override PartName="/ppt/notesSlides/notesSlide11.xml" ContentType="application/vnd.openxmlformats-officedocument.presentationml.notesSlide+xml"/>
  <Override PartName="/ppt/diagrams/data13.xml" ContentType="application/vnd.openxmlformats-officedocument.drawingml.diagramData+xml"/>
  <Override PartName="/ppt/diagrams/layout13.xml" ContentType="application/vnd.openxmlformats-officedocument.drawingml.diagramLayout+xml"/>
  <Override PartName="/ppt/diagrams/quickStyle13.xml" ContentType="application/vnd.openxmlformats-officedocument.drawingml.diagramStyle+xml"/>
  <Override PartName="/ppt/diagrams/colors13.xml" ContentType="application/vnd.openxmlformats-officedocument.drawingml.diagramColors+xml"/>
  <Override PartName="/ppt/diagrams/drawing13.xml" ContentType="application/vnd.ms-office.drawingml.diagramDrawing+xml"/>
  <Override PartName="/ppt/notesSlides/notesSlide12.xml" ContentType="application/vnd.openxmlformats-officedocument.presentationml.notesSlide+xml"/>
  <Override PartName="/ppt/theme/themeOverride6.xml" ContentType="application/vnd.openxmlformats-officedocument.themeOverride+xml"/>
  <Override PartName="/ppt/notesSlides/notesSlide13.xml" ContentType="application/vnd.openxmlformats-officedocument.presentationml.notesSlide+xml"/>
  <Override PartName="/ppt/theme/themeOverride7.xml" ContentType="application/vnd.openxmlformats-officedocument.themeOverride+xml"/>
  <Override PartName="/ppt/notesSlides/notesSlide14.xml" ContentType="application/vnd.openxmlformats-officedocument.presentationml.notesSlide+xml"/>
  <Override PartName="/ppt/theme/themeOverride8.xml" ContentType="application/vnd.openxmlformats-officedocument.themeOverr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charts/chart1.xml" ContentType="application/vnd.openxmlformats-officedocument.drawingml.chart+xml"/>
  <Override PartName="/ppt/theme/themeOverride9.xml" ContentType="application/vnd.openxmlformats-officedocument.themeOverr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theme/themeOverride10.xml" ContentType="application/vnd.openxmlformats-officedocument.themeOverride+xml"/>
  <Override PartName="/ppt/theme/themeOverride11.xml" ContentType="application/vnd.openxmlformats-officedocument.themeOverr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50" r:id="rId2"/>
    <p:sldMasterId id="2147483664" r:id="rId3"/>
    <p:sldMasterId id="2147483688" r:id="rId4"/>
    <p:sldMasterId id="2147483676" r:id="rId5"/>
    <p:sldMasterId id="2147483712" r:id="rId6"/>
  </p:sldMasterIdLst>
  <p:notesMasterIdLst>
    <p:notesMasterId r:id="rId55"/>
  </p:notesMasterIdLst>
  <p:sldIdLst>
    <p:sldId id="256" r:id="rId7"/>
    <p:sldId id="267" r:id="rId8"/>
    <p:sldId id="291" r:id="rId9"/>
    <p:sldId id="292" r:id="rId10"/>
    <p:sldId id="269" r:id="rId11"/>
    <p:sldId id="270" r:id="rId12"/>
    <p:sldId id="271" r:id="rId13"/>
    <p:sldId id="274" r:id="rId14"/>
    <p:sldId id="266" r:id="rId15"/>
    <p:sldId id="595" r:id="rId16"/>
    <p:sldId id="603" r:id="rId17"/>
    <p:sldId id="496" r:id="rId18"/>
    <p:sldId id="295" r:id="rId19"/>
    <p:sldId id="476" r:id="rId20"/>
    <p:sldId id="483" r:id="rId21"/>
    <p:sldId id="484" r:id="rId22"/>
    <p:sldId id="489" r:id="rId23"/>
    <p:sldId id="490" r:id="rId24"/>
    <p:sldId id="471" r:id="rId25"/>
    <p:sldId id="491" r:id="rId26"/>
    <p:sldId id="495" r:id="rId27"/>
    <p:sldId id="494" r:id="rId28"/>
    <p:sldId id="498" r:id="rId29"/>
    <p:sldId id="563" r:id="rId30"/>
    <p:sldId id="611" r:id="rId31"/>
    <p:sldId id="597" r:id="rId32"/>
    <p:sldId id="567" r:id="rId33"/>
    <p:sldId id="599" r:id="rId34"/>
    <p:sldId id="601" r:id="rId35"/>
    <p:sldId id="604" r:id="rId36"/>
    <p:sldId id="608" r:id="rId37"/>
    <p:sldId id="610" r:id="rId38"/>
    <p:sldId id="581" r:id="rId39"/>
    <p:sldId id="586" r:id="rId40"/>
    <p:sldId id="348" r:id="rId41"/>
    <p:sldId id="324" r:id="rId42"/>
    <p:sldId id="410" r:id="rId43"/>
    <p:sldId id="615" r:id="rId44"/>
    <p:sldId id="622" r:id="rId45"/>
    <p:sldId id="614" r:id="rId46"/>
    <p:sldId id="617" r:id="rId47"/>
    <p:sldId id="624" r:id="rId48"/>
    <p:sldId id="618" r:id="rId49"/>
    <p:sldId id="625" r:id="rId50"/>
    <p:sldId id="619" r:id="rId51"/>
    <p:sldId id="620" r:id="rId52"/>
    <p:sldId id="621" r:id="rId53"/>
    <p:sldId id="616" r:id="rId54"/>
  </p:sldIdLst>
  <p:sldSz cx="9144000" cy="6858000" type="screen4x3"/>
  <p:notesSz cx="6946900" cy="9283700"/>
  <p:defaultTextStyle>
    <a:defPPr>
      <a:defRPr lang="en-US"/>
    </a:defPPr>
    <a:lvl1pPr algn="ctr" rtl="0" fontAlgn="base">
      <a:spcBef>
        <a:spcPct val="0"/>
      </a:spcBef>
      <a:spcAft>
        <a:spcPct val="0"/>
      </a:spcAft>
      <a:defRPr sz="2400" kern="1200">
        <a:solidFill>
          <a:schemeClr val="tx1"/>
        </a:solidFill>
        <a:latin typeface="Times New Roman" pitchFamily="18" charset="0"/>
        <a:ea typeface="+mn-ea"/>
        <a:cs typeface="Times New Roman" pitchFamily="18" charset="0"/>
      </a:defRPr>
    </a:lvl1pPr>
    <a:lvl2pPr marL="457200" algn="ctr" rtl="0" fontAlgn="base">
      <a:spcBef>
        <a:spcPct val="0"/>
      </a:spcBef>
      <a:spcAft>
        <a:spcPct val="0"/>
      </a:spcAft>
      <a:defRPr sz="2400" kern="1200">
        <a:solidFill>
          <a:schemeClr val="tx1"/>
        </a:solidFill>
        <a:latin typeface="Times New Roman" pitchFamily="18" charset="0"/>
        <a:ea typeface="+mn-ea"/>
        <a:cs typeface="Times New Roman" pitchFamily="18" charset="0"/>
      </a:defRPr>
    </a:lvl2pPr>
    <a:lvl3pPr marL="914400" algn="ctr" rtl="0" fontAlgn="base">
      <a:spcBef>
        <a:spcPct val="0"/>
      </a:spcBef>
      <a:spcAft>
        <a:spcPct val="0"/>
      </a:spcAft>
      <a:defRPr sz="2400" kern="1200">
        <a:solidFill>
          <a:schemeClr val="tx1"/>
        </a:solidFill>
        <a:latin typeface="Times New Roman" pitchFamily="18" charset="0"/>
        <a:ea typeface="+mn-ea"/>
        <a:cs typeface="Times New Roman" pitchFamily="18" charset="0"/>
      </a:defRPr>
    </a:lvl3pPr>
    <a:lvl4pPr marL="1371600" algn="ctr" rtl="0" fontAlgn="base">
      <a:spcBef>
        <a:spcPct val="0"/>
      </a:spcBef>
      <a:spcAft>
        <a:spcPct val="0"/>
      </a:spcAft>
      <a:defRPr sz="2400" kern="1200">
        <a:solidFill>
          <a:schemeClr val="tx1"/>
        </a:solidFill>
        <a:latin typeface="Times New Roman" pitchFamily="18" charset="0"/>
        <a:ea typeface="+mn-ea"/>
        <a:cs typeface="Times New Roman" pitchFamily="18" charset="0"/>
      </a:defRPr>
    </a:lvl4pPr>
    <a:lvl5pPr marL="1828800" algn="ctr" rtl="0" fontAlgn="base">
      <a:spcBef>
        <a:spcPct val="0"/>
      </a:spcBef>
      <a:spcAft>
        <a:spcPct val="0"/>
      </a:spcAft>
      <a:defRPr sz="2400" kern="1200">
        <a:solidFill>
          <a:schemeClr val="tx1"/>
        </a:solidFill>
        <a:latin typeface="Times New Roman" pitchFamily="18" charset="0"/>
        <a:ea typeface="+mn-ea"/>
        <a:cs typeface="Times New Roman" pitchFamily="18" charset="0"/>
      </a:defRPr>
    </a:lvl5pPr>
    <a:lvl6pPr marL="2286000" algn="l" defTabSz="914400" rtl="0" eaLnBrk="1" latinLnBrk="0" hangingPunct="1">
      <a:defRPr sz="2400" kern="1200">
        <a:solidFill>
          <a:schemeClr val="tx1"/>
        </a:solidFill>
        <a:latin typeface="Times New Roman" pitchFamily="18" charset="0"/>
        <a:ea typeface="+mn-ea"/>
        <a:cs typeface="Times New Roman" pitchFamily="18" charset="0"/>
      </a:defRPr>
    </a:lvl6pPr>
    <a:lvl7pPr marL="2743200" algn="l" defTabSz="914400" rtl="0" eaLnBrk="1" latinLnBrk="0" hangingPunct="1">
      <a:defRPr sz="2400" kern="1200">
        <a:solidFill>
          <a:schemeClr val="tx1"/>
        </a:solidFill>
        <a:latin typeface="Times New Roman" pitchFamily="18" charset="0"/>
        <a:ea typeface="+mn-ea"/>
        <a:cs typeface="Times New Roman" pitchFamily="18" charset="0"/>
      </a:defRPr>
    </a:lvl7pPr>
    <a:lvl8pPr marL="3200400" algn="l" defTabSz="914400" rtl="0" eaLnBrk="1" latinLnBrk="0" hangingPunct="1">
      <a:defRPr sz="2400" kern="1200">
        <a:solidFill>
          <a:schemeClr val="tx1"/>
        </a:solidFill>
        <a:latin typeface="Times New Roman" pitchFamily="18" charset="0"/>
        <a:ea typeface="+mn-ea"/>
        <a:cs typeface="Times New Roman" pitchFamily="18" charset="0"/>
      </a:defRPr>
    </a:lvl8pPr>
    <a:lvl9pPr marL="3657600" algn="l" defTabSz="914400" rtl="0" eaLnBrk="1" latinLnBrk="0" hangingPunct="1">
      <a:defRPr sz="2400" kern="1200">
        <a:solidFill>
          <a:schemeClr val="tx1"/>
        </a:solidFill>
        <a:latin typeface="Times New Roman" pitchFamily="18" charset="0"/>
        <a:ea typeface="+mn-ea"/>
        <a:cs typeface="Times New Roman" pitchFamily="18" charset="0"/>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50A56"/>
    <a:srgbClr val="240759"/>
    <a:srgbClr val="ACA35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סגנון ביניים 2 - הדגשה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סגנון ביניים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1176" autoAdjust="0"/>
    <p:restoredTop sz="94500" autoAdjust="0"/>
  </p:normalViewPr>
  <p:slideViewPr>
    <p:cSldViewPr>
      <p:cViewPr varScale="1">
        <p:scale>
          <a:sx n="70" d="100"/>
          <a:sy n="70" d="100"/>
        </p:scale>
        <p:origin x="1566" y="72"/>
      </p:cViewPr>
      <p:guideLst>
        <p:guide orient="horz" pos="2160"/>
        <p:guide pos="2880"/>
      </p:guideLst>
    </p:cSldViewPr>
  </p:slideViewPr>
  <p:notesTextViewPr>
    <p:cViewPr>
      <p:scale>
        <a:sx n="100" d="100"/>
        <a:sy n="100" d="100"/>
      </p:scale>
      <p:origin x="0" y="0"/>
    </p:cViewPr>
  </p:notesTextViewPr>
  <p:sorterViewPr>
    <p:cViewPr>
      <p:scale>
        <a:sx n="125" d="100"/>
        <a:sy n="125" d="100"/>
      </p:scale>
      <p:origin x="0" y="-19908"/>
    </p:cViewPr>
  </p:sorter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slide" Target="slides/slide20.xml"/><Relationship Id="rId39" Type="http://schemas.openxmlformats.org/officeDocument/2006/relationships/slide" Target="slides/slide33.xml"/><Relationship Id="rId21" Type="http://schemas.openxmlformats.org/officeDocument/2006/relationships/slide" Target="slides/slide15.xml"/><Relationship Id="rId34" Type="http://schemas.openxmlformats.org/officeDocument/2006/relationships/slide" Target="slides/slide28.xml"/><Relationship Id="rId42" Type="http://schemas.openxmlformats.org/officeDocument/2006/relationships/slide" Target="slides/slide36.xml"/><Relationship Id="rId47" Type="http://schemas.openxmlformats.org/officeDocument/2006/relationships/slide" Target="slides/slide41.xml"/><Relationship Id="rId50" Type="http://schemas.openxmlformats.org/officeDocument/2006/relationships/slide" Target="slides/slide44.xml"/><Relationship Id="rId55" Type="http://schemas.openxmlformats.org/officeDocument/2006/relationships/notesMaster" Target="notesMasters/notesMaster1.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slide" Target="slides/slide19.xml"/><Relationship Id="rId33" Type="http://schemas.openxmlformats.org/officeDocument/2006/relationships/slide" Target="slides/slide27.xml"/><Relationship Id="rId38" Type="http://schemas.openxmlformats.org/officeDocument/2006/relationships/slide" Target="slides/slide32.xml"/><Relationship Id="rId46" Type="http://schemas.openxmlformats.org/officeDocument/2006/relationships/slide" Target="slides/slide40.xml"/><Relationship Id="rId59" Type="http://schemas.openxmlformats.org/officeDocument/2006/relationships/tableStyles" Target="tableStyles.xml"/><Relationship Id="rId2" Type="http://schemas.openxmlformats.org/officeDocument/2006/relationships/slideMaster" Target="slideMasters/slideMaster1.xml"/><Relationship Id="rId16" Type="http://schemas.openxmlformats.org/officeDocument/2006/relationships/slide" Target="slides/slide10.xml"/><Relationship Id="rId20" Type="http://schemas.openxmlformats.org/officeDocument/2006/relationships/slide" Target="slides/slide14.xml"/><Relationship Id="rId29" Type="http://schemas.openxmlformats.org/officeDocument/2006/relationships/slide" Target="slides/slide23.xml"/><Relationship Id="rId41" Type="http://schemas.openxmlformats.org/officeDocument/2006/relationships/slide" Target="slides/slide35.xml"/><Relationship Id="rId54" Type="http://schemas.openxmlformats.org/officeDocument/2006/relationships/slide" Target="slides/slide48.xml"/><Relationship Id="rId1" Type="http://schemas.openxmlformats.org/officeDocument/2006/relationships/customXml" Target="../customXml/item1.xml"/><Relationship Id="rId6" Type="http://schemas.openxmlformats.org/officeDocument/2006/relationships/slideMaster" Target="slideMasters/slideMaster5.xml"/><Relationship Id="rId11" Type="http://schemas.openxmlformats.org/officeDocument/2006/relationships/slide" Target="slides/slide5.xml"/><Relationship Id="rId24" Type="http://schemas.openxmlformats.org/officeDocument/2006/relationships/slide" Target="slides/slide18.xml"/><Relationship Id="rId32" Type="http://schemas.openxmlformats.org/officeDocument/2006/relationships/slide" Target="slides/slide26.xml"/><Relationship Id="rId37" Type="http://schemas.openxmlformats.org/officeDocument/2006/relationships/slide" Target="slides/slide31.xml"/><Relationship Id="rId40" Type="http://schemas.openxmlformats.org/officeDocument/2006/relationships/slide" Target="slides/slide34.xml"/><Relationship Id="rId45" Type="http://schemas.openxmlformats.org/officeDocument/2006/relationships/slide" Target="slides/slide39.xml"/><Relationship Id="rId53" Type="http://schemas.openxmlformats.org/officeDocument/2006/relationships/slide" Target="slides/slide47.xml"/><Relationship Id="rId58" Type="http://schemas.openxmlformats.org/officeDocument/2006/relationships/theme" Target="theme/theme1.xml"/><Relationship Id="rId5" Type="http://schemas.openxmlformats.org/officeDocument/2006/relationships/slideMaster" Target="slideMasters/slideMaster4.xml"/><Relationship Id="rId15" Type="http://schemas.openxmlformats.org/officeDocument/2006/relationships/slide" Target="slides/slide9.xml"/><Relationship Id="rId23" Type="http://schemas.openxmlformats.org/officeDocument/2006/relationships/slide" Target="slides/slide17.xml"/><Relationship Id="rId28" Type="http://schemas.openxmlformats.org/officeDocument/2006/relationships/slide" Target="slides/slide22.xml"/><Relationship Id="rId36" Type="http://schemas.openxmlformats.org/officeDocument/2006/relationships/slide" Target="slides/slide30.xml"/><Relationship Id="rId49" Type="http://schemas.openxmlformats.org/officeDocument/2006/relationships/slide" Target="slides/slide43.xml"/><Relationship Id="rId57" Type="http://schemas.openxmlformats.org/officeDocument/2006/relationships/viewProps" Target="viewProps.xml"/><Relationship Id="rId10" Type="http://schemas.openxmlformats.org/officeDocument/2006/relationships/slide" Target="slides/slide4.xml"/><Relationship Id="rId19" Type="http://schemas.openxmlformats.org/officeDocument/2006/relationships/slide" Target="slides/slide13.xml"/><Relationship Id="rId31" Type="http://schemas.openxmlformats.org/officeDocument/2006/relationships/slide" Target="slides/slide25.xml"/><Relationship Id="rId44" Type="http://schemas.openxmlformats.org/officeDocument/2006/relationships/slide" Target="slides/slide38.xml"/><Relationship Id="rId52" Type="http://schemas.openxmlformats.org/officeDocument/2006/relationships/slide" Target="slides/slide46.xml"/><Relationship Id="rId4" Type="http://schemas.openxmlformats.org/officeDocument/2006/relationships/slideMaster" Target="slideMasters/slideMaster3.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slide" Target="slides/slide16.xml"/><Relationship Id="rId27" Type="http://schemas.openxmlformats.org/officeDocument/2006/relationships/slide" Target="slides/slide21.xml"/><Relationship Id="rId30" Type="http://schemas.openxmlformats.org/officeDocument/2006/relationships/slide" Target="slides/slide24.xml"/><Relationship Id="rId35" Type="http://schemas.openxmlformats.org/officeDocument/2006/relationships/slide" Target="slides/slide29.xml"/><Relationship Id="rId43" Type="http://schemas.openxmlformats.org/officeDocument/2006/relationships/slide" Target="slides/slide37.xml"/><Relationship Id="rId48" Type="http://schemas.openxmlformats.org/officeDocument/2006/relationships/slide" Target="slides/slide42.xml"/><Relationship Id="rId56" Type="http://schemas.openxmlformats.org/officeDocument/2006/relationships/presProps" Target="presProps.xml"/><Relationship Id="rId8" Type="http://schemas.openxmlformats.org/officeDocument/2006/relationships/slide" Target="slides/slide2.xml"/><Relationship Id="rId51" Type="http://schemas.openxmlformats.org/officeDocument/2006/relationships/slide" Target="slides/slide45.xml"/><Relationship Id="rId3" Type="http://schemas.openxmlformats.org/officeDocument/2006/relationships/slideMaster" Target="slideMasters/slideMaster2.xml"/></Relationships>
</file>

<file path=ppt/charts/_rels/chart1.xml.rels><?xml version="1.0" encoding="UTF-8" standalone="yes"?>
<Relationships xmlns="http://schemas.openxmlformats.org/package/2006/relationships"><Relationship Id="rId2" Type="http://schemas.openxmlformats.org/officeDocument/2006/relationships/oleObject" Target="file:///C:\Documents%20and%20Settings\t01791760.SERVICES\Local%20Settings\Temporary%20Internet%20Files\Content.Outlook\871M2UXO\&#1492;&#1514;&#1508;&#1500;&#1490;&#1493;&#1514;%20&#1492;&#1492;&#1510;&#1489;&#1506;&#1492;-%20&#1499;&#1500;&#1500;%20&#1492;&#1506;&#1493;&#1500;&#1501;-%20&#1490;&#1512;&#1508;&#1497;.xlsx" TargetMode="External"/><Relationship Id="rId1" Type="http://schemas.openxmlformats.org/officeDocument/2006/relationships/themeOverride" Target="../theme/themeOverride9.xml"/></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he-IL"/>
  <c:roundedCorners val="0"/>
  <mc:AlternateContent xmlns:mc="http://schemas.openxmlformats.org/markup-compatibility/2006">
    <mc:Choice xmlns:c14="http://schemas.microsoft.com/office/drawing/2007/8/2/chart" Requires="c14">
      <c14:style val="126"/>
    </mc:Choice>
    <mc:Fallback>
      <c:style val="26"/>
    </mc:Fallback>
  </mc:AlternateContent>
  <c:clrMapOvr bg1="lt1" tx1="dk1" bg2="lt2" tx2="dk2" accent1="accent1" accent2="accent2" accent3="accent3" accent4="accent4" accent5="accent5" accent6="accent6" hlink="hlink" folHlink="folHlink"/>
  <c:chart>
    <c:autoTitleDeleted val="1"/>
    <c:view3D>
      <c:rotX val="30"/>
      <c:rotY val="360"/>
      <c:rAngAx val="0"/>
    </c:view3D>
    <c:floor>
      <c:thickness val="0"/>
    </c:floor>
    <c:sideWall>
      <c:thickness val="0"/>
    </c:sideWall>
    <c:backWall>
      <c:thickness val="0"/>
    </c:backWall>
    <c:plotArea>
      <c:layout>
        <c:manualLayout>
          <c:layoutTarget val="inner"/>
          <c:xMode val="edge"/>
          <c:yMode val="edge"/>
          <c:x val="0"/>
          <c:y val="0.14753682429170592"/>
          <c:w val="1"/>
          <c:h val="0.64721983276471273"/>
        </c:manualLayout>
      </c:layout>
      <c:pie3DChart>
        <c:varyColors val="1"/>
        <c:ser>
          <c:idx val="0"/>
          <c:order val="0"/>
          <c:explosion val="2"/>
          <c:dPt>
            <c:idx val="0"/>
            <c:bubble3D val="0"/>
            <c:explosion val="12"/>
            <c:spPr>
              <a:solidFill>
                <a:srgbClr val="CC0000"/>
              </a:solidFill>
            </c:spPr>
            <c:extLst xmlns:c16r2="http://schemas.microsoft.com/office/drawing/2015/06/chart">
              <c:ext xmlns:c16="http://schemas.microsoft.com/office/drawing/2014/chart" uri="{C3380CC4-5D6E-409C-BE32-E72D297353CC}">
                <c16:uniqueId val="{00000000-E36E-4247-9A02-3AD85A852B57}"/>
              </c:ext>
            </c:extLst>
          </c:dPt>
          <c:dPt>
            <c:idx val="1"/>
            <c:bubble3D val="0"/>
            <c:spPr>
              <a:solidFill>
                <a:schemeClr val="tx2">
                  <a:lumMod val="60000"/>
                  <a:lumOff val="40000"/>
                </a:schemeClr>
              </a:solidFill>
            </c:spPr>
            <c:extLst xmlns:c16r2="http://schemas.microsoft.com/office/drawing/2015/06/chart">
              <c:ext xmlns:c16="http://schemas.microsoft.com/office/drawing/2014/chart" uri="{C3380CC4-5D6E-409C-BE32-E72D297353CC}">
                <c16:uniqueId val="{00000001-E36E-4247-9A02-3AD85A852B57}"/>
              </c:ext>
            </c:extLst>
          </c:dPt>
          <c:dPt>
            <c:idx val="3"/>
            <c:bubble3D val="0"/>
            <c:spPr>
              <a:solidFill>
                <a:srgbClr val="FDEC6F"/>
              </a:solidFill>
            </c:spPr>
            <c:extLst xmlns:c16r2="http://schemas.microsoft.com/office/drawing/2015/06/chart">
              <c:ext xmlns:c16="http://schemas.microsoft.com/office/drawing/2014/chart" uri="{C3380CC4-5D6E-409C-BE32-E72D297353CC}">
                <c16:uniqueId val="{00000002-E36E-4247-9A02-3AD85A852B57}"/>
              </c:ext>
            </c:extLst>
          </c:dPt>
          <c:dPt>
            <c:idx val="4"/>
            <c:bubble3D val="0"/>
            <c:spPr>
              <a:solidFill>
                <a:srgbClr val="D3A7FF"/>
              </a:solidFill>
            </c:spPr>
            <c:extLst xmlns:c16r2="http://schemas.microsoft.com/office/drawing/2015/06/chart">
              <c:ext xmlns:c16="http://schemas.microsoft.com/office/drawing/2014/chart" uri="{C3380CC4-5D6E-409C-BE32-E72D297353CC}">
                <c16:uniqueId val="{00000003-E36E-4247-9A02-3AD85A852B57}"/>
              </c:ext>
            </c:extLst>
          </c:dPt>
          <c:dLbls>
            <c:dLbl>
              <c:idx val="0"/>
              <c:layout/>
              <c:tx>
                <c:rich>
                  <a:bodyPr/>
                  <a:lstStyle/>
                  <a:p>
                    <a:r>
                      <a:rPr lang="en-US" sz="1600" b="1"/>
                      <a:t>138</a:t>
                    </a:r>
                  </a:p>
                </c:rich>
              </c:tx>
              <c:showLegendKey val="0"/>
              <c:showVal val="0"/>
              <c:showCatName val="0"/>
              <c:showSerName val="0"/>
              <c:showPercent val="1"/>
              <c:showBubbleSize val="0"/>
              <c:extLst xmlns:c16r2="http://schemas.microsoft.com/office/drawing/2015/06/chart">
                <c:ext xmlns:c16="http://schemas.microsoft.com/office/drawing/2014/chart" uri="{C3380CC4-5D6E-409C-BE32-E72D297353CC}">
                  <c16:uniqueId val="{00000000-E36E-4247-9A02-3AD85A852B57}"/>
                </c:ext>
                <c:ext xmlns:c15="http://schemas.microsoft.com/office/drawing/2012/chart" uri="{CE6537A1-D6FC-4f65-9D91-7224C49458BB}">
                  <c15:layout/>
                </c:ext>
              </c:extLst>
            </c:dLbl>
            <c:dLbl>
              <c:idx val="1"/>
              <c:layout>
                <c:manualLayout>
                  <c:x val="-2.2773048202923359E-2"/>
                  <c:y val="-5.3140840788388655E-2"/>
                </c:manualLayout>
              </c:layout>
              <c:tx>
                <c:rich>
                  <a:bodyPr/>
                  <a:lstStyle/>
                  <a:p>
                    <a:r>
                      <a:rPr lang="en-US" sz="1600" b="1"/>
                      <a:t>9</a:t>
                    </a:r>
                  </a:p>
                </c:rich>
              </c:tx>
              <c:showLegendKey val="0"/>
              <c:showVal val="0"/>
              <c:showCatName val="0"/>
              <c:showSerName val="0"/>
              <c:showPercent val="1"/>
              <c:showBubbleSize val="0"/>
              <c:extLst xmlns:c16r2="http://schemas.microsoft.com/office/drawing/2015/06/chart">
                <c:ext xmlns:c16="http://schemas.microsoft.com/office/drawing/2014/chart" uri="{C3380CC4-5D6E-409C-BE32-E72D297353CC}">
                  <c16:uniqueId val="{00000001-E36E-4247-9A02-3AD85A852B57}"/>
                </c:ext>
                <c:ext xmlns:c15="http://schemas.microsoft.com/office/drawing/2012/chart" uri="{CE6537A1-D6FC-4f65-9D91-7224C49458BB}">
                  <c15:layout/>
                </c:ext>
              </c:extLst>
            </c:dLbl>
            <c:dLbl>
              <c:idx val="2"/>
              <c:layout>
                <c:manualLayout>
                  <c:x val="9.2345643141471048E-2"/>
                  <c:y val="5.2211582236101124E-2"/>
                </c:manualLayout>
              </c:layout>
              <c:tx>
                <c:rich>
                  <a:bodyPr/>
                  <a:lstStyle/>
                  <a:p>
                    <a:r>
                      <a:rPr lang="en-US" sz="1600" b="1"/>
                      <a:t>41</a:t>
                    </a:r>
                  </a:p>
                </c:rich>
              </c:tx>
              <c:showLegendKey val="0"/>
              <c:showVal val="0"/>
              <c:showCatName val="0"/>
              <c:showSerName val="0"/>
              <c:showPercent val="1"/>
              <c:showBubbleSize val="0"/>
              <c:extLst xmlns:c16r2="http://schemas.microsoft.com/office/drawing/2015/06/chart">
                <c:ext xmlns:c16="http://schemas.microsoft.com/office/drawing/2014/chart" uri="{C3380CC4-5D6E-409C-BE32-E72D297353CC}">
                  <c16:uniqueId val="{00000004-E36E-4247-9A02-3AD85A852B57}"/>
                </c:ext>
                <c:ext xmlns:c15="http://schemas.microsoft.com/office/drawing/2012/chart" uri="{CE6537A1-D6FC-4f65-9D91-7224C49458BB}">
                  <c15:layout/>
                </c:ext>
              </c:extLst>
            </c:dLbl>
            <c:dLbl>
              <c:idx val="3"/>
              <c:delete val="1"/>
              <c:extLst xmlns:c16r2="http://schemas.microsoft.com/office/drawing/2015/06/chart">
                <c:ext xmlns:c16="http://schemas.microsoft.com/office/drawing/2014/chart" uri="{C3380CC4-5D6E-409C-BE32-E72D297353CC}">
                  <c16:uniqueId val="{00000002-E36E-4247-9A02-3AD85A852B57}"/>
                </c:ext>
                <c:ext xmlns:c15="http://schemas.microsoft.com/office/drawing/2012/chart" uri="{CE6537A1-D6FC-4f65-9D91-7224C49458BB}"/>
              </c:extLst>
            </c:dLbl>
            <c:dLbl>
              <c:idx val="4"/>
              <c:delete val="1"/>
              <c:extLst xmlns:c16r2="http://schemas.microsoft.com/office/drawing/2015/06/chart">
                <c:ext xmlns:c16="http://schemas.microsoft.com/office/drawing/2014/chart" uri="{C3380CC4-5D6E-409C-BE32-E72D297353CC}">
                  <c16:uniqueId val="{00000003-E36E-4247-9A02-3AD85A852B57}"/>
                </c:ext>
                <c:ext xmlns:c15="http://schemas.microsoft.com/office/drawing/2012/chart" uri="{CE6537A1-D6FC-4f65-9D91-7224C49458BB}"/>
              </c:extLst>
            </c:dLbl>
            <c:spPr>
              <a:noFill/>
              <a:ln>
                <a:noFill/>
              </a:ln>
              <a:effectLst/>
            </c:spPr>
            <c:showLegendKey val="0"/>
            <c:showVal val="0"/>
            <c:showCatName val="0"/>
            <c:showSerName val="0"/>
            <c:showPercent val="1"/>
            <c:showBubbleSize val="0"/>
            <c:showLeaderLines val="1"/>
            <c:extLst xmlns:c16r2="http://schemas.microsoft.com/office/drawing/2015/06/chart">
              <c:ext xmlns:c15="http://schemas.microsoft.com/office/drawing/2012/chart" uri="{CE6537A1-D6FC-4f65-9D91-7224C49458BB}"/>
            </c:extLst>
          </c:dLbls>
          <c:cat>
            <c:strRef>
              <c:f>Sheet1!$A$4:$A$8</c:f>
              <c:strCache>
                <c:ptCount val="3"/>
                <c:pt idx="0">
                  <c:v>תומכות</c:v>
                </c:pt>
                <c:pt idx="1">
                  <c:v>מתנגדות</c:v>
                </c:pt>
                <c:pt idx="2">
                  <c:v>נמנעות</c:v>
                </c:pt>
              </c:strCache>
            </c:strRef>
          </c:cat>
          <c:val>
            <c:numRef>
              <c:f>Sheet1!$B$4:$B$8</c:f>
              <c:numCache>
                <c:formatCode>General</c:formatCode>
                <c:ptCount val="5"/>
                <c:pt idx="0">
                  <c:v>138</c:v>
                </c:pt>
                <c:pt idx="1">
                  <c:v>9</c:v>
                </c:pt>
                <c:pt idx="2">
                  <c:v>41</c:v>
                </c:pt>
              </c:numCache>
            </c:numRef>
          </c:val>
          <c:extLst xmlns:c16r2="http://schemas.microsoft.com/office/drawing/2015/06/chart">
            <c:ext xmlns:c16="http://schemas.microsoft.com/office/drawing/2014/chart" uri="{C3380CC4-5D6E-409C-BE32-E72D297353CC}">
              <c16:uniqueId val="{00000005-E36E-4247-9A02-3AD85A852B57}"/>
            </c:ext>
          </c:extLst>
        </c:ser>
        <c:dLbls>
          <c:showLegendKey val="0"/>
          <c:showVal val="0"/>
          <c:showCatName val="0"/>
          <c:showSerName val="0"/>
          <c:showPercent val="1"/>
          <c:showBubbleSize val="0"/>
          <c:showLeaderLines val="1"/>
        </c:dLbls>
      </c:pie3DChart>
    </c:plotArea>
    <c:legend>
      <c:legendPos val="t"/>
      <c:legendEntry>
        <c:idx val="3"/>
        <c:delete val="1"/>
      </c:legendEntry>
      <c:legendEntry>
        <c:idx val="4"/>
        <c:delete val="1"/>
      </c:legendEntry>
      <c:layout>
        <c:manualLayout>
          <c:xMode val="edge"/>
          <c:yMode val="edge"/>
          <c:x val="0.12346282360461402"/>
          <c:y val="0.87847210396447195"/>
          <c:w val="0.74815430359028501"/>
          <c:h val="7.175757037946183E-2"/>
        </c:manualLayout>
      </c:layout>
      <c:overlay val="0"/>
      <c:txPr>
        <a:bodyPr/>
        <a:lstStyle/>
        <a:p>
          <a:pPr>
            <a:defRPr sz="1400" b="1">
              <a:latin typeface="Guttman Hatzvi" pitchFamily="2" charset="-79"/>
              <a:cs typeface="Guttman Hatzvi" pitchFamily="2" charset="-79"/>
            </a:defRPr>
          </a:pPr>
          <a:endParaRPr lang="he-IL"/>
        </a:p>
      </c:txPr>
    </c:legend>
    <c:plotVisOnly val="1"/>
    <c:dispBlanksAs val="zero"/>
    <c:showDLblsOverMax val="0"/>
  </c:chart>
  <c:externalData r:id="rId2">
    <c:autoUpdate val="0"/>
  </c:externalData>
</c:chartSpace>
</file>

<file path=ppt/diagrams/_rels/data5.xml.rels><?xml version="1.0" encoding="UTF-8" standalone="yes"?>
<Relationships xmlns="http://schemas.openxmlformats.org/package/2006/relationships"><Relationship Id="rId3" Type="http://schemas.openxmlformats.org/officeDocument/2006/relationships/hyperlink" Target="&#1514;&#1504;&#1494;&#1497;&#1501;.docx" TargetMode="External"/><Relationship Id="rId2" Type="http://schemas.openxmlformats.org/officeDocument/2006/relationships/hyperlink" Target="&#1502;&#1504;&#1490;&#1504;&#1493;&#1504;&#1497;&#1501;.docx" TargetMode="External"/><Relationship Id="rId1" Type="http://schemas.openxmlformats.org/officeDocument/2006/relationships/image" Target="../media/image4.png"/></Relationships>
</file>

<file path=ppt/diagrams/_rels/data6.xml.rels><?xml version="1.0" encoding="UTF-8" standalone="yes"?>
<Relationships xmlns="http://schemas.openxmlformats.org/package/2006/relationships"><Relationship Id="rId1" Type="http://schemas.openxmlformats.org/officeDocument/2006/relationships/image" Target="../media/image4.png"/></Relationships>
</file>

<file path=ppt/diagrams/_rels/drawing5.xml.rels><?xml version="1.0" encoding="UTF-8" standalone="yes"?>
<Relationships xmlns="http://schemas.openxmlformats.org/package/2006/relationships"><Relationship Id="rId1" Type="http://schemas.openxmlformats.org/officeDocument/2006/relationships/image" Target="../media/image4.png"/></Relationships>
</file>

<file path=ppt/diagrams/_rels/drawing6.xml.rels><?xml version="1.0" encoding="UTF-8" standalone="yes"?>
<Relationships xmlns="http://schemas.openxmlformats.org/package/2006/relationships"><Relationship Id="rId1" Type="http://schemas.openxmlformats.org/officeDocument/2006/relationships/image" Target="../media/image4.pn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0.xml><?xml version="1.0" encoding="utf-8"?>
<dgm:colorsDef xmlns:dgm="http://schemas.openxmlformats.org/drawingml/2006/diagram" xmlns:a="http://schemas.openxmlformats.org/drawingml/2006/main" uniqueId="urn:microsoft.com/office/officeart/2005/8/colors/accent4_3">
  <dgm:title val=""/>
  <dgm:desc val=""/>
  <dgm:catLst>
    <dgm:cat type="accent4" pri="11300"/>
  </dgm:catLst>
  <dgm:styleLbl name="node0">
    <dgm:fillClrLst meth="repeat">
      <a:schemeClr val="accent4">
        <a:shade val="80000"/>
      </a:schemeClr>
    </dgm:fillClrLst>
    <dgm:linClrLst meth="repeat">
      <a:schemeClr val="lt1"/>
    </dgm:linClrLst>
    <dgm:effectClrLst/>
    <dgm:txLinClrLst/>
    <dgm:txFillClrLst/>
    <dgm:txEffectClrLst/>
  </dgm:styleLbl>
  <dgm:styleLbl name="node1">
    <dgm:fillClrLst>
      <a:schemeClr val="accent4">
        <a:shade val="80000"/>
      </a:schemeClr>
      <a:schemeClr val="accent4">
        <a:tint val="70000"/>
      </a:schemeClr>
    </dgm:fillClrLst>
    <dgm:linClrLst meth="repeat">
      <a:schemeClr val="lt1"/>
    </dgm:linClrLst>
    <dgm:effectClrLst/>
    <dgm:txLinClrLst/>
    <dgm:txFillClrLst/>
    <dgm:txEffectClrLst/>
  </dgm:styleLbl>
  <dgm:styleLbl name="alignNode1">
    <dgm:fillClrLst>
      <a:schemeClr val="accent4">
        <a:shade val="80000"/>
      </a:schemeClr>
      <a:schemeClr val="accent4">
        <a:tint val="70000"/>
      </a:schemeClr>
    </dgm:fillClrLst>
    <dgm:linClrLst>
      <a:schemeClr val="accent4">
        <a:shade val="80000"/>
      </a:schemeClr>
      <a:schemeClr val="accent4">
        <a:tint val="70000"/>
      </a:schemeClr>
    </dgm:linClrLst>
    <dgm:effectClrLst/>
    <dgm:txLinClrLst/>
    <dgm:txFillClrLst/>
    <dgm:txEffectClrLst/>
  </dgm:styleLbl>
  <dgm:styleLbl name="lnNode1">
    <dgm:fillClrLst>
      <a:schemeClr val="accent4">
        <a:shade val="80000"/>
      </a:schemeClr>
      <a:schemeClr val="accent4">
        <a:tint val="70000"/>
      </a:schemeClr>
    </dgm:fillClrLst>
    <dgm:linClrLst meth="repeat">
      <a:schemeClr val="lt1"/>
    </dgm:linClrLst>
    <dgm:effectClrLst/>
    <dgm:txLinClrLst/>
    <dgm:txFillClrLst/>
    <dgm:txEffectClrLst/>
  </dgm:styleLbl>
  <dgm:styleLbl name="vennNode1">
    <dgm:fillClrLst>
      <a:schemeClr val="accent4">
        <a:shade val="80000"/>
        <a:alpha val="50000"/>
      </a:schemeClr>
      <a:schemeClr val="accent4">
        <a:tint val="70000"/>
        <a:alpha val="50000"/>
      </a:schemeClr>
    </dgm:fillClrLst>
    <dgm:linClrLst meth="repeat">
      <a:schemeClr val="lt1"/>
    </dgm:linClrLst>
    <dgm:effectClrLst/>
    <dgm:txLinClrLst/>
    <dgm:txFillClrLst/>
    <dgm:txEffectClrLst/>
  </dgm:styleLbl>
  <dgm:styleLbl name="node2">
    <dgm:fillClrLst>
      <a:schemeClr val="accent4">
        <a:tint val="99000"/>
      </a:schemeClr>
    </dgm:fillClrLst>
    <dgm:linClrLst meth="repeat">
      <a:schemeClr val="lt1"/>
    </dgm:linClrLst>
    <dgm:effectClrLst/>
    <dgm:txLinClrLst/>
    <dgm:txFillClrLst/>
    <dgm:txEffectClrLst/>
  </dgm:styleLbl>
  <dgm:styleLbl name="node3">
    <dgm:fillClrLst>
      <a:schemeClr val="accent4">
        <a:tint val="80000"/>
      </a:schemeClr>
    </dgm:fillClrLst>
    <dgm:linClrLst meth="repeat">
      <a:schemeClr val="lt1"/>
    </dgm:linClrLst>
    <dgm:effectClrLst/>
    <dgm:txLinClrLst/>
    <dgm:txFillClrLst/>
    <dgm:txEffectClrLst/>
  </dgm:styleLbl>
  <dgm:styleLbl name="node4">
    <dgm:fillClrLst>
      <a:schemeClr val="accent4">
        <a:tint val="70000"/>
      </a:schemeClr>
    </dgm:fillClrLst>
    <dgm:linClrLst meth="repeat">
      <a:schemeClr val="lt1"/>
    </dgm:linClrLst>
    <dgm:effectClrLst/>
    <dgm:txLinClrLst/>
    <dgm:txFillClrLst/>
    <dgm:txEffectClrLst/>
  </dgm:styleLbl>
  <dgm:styleLbl name="fgImgPlace1">
    <dgm:fillClrLst>
      <a:schemeClr val="accent4">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hade val="90000"/>
      </a:schemeClr>
      <a:schemeClr val="accent4">
        <a:tint val="70000"/>
      </a:schemeClr>
    </dgm:fillClrLst>
    <dgm:linClrLst>
      <a:schemeClr val="accent4">
        <a:shade val="90000"/>
      </a:schemeClr>
      <a:schemeClr val="accent4">
        <a:tint val="70000"/>
      </a:schemeClr>
    </dgm:linClrLst>
    <dgm:effectClrLst/>
    <dgm:txLinClrLst/>
    <dgm:txFillClrLst/>
    <dgm:txEffectClrLst/>
  </dgm:styleLbl>
  <dgm:styleLbl name="fgSibTrans2D1">
    <dgm:fillClrLst>
      <a:schemeClr val="accent4">
        <a:shade val="90000"/>
      </a:schemeClr>
      <a:schemeClr val="accent4">
        <a:tint val="70000"/>
      </a:schemeClr>
    </dgm:fillClrLst>
    <dgm:linClrLst>
      <a:schemeClr val="accent4">
        <a:shade val="90000"/>
      </a:schemeClr>
      <a:schemeClr val="accent4">
        <a:tint val="70000"/>
      </a:schemeClr>
    </dgm:linClrLst>
    <dgm:effectClrLst/>
    <dgm:txLinClrLst/>
    <dgm:txFillClrLst meth="repeat">
      <a:schemeClr val="lt1"/>
    </dgm:txFillClrLst>
    <dgm:txEffectClrLst/>
  </dgm:styleLbl>
  <dgm:styleLbl name="bgSibTrans2D1">
    <dgm:fillClrLst>
      <a:schemeClr val="accent4">
        <a:shade val="90000"/>
      </a:schemeClr>
      <a:schemeClr val="accent4">
        <a:tint val="70000"/>
      </a:schemeClr>
    </dgm:fillClrLst>
    <dgm:linClrLst>
      <a:schemeClr val="accent4">
        <a:shade val="90000"/>
      </a:schemeClr>
      <a:schemeClr val="accent4">
        <a:tint val="70000"/>
      </a:schemeClr>
    </dgm:linClrLst>
    <dgm:effectClrLst/>
    <dgm:txLinClrLst/>
    <dgm:txFillClrLst meth="repeat">
      <a:schemeClr val="lt1"/>
    </dgm:txFillClrLst>
    <dgm:txEffectClrLst/>
  </dgm:styleLbl>
  <dgm:styleLbl name="sibTrans1D1">
    <dgm:fillClrLst>
      <a:schemeClr val="accent4">
        <a:shade val="90000"/>
      </a:schemeClr>
      <a:schemeClr val="accent4">
        <a:tint val="70000"/>
      </a:schemeClr>
    </dgm:fillClrLst>
    <dgm:linClrLst>
      <a:schemeClr val="accent4">
        <a:shade val="90000"/>
      </a:schemeClr>
      <a:schemeClr val="accent4">
        <a:tint val="70000"/>
      </a:schemeClr>
    </dgm:linClrLst>
    <dgm:effectClrLst/>
    <dgm:txLinClrLst/>
    <dgm:txFillClrLst meth="repeat">
      <a:schemeClr val="tx1"/>
    </dgm:txFillClrLst>
    <dgm:txEffectClrLst/>
  </dgm:styleLbl>
  <dgm:styleLbl name="callout">
    <dgm:fillClrLst meth="repeat">
      <a:schemeClr val="accent4"/>
    </dgm:fillClrLst>
    <dgm:linClrLst meth="repeat">
      <a:schemeClr val="accent4"/>
    </dgm:linClrLst>
    <dgm:effectClrLst/>
    <dgm:txLinClrLst/>
    <dgm:txFillClrLst meth="repeat">
      <a:schemeClr val="tx1"/>
    </dgm:txFillClrLst>
    <dgm:txEffectClrLst/>
  </dgm:styleLbl>
  <dgm:styleLbl name="asst0">
    <dgm:fillClrLst meth="repeat">
      <a:schemeClr val="accent4">
        <a:shade val="80000"/>
      </a:schemeClr>
    </dgm:fillClrLst>
    <dgm:linClrLst meth="repeat">
      <a:schemeClr val="lt1"/>
    </dgm:linClrLst>
    <dgm:effectClrLst/>
    <dgm:txLinClrLst/>
    <dgm:txFillClrLst/>
    <dgm:txEffectClrLst/>
  </dgm:styleLbl>
  <dgm:styleLbl name="asst1">
    <dgm:fillClrLst meth="repeat">
      <a:schemeClr val="accent4">
        <a:shade val="80000"/>
      </a:schemeClr>
    </dgm:fillClrLst>
    <dgm:linClrLst meth="repeat">
      <a:schemeClr val="lt1"/>
    </dgm:linClrLst>
    <dgm:effectClrLst/>
    <dgm:txLinClrLst/>
    <dgm:txFillClrLst/>
    <dgm:txEffectClrLst/>
  </dgm:styleLbl>
  <dgm:styleLbl name="asst2">
    <dgm:fillClrLst>
      <a:schemeClr val="accent4">
        <a:tint val="99000"/>
      </a:schemeClr>
    </dgm:fillClrLst>
    <dgm:linClrLst meth="repeat">
      <a:schemeClr val="lt1"/>
    </dgm:linClrLst>
    <dgm:effectClrLst/>
    <dgm:txLinClrLst/>
    <dgm:txFillClrLst/>
    <dgm:txEffectClrLst/>
  </dgm:styleLbl>
  <dgm:styleLbl name="asst3">
    <dgm:fillClrLst>
      <a:schemeClr val="accent4">
        <a:tint val="80000"/>
      </a:schemeClr>
    </dgm:fillClrLst>
    <dgm:linClrLst meth="repeat">
      <a:schemeClr val="lt1"/>
    </dgm:linClrLst>
    <dgm:effectClrLst/>
    <dgm:txLinClrLst/>
    <dgm:txFillClrLst/>
    <dgm:txEffectClrLst/>
  </dgm:styleLbl>
  <dgm:styleLbl name="asst4">
    <dgm:fillClrLst>
      <a:schemeClr val="accent4">
        <a:tint val="70000"/>
      </a:schemeClr>
    </dgm:fillClrLst>
    <dgm:linClrLst meth="repeat">
      <a:schemeClr val="lt1"/>
    </dgm:linClrLst>
    <dgm:effectClrLst/>
    <dgm:txLinClrLst/>
    <dgm:txFillClrLst/>
    <dgm:txEffectClrLst/>
  </dgm:styleLbl>
  <dgm:styleLbl name="parChTrans2D1">
    <dgm:fillClrLst meth="repeat">
      <a:schemeClr val="accent4">
        <a:tint val="60000"/>
      </a:schemeClr>
    </dgm:fillClrLst>
    <dgm:linClrLst meth="repeat">
      <a:schemeClr val="accent4">
        <a:tint val="60000"/>
      </a:schemeClr>
    </dgm:linClrLst>
    <dgm:effectClrLst/>
    <dgm:txLinClrLst/>
    <dgm:txFillClrLst meth="repeat">
      <a:schemeClr val="lt1"/>
    </dgm:txFillClrLst>
    <dgm:txEffectClrLst/>
  </dgm:styleLbl>
  <dgm:styleLbl name="parChTrans2D2">
    <dgm:fillClrLst meth="repeat">
      <a:schemeClr val="accent4">
        <a:tint val="90000"/>
      </a:schemeClr>
    </dgm:fillClrLst>
    <dgm:linClrLst meth="repeat">
      <a:schemeClr val="accent4">
        <a:tint val="90000"/>
      </a:schemeClr>
    </dgm:linClrLst>
    <dgm:effectClrLst/>
    <dgm:txLinClrLst/>
    <dgm:txFillClrLst/>
    <dgm:txEffectClrLst/>
  </dgm:styleLbl>
  <dgm:styleLbl name="parChTrans2D3">
    <dgm:fillClrLst meth="repeat">
      <a:schemeClr val="accent4">
        <a:tint val="70000"/>
      </a:schemeClr>
    </dgm:fillClrLst>
    <dgm:linClrLst meth="repeat">
      <a:schemeClr val="accent4">
        <a:tint val="70000"/>
      </a:schemeClr>
    </dgm:linClrLst>
    <dgm:effectClrLst/>
    <dgm:txLinClrLst/>
    <dgm:txFillClrLst/>
    <dgm:txEffectClrLst/>
  </dgm:styleLbl>
  <dgm:styleLbl name="parChTrans2D4">
    <dgm:fillClrLst meth="repeat">
      <a:schemeClr val="accent4">
        <a:tint val="50000"/>
      </a:schemeClr>
    </dgm:fillClrLst>
    <dgm:linClrLst meth="repeat">
      <a:schemeClr val="accent4">
        <a:tint val="50000"/>
      </a:schemeClr>
    </dgm:linClrLst>
    <dgm:effectClrLst/>
    <dgm:txLinClrLst/>
    <dgm:txFillClrLst meth="repeat">
      <a:schemeClr val="lt1"/>
    </dgm:txFillClrLst>
    <dgm:txEffectClrLst/>
  </dgm:styleLbl>
  <dgm:styleLbl name="parChTrans1D1">
    <dgm:fillClrLst meth="repeat">
      <a:schemeClr val="accent4">
        <a:shade val="80000"/>
      </a:schemeClr>
    </dgm:fillClrLst>
    <dgm:linClrLst meth="repeat">
      <a:schemeClr val="accent4">
        <a:shade val="80000"/>
      </a:schemeClr>
    </dgm:linClrLst>
    <dgm:effectClrLst/>
    <dgm:txLinClrLst/>
    <dgm:txFillClrLst meth="repeat">
      <a:schemeClr val="tx1"/>
    </dgm:txFillClrLst>
    <dgm:txEffectClrLst/>
  </dgm:styleLbl>
  <dgm:styleLbl name="parChTrans1D2">
    <dgm:fillClrLst meth="repeat">
      <a:schemeClr val="accent4">
        <a:tint val="99000"/>
      </a:schemeClr>
    </dgm:fillClrLst>
    <dgm:linClrLst meth="repeat">
      <a:schemeClr val="accent4">
        <a:tint val="99000"/>
      </a:schemeClr>
    </dgm:linClrLst>
    <dgm:effectClrLst/>
    <dgm:txLinClrLst/>
    <dgm:txFillClrLst meth="repeat">
      <a:schemeClr val="tx1"/>
    </dgm:txFillClrLst>
    <dgm:txEffectClrLst/>
  </dgm:styleLbl>
  <dgm:styleLbl name="parChTrans1D3">
    <dgm:fillClrLst meth="repeat">
      <a:schemeClr val="accent4">
        <a:tint val="80000"/>
      </a:schemeClr>
    </dgm:fillClrLst>
    <dgm:linClrLst meth="repeat">
      <a:schemeClr val="accent4">
        <a:tint val="80000"/>
      </a:schemeClr>
    </dgm:linClrLst>
    <dgm:effectClrLst/>
    <dgm:txLinClrLst/>
    <dgm:txFillClrLst meth="repeat">
      <a:schemeClr val="tx1"/>
    </dgm:txFillClrLst>
    <dgm:txEffectClrLst/>
  </dgm:styleLbl>
  <dgm:styleLbl name="parChTrans1D4">
    <dgm:fillClrLst meth="repeat">
      <a:schemeClr val="accent4">
        <a:tint val="70000"/>
      </a:schemeClr>
    </dgm:fillClrLst>
    <dgm:linClrLst meth="repeat">
      <a:schemeClr val="accent4">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hade val="80000"/>
      </a:schemeClr>
      <a:schemeClr val="accent4">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hade val="80000"/>
      </a:schemeClr>
      <a:schemeClr val="accent4">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hade val="80000"/>
      </a:schemeClr>
      <a:schemeClr val="accent4">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hade val="80000"/>
      </a:schemeClr>
      <a:schemeClr val="accent4">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4">
        <a:shade val="80000"/>
      </a:schemeClr>
      <a:schemeClr val="accent4">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4"/>
    </dgm:linClrLst>
    <dgm:effectClrLst/>
    <dgm:txLinClrLst/>
    <dgm:txFillClrLst meth="repeat">
      <a:schemeClr val="dk1"/>
    </dgm:txFillClrLst>
    <dgm:txEffectClrLst/>
  </dgm:styleLbl>
  <dgm:styleLbl name="solidBgAcc1">
    <dgm:fillClrLst meth="repeat">
      <a:schemeClr val="lt1"/>
    </dgm:fillClrLst>
    <dgm:linClrLst meth="repeat">
      <a:schemeClr val="accent4"/>
    </dgm:linClrLst>
    <dgm:effectClrLst/>
    <dgm:txLinClrLst/>
    <dgm:txFillClrLst meth="repeat">
      <a:schemeClr val="dk1"/>
    </dgm:txFillClrLst>
    <dgm:txEffectClrLst/>
  </dgm:styleLbl>
  <dgm:styleLbl name="fg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align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bgAccFollowNode1">
    <dgm:fillClrLst meth="repeat">
      <a:schemeClr val="accent4">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4">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4">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4">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4">
        <a:tint val="70000"/>
      </a:schemeClr>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1.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4_2">
  <dgm:title val=""/>
  <dgm:desc val=""/>
  <dgm:catLst>
    <dgm:cat type="accent4" pri="11200"/>
  </dgm:catLst>
  <dgm:styleLbl name="node0">
    <dgm:fillClrLst meth="repeat">
      <a:schemeClr val="accent4"/>
    </dgm:fillClrLst>
    <dgm:linClrLst meth="repeat">
      <a:schemeClr val="lt1"/>
    </dgm:linClrLst>
    <dgm:effectClrLst/>
    <dgm:txLinClrLst/>
    <dgm:txFillClrLst/>
    <dgm:txEffectClrLst/>
  </dgm:styleLbl>
  <dgm:styleLbl name="node1">
    <dgm:fillClrLst meth="repeat">
      <a:schemeClr val="accent4"/>
    </dgm:fillClrLst>
    <dgm:linClrLst meth="repeat">
      <a:schemeClr val="lt1"/>
    </dgm:linClrLst>
    <dgm:effectClrLst/>
    <dgm:txLinClrLst/>
    <dgm:txFillClrLst/>
    <dgm:txEffectClrLst/>
  </dgm:styleLbl>
  <dgm:styleLbl name="alignNode1">
    <dgm:fillClrLst meth="repeat">
      <a:schemeClr val="accent4"/>
    </dgm:fillClrLst>
    <dgm:linClrLst meth="repeat">
      <a:schemeClr val="accent4"/>
    </dgm:linClrLst>
    <dgm:effectClrLst/>
    <dgm:txLinClrLst/>
    <dgm:txFillClrLst/>
    <dgm:txEffectClrLst/>
  </dgm:styleLbl>
  <dgm:styleLbl name="lnNode1">
    <dgm:fillClrLst meth="repeat">
      <a:schemeClr val="accent4"/>
    </dgm:fillClrLst>
    <dgm:linClrLst meth="repeat">
      <a:schemeClr val="lt1"/>
    </dgm:linClrLst>
    <dgm:effectClrLst/>
    <dgm:txLinClrLst/>
    <dgm:txFillClrLst/>
    <dgm:txEffectClrLst/>
  </dgm:styleLbl>
  <dgm:styleLbl name="vennNode1">
    <dgm:fillClrLst meth="repeat">
      <a:schemeClr val="accent4">
        <a:alpha val="50000"/>
      </a:schemeClr>
    </dgm:fillClrLst>
    <dgm:linClrLst meth="repeat">
      <a:schemeClr val="lt1"/>
    </dgm:linClrLst>
    <dgm:effectClrLst/>
    <dgm:txLinClrLst/>
    <dgm:txFillClrLst/>
    <dgm:txEffectClrLst/>
  </dgm:styleLbl>
  <dgm:styleLbl name="node2">
    <dgm:fillClrLst meth="repeat">
      <a:schemeClr val="accent4"/>
    </dgm:fillClrLst>
    <dgm:linClrLst meth="repeat">
      <a:schemeClr val="lt1"/>
    </dgm:linClrLst>
    <dgm:effectClrLst/>
    <dgm:txLinClrLst/>
    <dgm:txFillClrLst/>
    <dgm:txEffectClrLst/>
  </dgm:styleLbl>
  <dgm:styleLbl name="node3">
    <dgm:fillClrLst meth="repeat">
      <a:schemeClr val="accent4"/>
    </dgm:fillClrLst>
    <dgm:linClrLst meth="repeat">
      <a:schemeClr val="lt1"/>
    </dgm:linClrLst>
    <dgm:effectClrLst/>
    <dgm:txLinClrLst/>
    <dgm:txFillClrLst/>
    <dgm:txEffectClrLst/>
  </dgm:styleLbl>
  <dgm:styleLbl name="node4">
    <dgm:fillClrLst meth="repeat">
      <a:schemeClr val="accent4"/>
    </dgm:fillClrLst>
    <dgm:linClrLst meth="repeat">
      <a:schemeClr val="lt1"/>
    </dgm:linClrLst>
    <dgm:effectClrLst/>
    <dgm:txLinClrLst/>
    <dgm:txFillClrLst/>
    <dgm:txEffectClrLst/>
  </dgm:styleLbl>
  <dgm:styleLbl name="fgImgPlace1">
    <dgm:fillClrLst meth="repeat">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4">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4">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4">
        <a:tint val="60000"/>
      </a:schemeClr>
    </dgm:fillClrLst>
    <dgm:linClrLst meth="repeat">
      <a:schemeClr val="accent4">
        <a:tint val="60000"/>
      </a:schemeClr>
    </dgm:linClrLst>
    <dgm:effectClrLst/>
    <dgm:txLinClrLst/>
    <dgm:txFillClrLst/>
    <dgm:txEffectClrLst/>
  </dgm:styleLbl>
  <dgm:styleLbl name="fgSibTrans2D1">
    <dgm:fillClrLst meth="repeat">
      <a:schemeClr val="accent4">
        <a:tint val="60000"/>
      </a:schemeClr>
    </dgm:fillClrLst>
    <dgm:linClrLst meth="repeat">
      <a:schemeClr val="accent4">
        <a:tint val="60000"/>
      </a:schemeClr>
    </dgm:linClrLst>
    <dgm:effectClrLst/>
    <dgm:txLinClrLst/>
    <dgm:txFillClrLst/>
    <dgm:txEffectClrLst/>
  </dgm:styleLbl>
  <dgm:styleLbl name="bgSibTrans2D1">
    <dgm:fillClrLst meth="repeat">
      <a:schemeClr val="accent4">
        <a:tint val="60000"/>
      </a:schemeClr>
    </dgm:fillClrLst>
    <dgm:linClrLst meth="repeat">
      <a:schemeClr val="accent4">
        <a:tint val="60000"/>
      </a:schemeClr>
    </dgm:linClrLst>
    <dgm:effectClrLst/>
    <dgm:txLinClrLst/>
    <dgm:txFillClrLst/>
    <dgm:txEffectClrLst/>
  </dgm:styleLbl>
  <dgm:styleLbl name="sibTrans1D1">
    <dgm:fillClrLst meth="repeat">
      <a:schemeClr val="accent4"/>
    </dgm:fillClrLst>
    <dgm:linClrLst meth="repeat">
      <a:schemeClr val="accent4"/>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dgm:linClrLst>
    <dgm:effectClrLst/>
    <dgm:txLinClrLst/>
    <dgm:txFillClrLst/>
    <dgm:txEffectClrLst/>
  </dgm:styleLbl>
  <dgm:styleLbl name="asst1">
    <dgm:fillClrLst meth="repeat">
      <a:schemeClr val="accent4"/>
    </dgm:fillClrLst>
    <dgm:linClrLst meth="repeat">
      <a:schemeClr val="lt1"/>
    </dgm:linClrLst>
    <dgm:effectClrLst/>
    <dgm:txLinClrLst/>
    <dgm:txFillClrLst/>
    <dgm:txEffectClrLst/>
  </dgm:styleLbl>
  <dgm:styleLbl name="asst2">
    <dgm:fillClrLst meth="repeat">
      <a:schemeClr val="accent4"/>
    </dgm:fillClrLst>
    <dgm:linClrLst meth="repeat">
      <a:schemeClr val="lt1"/>
    </dgm:linClrLst>
    <dgm:effectClrLst/>
    <dgm:txLinClrLst/>
    <dgm:txFillClrLst/>
    <dgm:txEffectClrLst/>
  </dgm:styleLbl>
  <dgm:styleLbl name="asst3">
    <dgm:fillClrLst meth="repeat">
      <a:schemeClr val="accent4"/>
    </dgm:fillClrLst>
    <dgm:linClrLst meth="repeat">
      <a:schemeClr val="lt1"/>
    </dgm:linClrLst>
    <dgm:effectClrLst/>
    <dgm:txLinClrLst/>
    <dgm:txFillClrLst/>
    <dgm:txEffectClrLst/>
  </dgm:styleLbl>
  <dgm:styleLbl name="asst4">
    <dgm:fillClrLst meth="repeat">
      <a:schemeClr val="accent4"/>
    </dgm:fillClrLst>
    <dgm:linClrLst meth="repeat">
      <a:schemeClr val="lt1"/>
    </dgm:linClrLst>
    <dgm:effectClrLst/>
    <dgm:txLinClrLst/>
    <dgm:txFillClrLst/>
    <dgm:txEffectClrLst/>
  </dgm:styleLbl>
  <dgm:styleLbl name="parChTrans2D1">
    <dgm:fillClrLst meth="repeat">
      <a:schemeClr val="accent4">
        <a:tint val="60000"/>
      </a:schemeClr>
    </dgm:fillClrLst>
    <dgm:linClrLst meth="repeat">
      <a:schemeClr val="accent4">
        <a:tint val="60000"/>
      </a:schemeClr>
    </dgm:linClrLst>
    <dgm:effectClrLst/>
    <dgm:txLinClrLst/>
    <dgm:txFillClrLst meth="repeat">
      <a:schemeClr val="lt1"/>
    </dgm:txFillClrLst>
    <dgm:txEffectClrLst/>
  </dgm:styleLbl>
  <dgm:styleLbl name="parChTrans2D2">
    <dgm:fillClrLst meth="repeat">
      <a:schemeClr val="accent4"/>
    </dgm:fillClrLst>
    <dgm:linClrLst meth="repeat">
      <a:schemeClr val="accent4"/>
    </dgm:linClrLst>
    <dgm:effectClrLst/>
    <dgm:txLinClrLst/>
    <dgm:txFillClrLst meth="repeat">
      <a:schemeClr val="lt1"/>
    </dgm:txFillClrLst>
    <dgm:txEffectClrLst/>
  </dgm:styleLbl>
  <dgm:styleLbl name="parChTrans2D3">
    <dgm:fillClrLst meth="repeat">
      <a:schemeClr val="accent4"/>
    </dgm:fillClrLst>
    <dgm:linClrLst meth="repeat">
      <a:schemeClr val="accent4"/>
    </dgm:linClrLst>
    <dgm:effectClrLst/>
    <dgm:txLinClrLst/>
    <dgm:txFillClrLst meth="repeat">
      <a:schemeClr val="lt1"/>
    </dgm:txFillClrLst>
    <dgm:txEffectClrLst/>
  </dgm:styleLbl>
  <dgm:styleLbl name="parChTrans2D4">
    <dgm:fillClrLst meth="repeat">
      <a:schemeClr val="accent4"/>
    </dgm:fillClrLst>
    <dgm:linClrLst meth="repeat">
      <a:schemeClr val="accent4"/>
    </dgm:linClrLst>
    <dgm:effectClrLst/>
    <dgm:txLinClrLst/>
    <dgm:txFillClrLst meth="repeat">
      <a:schemeClr val="lt1"/>
    </dgm:txFillClrLst>
    <dgm:txEffectClrLst/>
  </dgm:styleLbl>
  <dgm:styleLbl name="parChTrans1D1">
    <dgm:fillClrLst meth="repeat">
      <a:schemeClr val="accent4"/>
    </dgm:fillClrLst>
    <dgm:linClrLst meth="repeat">
      <a:schemeClr val="accent4">
        <a:shade val="60000"/>
      </a:schemeClr>
    </dgm:linClrLst>
    <dgm:effectClrLst/>
    <dgm:txLinClrLst/>
    <dgm:txFillClrLst meth="repeat">
      <a:schemeClr val="tx1"/>
    </dgm:txFillClrLst>
    <dgm:txEffectClrLst/>
  </dgm:styleLbl>
  <dgm:styleLbl name="parChTrans1D2">
    <dgm:fillClrLst meth="repeat">
      <a:schemeClr val="accent4"/>
    </dgm:fillClrLst>
    <dgm:linClrLst meth="repeat">
      <a:schemeClr val="accent4">
        <a:shade val="60000"/>
      </a:schemeClr>
    </dgm:linClrLst>
    <dgm:effectClrLst/>
    <dgm:txLinClrLst/>
    <dgm:txFillClrLst meth="repeat">
      <a:schemeClr val="tx1"/>
    </dgm:txFillClrLst>
    <dgm:txEffectClrLst/>
  </dgm:styleLbl>
  <dgm:styleLbl name="parChTrans1D3">
    <dgm:fillClrLst meth="repeat">
      <a:schemeClr val="accent4"/>
    </dgm:fillClrLst>
    <dgm:linClrLst meth="repeat">
      <a:schemeClr val="accent4">
        <a:shade val="80000"/>
      </a:schemeClr>
    </dgm:linClrLst>
    <dgm:effectClrLst/>
    <dgm:txLinClrLst/>
    <dgm:txFillClrLst meth="repeat">
      <a:schemeClr val="tx1"/>
    </dgm:txFillClrLst>
    <dgm:txEffectClrLst/>
  </dgm:styleLbl>
  <dgm:styleLbl name="parChTrans1D4">
    <dgm:fillClrLst meth="repeat">
      <a:schemeClr val="accent4"/>
    </dgm:fillClrLst>
    <dgm:linClrLst meth="repeat">
      <a:schemeClr val="accent4">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solidFgAcc1">
    <dgm:fillClrLst meth="repeat">
      <a:schemeClr val="lt1"/>
    </dgm:fillClrLst>
    <dgm:linClrLst meth="repeat">
      <a:schemeClr val="accent4"/>
    </dgm:linClrLst>
    <dgm:effectClrLst/>
    <dgm:txLinClrLst/>
    <dgm:txFillClrLst meth="repeat">
      <a:schemeClr val="dk1"/>
    </dgm:txFillClrLst>
    <dgm:txEffectClrLst/>
  </dgm:styleLbl>
  <dgm:styleLbl name="solidAlignAcc1">
    <dgm:fillClrLst meth="repeat">
      <a:schemeClr val="lt1"/>
    </dgm:fillClrLst>
    <dgm:linClrLst meth="repeat">
      <a:schemeClr val="accent4"/>
    </dgm:linClrLst>
    <dgm:effectClrLst/>
    <dgm:txLinClrLst/>
    <dgm:txFillClrLst meth="repeat">
      <a:schemeClr val="dk1"/>
    </dgm:txFillClrLst>
    <dgm:txEffectClrLst/>
  </dgm:styleLbl>
  <dgm:styleLbl name="solidBgAcc1">
    <dgm:fillClrLst meth="repeat">
      <a:schemeClr val="lt1"/>
    </dgm:fillClrLst>
    <dgm:linClrLst meth="repeat">
      <a:schemeClr val="accent4"/>
    </dgm:linClrLst>
    <dgm:effectClrLst/>
    <dgm:txLinClrLst/>
    <dgm:txFillClrLst meth="repeat">
      <a:schemeClr val="dk1"/>
    </dgm:txFillClrLst>
    <dgm:txEffectClrLst/>
  </dgm:styleLbl>
  <dgm:styleLbl name="fg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align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bg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accent4"/>
    </dgm:linClrLst>
    <dgm:effectClrLst/>
    <dgm:txLinClrLst/>
    <dgm:txFillClrLst meth="repeat">
      <a:schemeClr val="dk1"/>
    </dgm:txFillClrLst>
    <dgm:txEffectClrLst/>
  </dgm:styleLbl>
  <dgm:styleLbl name="dkBgShp">
    <dgm:fillClrLst meth="repeat">
      <a:schemeClr val="accent4">
        <a:shade val="80000"/>
      </a:schemeClr>
    </dgm:fillClrLst>
    <dgm:linClrLst meth="repeat">
      <a:schemeClr val="accent4"/>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4_2">
  <dgm:title val=""/>
  <dgm:desc val=""/>
  <dgm:catLst>
    <dgm:cat type="accent4" pri="11200"/>
  </dgm:catLst>
  <dgm:styleLbl name="node0">
    <dgm:fillClrLst meth="repeat">
      <a:schemeClr val="accent4"/>
    </dgm:fillClrLst>
    <dgm:linClrLst meth="repeat">
      <a:schemeClr val="lt1"/>
    </dgm:linClrLst>
    <dgm:effectClrLst/>
    <dgm:txLinClrLst/>
    <dgm:txFillClrLst/>
    <dgm:txEffectClrLst/>
  </dgm:styleLbl>
  <dgm:styleLbl name="node1">
    <dgm:fillClrLst meth="repeat">
      <a:schemeClr val="accent4"/>
    </dgm:fillClrLst>
    <dgm:linClrLst meth="repeat">
      <a:schemeClr val="lt1"/>
    </dgm:linClrLst>
    <dgm:effectClrLst/>
    <dgm:txLinClrLst/>
    <dgm:txFillClrLst/>
    <dgm:txEffectClrLst/>
  </dgm:styleLbl>
  <dgm:styleLbl name="alignNode1">
    <dgm:fillClrLst meth="repeat">
      <a:schemeClr val="accent4"/>
    </dgm:fillClrLst>
    <dgm:linClrLst meth="repeat">
      <a:schemeClr val="accent4"/>
    </dgm:linClrLst>
    <dgm:effectClrLst/>
    <dgm:txLinClrLst/>
    <dgm:txFillClrLst/>
    <dgm:txEffectClrLst/>
  </dgm:styleLbl>
  <dgm:styleLbl name="lnNode1">
    <dgm:fillClrLst meth="repeat">
      <a:schemeClr val="accent4"/>
    </dgm:fillClrLst>
    <dgm:linClrLst meth="repeat">
      <a:schemeClr val="lt1"/>
    </dgm:linClrLst>
    <dgm:effectClrLst/>
    <dgm:txLinClrLst/>
    <dgm:txFillClrLst/>
    <dgm:txEffectClrLst/>
  </dgm:styleLbl>
  <dgm:styleLbl name="vennNode1">
    <dgm:fillClrLst meth="repeat">
      <a:schemeClr val="accent4">
        <a:alpha val="50000"/>
      </a:schemeClr>
    </dgm:fillClrLst>
    <dgm:linClrLst meth="repeat">
      <a:schemeClr val="lt1"/>
    </dgm:linClrLst>
    <dgm:effectClrLst/>
    <dgm:txLinClrLst/>
    <dgm:txFillClrLst/>
    <dgm:txEffectClrLst/>
  </dgm:styleLbl>
  <dgm:styleLbl name="node2">
    <dgm:fillClrLst meth="repeat">
      <a:schemeClr val="accent4"/>
    </dgm:fillClrLst>
    <dgm:linClrLst meth="repeat">
      <a:schemeClr val="lt1"/>
    </dgm:linClrLst>
    <dgm:effectClrLst/>
    <dgm:txLinClrLst/>
    <dgm:txFillClrLst/>
    <dgm:txEffectClrLst/>
  </dgm:styleLbl>
  <dgm:styleLbl name="node3">
    <dgm:fillClrLst meth="repeat">
      <a:schemeClr val="accent4"/>
    </dgm:fillClrLst>
    <dgm:linClrLst meth="repeat">
      <a:schemeClr val="lt1"/>
    </dgm:linClrLst>
    <dgm:effectClrLst/>
    <dgm:txLinClrLst/>
    <dgm:txFillClrLst/>
    <dgm:txEffectClrLst/>
  </dgm:styleLbl>
  <dgm:styleLbl name="node4">
    <dgm:fillClrLst meth="repeat">
      <a:schemeClr val="accent4"/>
    </dgm:fillClrLst>
    <dgm:linClrLst meth="repeat">
      <a:schemeClr val="lt1"/>
    </dgm:linClrLst>
    <dgm:effectClrLst/>
    <dgm:txLinClrLst/>
    <dgm:txFillClrLst/>
    <dgm:txEffectClrLst/>
  </dgm:styleLbl>
  <dgm:styleLbl name="fgImgPlace1">
    <dgm:fillClrLst meth="repeat">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4">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4">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4">
        <a:tint val="60000"/>
      </a:schemeClr>
    </dgm:fillClrLst>
    <dgm:linClrLst meth="repeat">
      <a:schemeClr val="accent4">
        <a:tint val="60000"/>
      </a:schemeClr>
    </dgm:linClrLst>
    <dgm:effectClrLst/>
    <dgm:txLinClrLst/>
    <dgm:txFillClrLst/>
    <dgm:txEffectClrLst/>
  </dgm:styleLbl>
  <dgm:styleLbl name="fgSibTrans2D1">
    <dgm:fillClrLst meth="repeat">
      <a:schemeClr val="accent4">
        <a:tint val="60000"/>
      </a:schemeClr>
    </dgm:fillClrLst>
    <dgm:linClrLst meth="repeat">
      <a:schemeClr val="accent4">
        <a:tint val="60000"/>
      </a:schemeClr>
    </dgm:linClrLst>
    <dgm:effectClrLst/>
    <dgm:txLinClrLst/>
    <dgm:txFillClrLst/>
    <dgm:txEffectClrLst/>
  </dgm:styleLbl>
  <dgm:styleLbl name="bgSibTrans2D1">
    <dgm:fillClrLst meth="repeat">
      <a:schemeClr val="accent4">
        <a:tint val="60000"/>
      </a:schemeClr>
    </dgm:fillClrLst>
    <dgm:linClrLst meth="repeat">
      <a:schemeClr val="accent4">
        <a:tint val="60000"/>
      </a:schemeClr>
    </dgm:linClrLst>
    <dgm:effectClrLst/>
    <dgm:txLinClrLst/>
    <dgm:txFillClrLst/>
    <dgm:txEffectClrLst/>
  </dgm:styleLbl>
  <dgm:styleLbl name="sibTrans1D1">
    <dgm:fillClrLst meth="repeat">
      <a:schemeClr val="accent4"/>
    </dgm:fillClrLst>
    <dgm:linClrLst meth="repeat">
      <a:schemeClr val="accent4"/>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dgm:linClrLst>
    <dgm:effectClrLst/>
    <dgm:txLinClrLst/>
    <dgm:txFillClrLst/>
    <dgm:txEffectClrLst/>
  </dgm:styleLbl>
  <dgm:styleLbl name="asst1">
    <dgm:fillClrLst meth="repeat">
      <a:schemeClr val="accent4"/>
    </dgm:fillClrLst>
    <dgm:linClrLst meth="repeat">
      <a:schemeClr val="lt1"/>
    </dgm:linClrLst>
    <dgm:effectClrLst/>
    <dgm:txLinClrLst/>
    <dgm:txFillClrLst/>
    <dgm:txEffectClrLst/>
  </dgm:styleLbl>
  <dgm:styleLbl name="asst2">
    <dgm:fillClrLst meth="repeat">
      <a:schemeClr val="accent4"/>
    </dgm:fillClrLst>
    <dgm:linClrLst meth="repeat">
      <a:schemeClr val="lt1"/>
    </dgm:linClrLst>
    <dgm:effectClrLst/>
    <dgm:txLinClrLst/>
    <dgm:txFillClrLst/>
    <dgm:txEffectClrLst/>
  </dgm:styleLbl>
  <dgm:styleLbl name="asst3">
    <dgm:fillClrLst meth="repeat">
      <a:schemeClr val="accent4"/>
    </dgm:fillClrLst>
    <dgm:linClrLst meth="repeat">
      <a:schemeClr val="lt1"/>
    </dgm:linClrLst>
    <dgm:effectClrLst/>
    <dgm:txLinClrLst/>
    <dgm:txFillClrLst/>
    <dgm:txEffectClrLst/>
  </dgm:styleLbl>
  <dgm:styleLbl name="asst4">
    <dgm:fillClrLst meth="repeat">
      <a:schemeClr val="accent4"/>
    </dgm:fillClrLst>
    <dgm:linClrLst meth="repeat">
      <a:schemeClr val="lt1"/>
    </dgm:linClrLst>
    <dgm:effectClrLst/>
    <dgm:txLinClrLst/>
    <dgm:txFillClrLst/>
    <dgm:txEffectClrLst/>
  </dgm:styleLbl>
  <dgm:styleLbl name="parChTrans2D1">
    <dgm:fillClrLst meth="repeat">
      <a:schemeClr val="accent4">
        <a:tint val="60000"/>
      </a:schemeClr>
    </dgm:fillClrLst>
    <dgm:linClrLst meth="repeat">
      <a:schemeClr val="accent4">
        <a:tint val="60000"/>
      </a:schemeClr>
    </dgm:linClrLst>
    <dgm:effectClrLst/>
    <dgm:txLinClrLst/>
    <dgm:txFillClrLst meth="repeat">
      <a:schemeClr val="lt1"/>
    </dgm:txFillClrLst>
    <dgm:txEffectClrLst/>
  </dgm:styleLbl>
  <dgm:styleLbl name="parChTrans2D2">
    <dgm:fillClrLst meth="repeat">
      <a:schemeClr val="accent4"/>
    </dgm:fillClrLst>
    <dgm:linClrLst meth="repeat">
      <a:schemeClr val="accent4"/>
    </dgm:linClrLst>
    <dgm:effectClrLst/>
    <dgm:txLinClrLst/>
    <dgm:txFillClrLst meth="repeat">
      <a:schemeClr val="lt1"/>
    </dgm:txFillClrLst>
    <dgm:txEffectClrLst/>
  </dgm:styleLbl>
  <dgm:styleLbl name="parChTrans2D3">
    <dgm:fillClrLst meth="repeat">
      <a:schemeClr val="accent4"/>
    </dgm:fillClrLst>
    <dgm:linClrLst meth="repeat">
      <a:schemeClr val="accent4"/>
    </dgm:linClrLst>
    <dgm:effectClrLst/>
    <dgm:txLinClrLst/>
    <dgm:txFillClrLst meth="repeat">
      <a:schemeClr val="lt1"/>
    </dgm:txFillClrLst>
    <dgm:txEffectClrLst/>
  </dgm:styleLbl>
  <dgm:styleLbl name="parChTrans2D4">
    <dgm:fillClrLst meth="repeat">
      <a:schemeClr val="accent4"/>
    </dgm:fillClrLst>
    <dgm:linClrLst meth="repeat">
      <a:schemeClr val="accent4"/>
    </dgm:linClrLst>
    <dgm:effectClrLst/>
    <dgm:txLinClrLst/>
    <dgm:txFillClrLst meth="repeat">
      <a:schemeClr val="lt1"/>
    </dgm:txFillClrLst>
    <dgm:txEffectClrLst/>
  </dgm:styleLbl>
  <dgm:styleLbl name="parChTrans1D1">
    <dgm:fillClrLst meth="repeat">
      <a:schemeClr val="accent4"/>
    </dgm:fillClrLst>
    <dgm:linClrLst meth="repeat">
      <a:schemeClr val="accent4">
        <a:shade val="60000"/>
      </a:schemeClr>
    </dgm:linClrLst>
    <dgm:effectClrLst/>
    <dgm:txLinClrLst/>
    <dgm:txFillClrLst meth="repeat">
      <a:schemeClr val="tx1"/>
    </dgm:txFillClrLst>
    <dgm:txEffectClrLst/>
  </dgm:styleLbl>
  <dgm:styleLbl name="parChTrans1D2">
    <dgm:fillClrLst meth="repeat">
      <a:schemeClr val="accent4"/>
    </dgm:fillClrLst>
    <dgm:linClrLst meth="repeat">
      <a:schemeClr val="accent4">
        <a:shade val="60000"/>
      </a:schemeClr>
    </dgm:linClrLst>
    <dgm:effectClrLst/>
    <dgm:txLinClrLst/>
    <dgm:txFillClrLst meth="repeat">
      <a:schemeClr val="tx1"/>
    </dgm:txFillClrLst>
    <dgm:txEffectClrLst/>
  </dgm:styleLbl>
  <dgm:styleLbl name="parChTrans1D3">
    <dgm:fillClrLst meth="repeat">
      <a:schemeClr val="accent4"/>
    </dgm:fillClrLst>
    <dgm:linClrLst meth="repeat">
      <a:schemeClr val="accent4">
        <a:shade val="80000"/>
      </a:schemeClr>
    </dgm:linClrLst>
    <dgm:effectClrLst/>
    <dgm:txLinClrLst/>
    <dgm:txFillClrLst meth="repeat">
      <a:schemeClr val="tx1"/>
    </dgm:txFillClrLst>
    <dgm:txEffectClrLst/>
  </dgm:styleLbl>
  <dgm:styleLbl name="parChTrans1D4">
    <dgm:fillClrLst meth="repeat">
      <a:schemeClr val="accent4"/>
    </dgm:fillClrLst>
    <dgm:linClrLst meth="repeat">
      <a:schemeClr val="accent4">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solidFgAcc1">
    <dgm:fillClrLst meth="repeat">
      <a:schemeClr val="lt1"/>
    </dgm:fillClrLst>
    <dgm:linClrLst meth="repeat">
      <a:schemeClr val="accent4"/>
    </dgm:linClrLst>
    <dgm:effectClrLst/>
    <dgm:txLinClrLst/>
    <dgm:txFillClrLst meth="repeat">
      <a:schemeClr val="dk1"/>
    </dgm:txFillClrLst>
    <dgm:txEffectClrLst/>
  </dgm:styleLbl>
  <dgm:styleLbl name="solidAlignAcc1">
    <dgm:fillClrLst meth="repeat">
      <a:schemeClr val="lt1"/>
    </dgm:fillClrLst>
    <dgm:linClrLst meth="repeat">
      <a:schemeClr val="accent4"/>
    </dgm:linClrLst>
    <dgm:effectClrLst/>
    <dgm:txLinClrLst/>
    <dgm:txFillClrLst meth="repeat">
      <a:schemeClr val="dk1"/>
    </dgm:txFillClrLst>
    <dgm:txEffectClrLst/>
  </dgm:styleLbl>
  <dgm:styleLbl name="solidBgAcc1">
    <dgm:fillClrLst meth="repeat">
      <a:schemeClr val="lt1"/>
    </dgm:fillClrLst>
    <dgm:linClrLst meth="repeat">
      <a:schemeClr val="accent4"/>
    </dgm:linClrLst>
    <dgm:effectClrLst/>
    <dgm:txLinClrLst/>
    <dgm:txFillClrLst meth="repeat">
      <a:schemeClr val="dk1"/>
    </dgm:txFillClrLst>
    <dgm:txEffectClrLst/>
  </dgm:styleLbl>
  <dgm:styleLbl name="fg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align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bg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4"/>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accent4"/>
    </dgm:linClrLst>
    <dgm:effectClrLst/>
    <dgm:txLinClrLst/>
    <dgm:txFillClrLst meth="repeat">
      <a:schemeClr val="dk1"/>
    </dgm:txFillClrLst>
    <dgm:txEffectClrLst/>
  </dgm:styleLbl>
  <dgm:styleLbl name="dkBgShp">
    <dgm:fillClrLst meth="repeat">
      <a:schemeClr val="accent4">
        <a:shade val="80000"/>
      </a:schemeClr>
    </dgm:fillClrLst>
    <dgm:linClrLst meth="repeat">
      <a:schemeClr val="accent4"/>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4_3">
  <dgm:title val=""/>
  <dgm:desc val=""/>
  <dgm:catLst>
    <dgm:cat type="accent4" pri="11300"/>
  </dgm:catLst>
  <dgm:styleLbl name="node0">
    <dgm:fillClrLst meth="repeat">
      <a:schemeClr val="accent4">
        <a:shade val="80000"/>
      </a:schemeClr>
    </dgm:fillClrLst>
    <dgm:linClrLst meth="repeat">
      <a:schemeClr val="lt1"/>
    </dgm:linClrLst>
    <dgm:effectClrLst/>
    <dgm:txLinClrLst/>
    <dgm:txFillClrLst/>
    <dgm:txEffectClrLst/>
  </dgm:styleLbl>
  <dgm:styleLbl name="node1">
    <dgm:fillClrLst>
      <a:schemeClr val="accent4">
        <a:shade val="80000"/>
      </a:schemeClr>
      <a:schemeClr val="accent4">
        <a:tint val="70000"/>
      </a:schemeClr>
    </dgm:fillClrLst>
    <dgm:linClrLst meth="repeat">
      <a:schemeClr val="lt1"/>
    </dgm:linClrLst>
    <dgm:effectClrLst/>
    <dgm:txLinClrLst/>
    <dgm:txFillClrLst/>
    <dgm:txEffectClrLst/>
  </dgm:styleLbl>
  <dgm:styleLbl name="alignNode1">
    <dgm:fillClrLst>
      <a:schemeClr val="accent4">
        <a:shade val="80000"/>
      </a:schemeClr>
      <a:schemeClr val="accent4">
        <a:tint val="70000"/>
      </a:schemeClr>
    </dgm:fillClrLst>
    <dgm:linClrLst>
      <a:schemeClr val="accent4">
        <a:shade val="80000"/>
      </a:schemeClr>
      <a:schemeClr val="accent4">
        <a:tint val="70000"/>
      </a:schemeClr>
    </dgm:linClrLst>
    <dgm:effectClrLst/>
    <dgm:txLinClrLst/>
    <dgm:txFillClrLst/>
    <dgm:txEffectClrLst/>
  </dgm:styleLbl>
  <dgm:styleLbl name="lnNode1">
    <dgm:fillClrLst>
      <a:schemeClr val="accent4">
        <a:shade val="80000"/>
      </a:schemeClr>
      <a:schemeClr val="accent4">
        <a:tint val="70000"/>
      </a:schemeClr>
    </dgm:fillClrLst>
    <dgm:linClrLst meth="repeat">
      <a:schemeClr val="lt1"/>
    </dgm:linClrLst>
    <dgm:effectClrLst/>
    <dgm:txLinClrLst/>
    <dgm:txFillClrLst/>
    <dgm:txEffectClrLst/>
  </dgm:styleLbl>
  <dgm:styleLbl name="vennNode1">
    <dgm:fillClrLst>
      <a:schemeClr val="accent4">
        <a:shade val="80000"/>
        <a:alpha val="50000"/>
      </a:schemeClr>
      <a:schemeClr val="accent4">
        <a:tint val="70000"/>
        <a:alpha val="50000"/>
      </a:schemeClr>
    </dgm:fillClrLst>
    <dgm:linClrLst meth="repeat">
      <a:schemeClr val="lt1"/>
    </dgm:linClrLst>
    <dgm:effectClrLst/>
    <dgm:txLinClrLst/>
    <dgm:txFillClrLst/>
    <dgm:txEffectClrLst/>
  </dgm:styleLbl>
  <dgm:styleLbl name="node2">
    <dgm:fillClrLst>
      <a:schemeClr val="accent4">
        <a:tint val="99000"/>
      </a:schemeClr>
    </dgm:fillClrLst>
    <dgm:linClrLst meth="repeat">
      <a:schemeClr val="lt1"/>
    </dgm:linClrLst>
    <dgm:effectClrLst/>
    <dgm:txLinClrLst/>
    <dgm:txFillClrLst/>
    <dgm:txEffectClrLst/>
  </dgm:styleLbl>
  <dgm:styleLbl name="node3">
    <dgm:fillClrLst>
      <a:schemeClr val="accent4">
        <a:tint val="80000"/>
      </a:schemeClr>
    </dgm:fillClrLst>
    <dgm:linClrLst meth="repeat">
      <a:schemeClr val="lt1"/>
    </dgm:linClrLst>
    <dgm:effectClrLst/>
    <dgm:txLinClrLst/>
    <dgm:txFillClrLst/>
    <dgm:txEffectClrLst/>
  </dgm:styleLbl>
  <dgm:styleLbl name="node4">
    <dgm:fillClrLst>
      <a:schemeClr val="accent4">
        <a:tint val="70000"/>
      </a:schemeClr>
    </dgm:fillClrLst>
    <dgm:linClrLst meth="repeat">
      <a:schemeClr val="lt1"/>
    </dgm:linClrLst>
    <dgm:effectClrLst/>
    <dgm:txLinClrLst/>
    <dgm:txFillClrLst/>
    <dgm:txEffectClrLst/>
  </dgm:styleLbl>
  <dgm:styleLbl name="fgImgPlace1">
    <dgm:fillClrLst>
      <a:schemeClr val="accent4">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hade val="90000"/>
      </a:schemeClr>
      <a:schemeClr val="accent4">
        <a:tint val="70000"/>
      </a:schemeClr>
    </dgm:fillClrLst>
    <dgm:linClrLst>
      <a:schemeClr val="accent4">
        <a:shade val="90000"/>
      </a:schemeClr>
      <a:schemeClr val="accent4">
        <a:tint val="70000"/>
      </a:schemeClr>
    </dgm:linClrLst>
    <dgm:effectClrLst/>
    <dgm:txLinClrLst/>
    <dgm:txFillClrLst/>
    <dgm:txEffectClrLst/>
  </dgm:styleLbl>
  <dgm:styleLbl name="fgSibTrans2D1">
    <dgm:fillClrLst>
      <a:schemeClr val="accent4">
        <a:shade val="90000"/>
      </a:schemeClr>
      <a:schemeClr val="accent4">
        <a:tint val="70000"/>
      </a:schemeClr>
    </dgm:fillClrLst>
    <dgm:linClrLst>
      <a:schemeClr val="accent4">
        <a:shade val="90000"/>
      </a:schemeClr>
      <a:schemeClr val="accent4">
        <a:tint val="70000"/>
      </a:schemeClr>
    </dgm:linClrLst>
    <dgm:effectClrLst/>
    <dgm:txLinClrLst/>
    <dgm:txFillClrLst meth="repeat">
      <a:schemeClr val="lt1"/>
    </dgm:txFillClrLst>
    <dgm:txEffectClrLst/>
  </dgm:styleLbl>
  <dgm:styleLbl name="bgSibTrans2D1">
    <dgm:fillClrLst>
      <a:schemeClr val="accent4">
        <a:shade val="90000"/>
      </a:schemeClr>
      <a:schemeClr val="accent4">
        <a:tint val="70000"/>
      </a:schemeClr>
    </dgm:fillClrLst>
    <dgm:linClrLst>
      <a:schemeClr val="accent4">
        <a:shade val="90000"/>
      </a:schemeClr>
      <a:schemeClr val="accent4">
        <a:tint val="70000"/>
      </a:schemeClr>
    </dgm:linClrLst>
    <dgm:effectClrLst/>
    <dgm:txLinClrLst/>
    <dgm:txFillClrLst meth="repeat">
      <a:schemeClr val="lt1"/>
    </dgm:txFillClrLst>
    <dgm:txEffectClrLst/>
  </dgm:styleLbl>
  <dgm:styleLbl name="sibTrans1D1">
    <dgm:fillClrLst>
      <a:schemeClr val="accent4">
        <a:shade val="90000"/>
      </a:schemeClr>
      <a:schemeClr val="accent4">
        <a:tint val="70000"/>
      </a:schemeClr>
    </dgm:fillClrLst>
    <dgm:linClrLst>
      <a:schemeClr val="accent4">
        <a:shade val="90000"/>
      </a:schemeClr>
      <a:schemeClr val="accent4">
        <a:tint val="70000"/>
      </a:schemeClr>
    </dgm:linClrLst>
    <dgm:effectClrLst/>
    <dgm:txLinClrLst/>
    <dgm:txFillClrLst meth="repeat">
      <a:schemeClr val="tx1"/>
    </dgm:txFillClrLst>
    <dgm:txEffectClrLst/>
  </dgm:styleLbl>
  <dgm:styleLbl name="callout">
    <dgm:fillClrLst meth="repeat">
      <a:schemeClr val="accent4"/>
    </dgm:fillClrLst>
    <dgm:linClrLst meth="repeat">
      <a:schemeClr val="accent4"/>
    </dgm:linClrLst>
    <dgm:effectClrLst/>
    <dgm:txLinClrLst/>
    <dgm:txFillClrLst meth="repeat">
      <a:schemeClr val="tx1"/>
    </dgm:txFillClrLst>
    <dgm:txEffectClrLst/>
  </dgm:styleLbl>
  <dgm:styleLbl name="asst0">
    <dgm:fillClrLst meth="repeat">
      <a:schemeClr val="accent4">
        <a:shade val="80000"/>
      </a:schemeClr>
    </dgm:fillClrLst>
    <dgm:linClrLst meth="repeat">
      <a:schemeClr val="lt1"/>
    </dgm:linClrLst>
    <dgm:effectClrLst/>
    <dgm:txLinClrLst/>
    <dgm:txFillClrLst/>
    <dgm:txEffectClrLst/>
  </dgm:styleLbl>
  <dgm:styleLbl name="asst1">
    <dgm:fillClrLst meth="repeat">
      <a:schemeClr val="accent4">
        <a:shade val="80000"/>
      </a:schemeClr>
    </dgm:fillClrLst>
    <dgm:linClrLst meth="repeat">
      <a:schemeClr val="lt1"/>
    </dgm:linClrLst>
    <dgm:effectClrLst/>
    <dgm:txLinClrLst/>
    <dgm:txFillClrLst/>
    <dgm:txEffectClrLst/>
  </dgm:styleLbl>
  <dgm:styleLbl name="asst2">
    <dgm:fillClrLst>
      <a:schemeClr val="accent4">
        <a:tint val="99000"/>
      </a:schemeClr>
    </dgm:fillClrLst>
    <dgm:linClrLst meth="repeat">
      <a:schemeClr val="lt1"/>
    </dgm:linClrLst>
    <dgm:effectClrLst/>
    <dgm:txLinClrLst/>
    <dgm:txFillClrLst/>
    <dgm:txEffectClrLst/>
  </dgm:styleLbl>
  <dgm:styleLbl name="asst3">
    <dgm:fillClrLst>
      <a:schemeClr val="accent4">
        <a:tint val="80000"/>
      </a:schemeClr>
    </dgm:fillClrLst>
    <dgm:linClrLst meth="repeat">
      <a:schemeClr val="lt1"/>
    </dgm:linClrLst>
    <dgm:effectClrLst/>
    <dgm:txLinClrLst/>
    <dgm:txFillClrLst/>
    <dgm:txEffectClrLst/>
  </dgm:styleLbl>
  <dgm:styleLbl name="asst4">
    <dgm:fillClrLst>
      <a:schemeClr val="accent4">
        <a:tint val="70000"/>
      </a:schemeClr>
    </dgm:fillClrLst>
    <dgm:linClrLst meth="repeat">
      <a:schemeClr val="lt1"/>
    </dgm:linClrLst>
    <dgm:effectClrLst/>
    <dgm:txLinClrLst/>
    <dgm:txFillClrLst/>
    <dgm:txEffectClrLst/>
  </dgm:styleLbl>
  <dgm:styleLbl name="parChTrans2D1">
    <dgm:fillClrLst meth="repeat">
      <a:schemeClr val="accent4">
        <a:tint val="60000"/>
      </a:schemeClr>
    </dgm:fillClrLst>
    <dgm:linClrLst meth="repeat">
      <a:schemeClr val="accent4">
        <a:tint val="60000"/>
      </a:schemeClr>
    </dgm:linClrLst>
    <dgm:effectClrLst/>
    <dgm:txLinClrLst/>
    <dgm:txFillClrLst meth="repeat">
      <a:schemeClr val="lt1"/>
    </dgm:txFillClrLst>
    <dgm:txEffectClrLst/>
  </dgm:styleLbl>
  <dgm:styleLbl name="parChTrans2D2">
    <dgm:fillClrLst meth="repeat">
      <a:schemeClr val="accent4">
        <a:tint val="90000"/>
      </a:schemeClr>
    </dgm:fillClrLst>
    <dgm:linClrLst meth="repeat">
      <a:schemeClr val="accent4">
        <a:tint val="90000"/>
      </a:schemeClr>
    </dgm:linClrLst>
    <dgm:effectClrLst/>
    <dgm:txLinClrLst/>
    <dgm:txFillClrLst/>
    <dgm:txEffectClrLst/>
  </dgm:styleLbl>
  <dgm:styleLbl name="parChTrans2D3">
    <dgm:fillClrLst meth="repeat">
      <a:schemeClr val="accent4">
        <a:tint val="70000"/>
      </a:schemeClr>
    </dgm:fillClrLst>
    <dgm:linClrLst meth="repeat">
      <a:schemeClr val="accent4">
        <a:tint val="70000"/>
      </a:schemeClr>
    </dgm:linClrLst>
    <dgm:effectClrLst/>
    <dgm:txLinClrLst/>
    <dgm:txFillClrLst/>
    <dgm:txEffectClrLst/>
  </dgm:styleLbl>
  <dgm:styleLbl name="parChTrans2D4">
    <dgm:fillClrLst meth="repeat">
      <a:schemeClr val="accent4">
        <a:tint val="50000"/>
      </a:schemeClr>
    </dgm:fillClrLst>
    <dgm:linClrLst meth="repeat">
      <a:schemeClr val="accent4">
        <a:tint val="50000"/>
      </a:schemeClr>
    </dgm:linClrLst>
    <dgm:effectClrLst/>
    <dgm:txLinClrLst/>
    <dgm:txFillClrLst meth="repeat">
      <a:schemeClr val="lt1"/>
    </dgm:txFillClrLst>
    <dgm:txEffectClrLst/>
  </dgm:styleLbl>
  <dgm:styleLbl name="parChTrans1D1">
    <dgm:fillClrLst meth="repeat">
      <a:schemeClr val="accent4">
        <a:shade val="80000"/>
      </a:schemeClr>
    </dgm:fillClrLst>
    <dgm:linClrLst meth="repeat">
      <a:schemeClr val="accent4">
        <a:shade val="80000"/>
      </a:schemeClr>
    </dgm:linClrLst>
    <dgm:effectClrLst/>
    <dgm:txLinClrLst/>
    <dgm:txFillClrLst meth="repeat">
      <a:schemeClr val="tx1"/>
    </dgm:txFillClrLst>
    <dgm:txEffectClrLst/>
  </dgm:styleLbl>
  <dgm:styleLbl name="parChTrans1D2">
    <dgm:fillClrLst meth="repeat">
      <a:schemeClr val="accent4">
        <a:tint val="99000"/>
      </a:schemeClr>
    </dgm:fillClrLst>
    <dgm:linClrLst meth="repeat">
      <a:schemeClr val="accent4">
        <a:tint val="99000"/>
      </a:schemeClr>
    </dgm:linClrLst>
    <dgm:effectClrLst/>
    <dgm:txLinClrLst/>
    <dgm:txFillClrLst meth="repeat">
      <a:schemeClr val="tx1"/>
    </dgm:txFillClrLst>
    <dgm:txEffectClrLst/>
  </dgm:styleLbl>
  <dgm:styleLbl name="parChTrans1D3">
    <dgm:fillClrLst meth="repeat">
      <a:schemeClr val="accent4">
        <a:tint val="80000"/>
      </a:schemeClr>
    </dgm:fillClrLst>
    <dgm:linClrLst meth="repeat">
      <a:schemeClr val="accent4">
        <a:tint val="80000"/>
      </a:schemeClr>
    </dgm:linClrLst>
    <dgm:effectClrLst/>
    <dgm:txLinClrLst/>
    <dgm:txFillClrLst meth="repeat">
      <a:schemeClr val="tx1"/>
    </dgm:txFillClrLst>
    <dgm:txEffectClrLst/>
  </dgm:styleLbl>
  <dgm:styleLbl name="parChTrans1D4">
    <dgm:fillClrLst meth="repeat">
      <a:schemeClr val="accent4">
        <a:tint val="70000"/>
      </a:schemeClr>
    </dgm:fillClrLst>
    <dgm:linClrLst meth="repeat">
      <a:schemeClr val="accent4">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hade val="80000"/>
      </a:schemeClr>
      <a:schemeClr val="accent4">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hade val="80000"/>
      </a:schemeClr>
      <a:schemeClr val="accent4">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hade val="80000"/>
      </a:schemeClr>
      <a:schemeClr val="accent4">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hade val="80000"/>
      </a:schemeClr>
      <a:schemeClr val="accent4">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4">
        <a:shade val="80000"/>
      </a:schemeClr>
      <a:schemeClr val="accent4">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4"/>
    </dgm:linClrLst>
    <dgm:effectClrLst/>
    <dgm:txLinClrLst/>
    <dgm:txFillClrLst meth="repeat">
      <a:schemeClr val="dk1"/>
    </dgm:txFillClrLst>
    <dgm:txEffectClrLst/>
  </dgm:styleLbl>
  <dgm:styleLbl name="solidBgAcc1">
    <dgm:fillClrLst meth="repeat">
      <a:schemeClr val="lt1"/>
    </dgm:fillClrLst>
    <dgm:linClrLst meth="repeat">
      <a:schemeClr val="accent4"/>
    </dgm:linClrLst>
    <dgm:effectClrLst/>
    <dgm:txLinClrLst/>
    <dgm:txFillClrLst meth="repeat">
      <a:schemeClr val="dk1"/>
    </dgm:txFillClrLst>
    <dgm:txEffectClrLst/>
  </dgm:styleLbl>
  <dgm:styleLbl name="fg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alignAccFollowNode1">
    <dgm:fillClrLst meth="repeat">
      <a:schemeClr val="accent4">
        <a:alpha val="90000"/>
        <a:tint val="40000"/>
      </a:schemeClr>
    </dgm:fillClrLst>
    <dgm:linClrLst meth="repeat">
      <a:schemeClr val="accent4">
        <a:alpha val="90000"/>
        <a:tint val="40000"/>
      </a:schemeClr>
    </dgm:linClrLst>
    <dgm:effectClrLst/>
    <dgm:txLinClrLst/>
    <dgm:txFillClrLst meth="repeat">
      <a:schemeClr val="dk1"/>
    </dgm:txFillClrLst>
    <dgm:txEffectClrLst/>
  </dgm:styleLbl>
  <dgm:styleLbl name="bgAccFollowNode1">
    <dgm:fillClrLst meth="repeat">
      <a:schemeClr val="accent4">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4">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4">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4">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4">
        <a:tint val="70000"/>
      </a:schemeClr>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accent0_2">
  <dgm:title val=""/>
  <dgm:desc val=""/>
  <dgm:catLst>
    <dgm:cat type="mainScheme" pri="10200"/>
  </dgm:catLst>
  <dgm:styleLbl name="node0">
    <dgm:fillClrLst meth="repeat">
      <a:schemeClr val="lt1"/>
    </dgm:fillClrLst>
    <dgm:linClrLst meth="repeat">
      <a:schemeClr val="dk2">
        <a:shade val="80000"/>
      </a:schemeClr>
    </dgm:linClrLst>
    <dgm:effectClrLst/>
    <dgm:txLinClrLst/>
    <dgm:txFillClrLst meth="repeat">
      <a:schemeClr val="dk2"/>
    </dgm:txFillClrLst>
    <dgm:txEffectClrLst/>
  </dgm:styleLbl>
  <dgm:styleLbl name="node1">
    <dgm:fillClrLst meth="repeat">
      <a:schemeClr val="lt1"/>
    </dgm:fillClrLst>
    <dgm:linClrLst meth="repeat">
      <a:schemeClr val="dk2">
        <a:shade val="80000"/>
      </a:schemeClr>
    </dgm:linClrLst>
    <dgm:effectClrLst/>
    <dgm:txLinClrLst/>
    <dgm:txFillClrLst meth="repeat">
      <a:schemeClr val="dk2"/>
    </dgm:txFillClrLst>
    <dgm:txEffectClrLst/>
  </dgm:styleLbl>
  <dgm:styleLbl name="alignNode1">
    <dgm:fillClrLst meth="repeat">
      <a:schemeClr val="lt1"/>
    </dgm:fillClrLst>
    <dgm:linClrLst meth="repeat">
      <a:schemeClr val="dk2">
        <a:shade val="80000"/>
      </a:schemeClr>
    </dgm:linClrLst>
    <dgm:effectClrLst/>
    <dgm:txLinClrLst/>
    <dgm:txFillClrLst meth="repeat">
      <a:schemeClr val="dk2"/>
    </dgm:txFillClrLst>
    <dgm:txEffectClrLst/>
  </dgm:styleLbl>
  <dgm:styleLbl name="lnNode1">
    <dgm:fillClrLst meth="repeat">
      <a:schemeClr val="lt1"/>
    </dgm:fillClrLst>
    <dgm:linClrLst meth="repeat">
      <a:schemeClr val="dk2">
        <a:shade val="80000"/>
      </a:schemeClr>
    </dgm:linClrLst>
    <dgm:effectClrLst/>
    <dgm:txLinClrLst/>
    <dgm:txFillClrLst meth="repeat">
      <a:schemeClr val="dk2"/>
    </dgm:txFillClrLst>
    <dgm:txEffectClrLst/>
  </dgm:styleLbl>
  <dgm:styleLbl name="vennNode1">
    <dgm:fillClrLst meth="repeat">
      <a:schemeClr val="lt1">
        <a:alpha val="50000"/>
      </a:schemeClr>
    </dgm:fillClrLst>
    <dgm:linClrLst meth="repeat">
      <a:schemeClr val="dk2">
        <a:shade val="80000"/>
      </a:schemeClr>
    </dgm:linClrLst>
    <dgm:effectClrLst/>
    <dgm:txLinClrLst/>
    <dgm:txFillClrLst/>
    <dgm:txEffectClrLst/>
  </dgm:styleLbl>
  <dgm:styleLbl name="node2">
    <dgm:fillClrLst meth="repeat">
      <a:schemeClr val="lt1"/>
    </dgm:fillClrLst>
    <dgm:linClrLst meth="repeat">
      <a:schemeClr val="dk2">
        <a:shade val="80000"/>
      </a:schemeClr>
    </dgm:linClrLst>
    <dgm:effectClrLst/>
    <dgm:txLinClrLst/>
    <dgm:txFillClrLst meth="repeat">
      <a:schemeClr val="dk2"/>
    </dgm:txFillClrLst>
    <dgm:txEffectClrLst/>
  </dgm:styleLbl>
  <dgm:styleLbl name="node3">
    <dgm:fillClrLst meth="repeat">
      <a:schemeClr val="lt1"/>
    </dgm:fillClrLst>
    <dgm:linClrLst meth="repeat">
      <a:schemeClr val="dk2">
        <a:shade val="80000"/>
      </a:schemeClr>
    </dgm:linClrLst>
    <dgm:effectClrLst/>
    <dgm:txLinClrLst/>
    <dgm:txFillClrLst meth="repeat">
      <a:schemeClr val="dk2"/>
    </dgm:txFillClrLst>
    <dgm:txEffectClrLst/>
  </dgm:styleLbl>
  <dgm:styleLbl name="node4">
    <dgm:fillClrLst meth="repeat">
      <a:schemeClr val="lt1"/>
    </dgm:fillClrLst>
    <dgm:linClrLst meth="repeat">
      <a:schemeClr val="dk2">
        <a:shade val="80000"/>
      </a:schemeClr>
    </dgm:linClrLst>
    <dgm:effectClrLst/>
    <dgm:txLinClrLst/>
    <dgm:txFillClrLst meth="repeat">
      <a:schemeClr val="dk2"/>
    </dgm:txFillClrLst>
    <dgm:txEffectClrLst/>
  </dgm:styleLbl>
  <dgm:styleLbl name="fgImgPlace1">
    <dgm:fillClrLst meth="repeat">
      <a:schemeClr val="dk2">
        <a:tint val="40000"/>
      </a:schemeClr>
    </dgm:fillClrLst>
    <dgm:linClrLst meth="repeat">
      <a:schemeClr val="dk2">
        <a:shade val="80000"/>
      </a:schemeClr>
    </dgm:linClrLst>
    <dgm:effectClrLst/>
    <dgm:txLinClrLst/>
    <dgm:txFillClrLst meth="repeat">
      <a:schemeClr val="lt1"/>
    </dgm:txFillClrLst>
    <dgm:txEffectClrLst/>
  </dgm:styleLbl>
  <dgm:styleLbl name="alignImgPlace1">
    <dgm:fillClrLst meth="repeat">
      <a:schemeClr val="dk2">
        <a:tint val="40000"/>
      </a:schemeClr>
    </dgm:fillClrLst>
    <dgm:linClrLst meth="repeat">
      <a:schemeClr val="dk2">
        <a:shade val="80000"/>
      </a:schemeClr>
    </dgm:linClrLst>
    <dgm:effectClrLst/>
    <dgm:txLinClrLst/>
    <dgm:txFillClrLst meth="repeat">
      <a:schemeClr val="lt1"/>
    </dgm:txFillClrLst>
    <dgm:txEffectClrLst/>
  </dgm:styleLbl>
  <dgm:styleLbl name="bgImgPlace1">
    <dgm:fillClrLst meth="repeat">
      <a:schemeClr val="dk2">
        <a:tint val="40000"/>
      </a:schemeClr>
    </dgm:fillClrLst>
    <dgm:linClrLst meth="repeat">
      <a:schemeClr val="dk2">
        <a:shade val="80000"/>
      </a:schemeClr>
    </dgm:linClrLst>
    <dgm:effectClrLst/>
    <dgm:txLinClrLst/>
    <dgm:txFillClrLst meth="repeat">
      <a:schemeClr val="lt1"/>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meth="repeat">
      <a:schemeClr val="dk2"/>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meth="repeat">
      <a:schemeClr val="dk2"/>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meth="repeat">
      <a:schemeClr val="dk2"/>
    </dgm:txFillClrLst>
    <dgm:txEffectClrLst/>
  </dgm:styleLbl>
  <dgm:styleLbl name="sibTrans1D1">
    <dgm:fillClrLst meth="repeat">
      <a:schemeClr val="dk2"/>
    </dgm:fillClrLst>
    <dgm:linClrLst meth="repeat">
      <a:schemeClr val="dk2"/>
    </dgm:linClrLst>
    <dgm:effectClrLst/>
    <dgm:txLinClrLst/>
    <dgm:txFillClrLst meth="repeat">
      <a:schemeClr val="tx1"/>
    </dgm:txFillClrLst>
    <dgm:txEffectClrLst/>
  </dgm:styleLbl>
  <dgm:styleLbl name="callout">
    <dgm:fillClrLst meth="repeat">
      <a:schemeClr val="dk2"/>
    </dgm:fillClrLst>
    <dgm:linClrLst meth="repeat">
      <a:schemeClr val="dk2"/>
    </dgm:linClrLst>
    <dgm:effectClrLst/>
    <dgm:txLinClrLst/>
    <dgm:txFillClrLst meth="repeat">
      <a:schemeClr val="tx1"/>
    </dgm:txFillClrLst>
    <dgm:txEffectClrLst/>
  </dgm:styleLbl>
  <dgm:styleLbl name="asst0">
    <dgm:fillClrLst meth="repeat">
      <a:schemeClr val="lt1"/>
    </dgm:fillClrLst>
    <dgm:linClrLst meth="repeat">
      <a:schemeClr val="dk2">
        <a:shade val="80000"/>
      </a:schemeClr>
    </dgm:linClrLst>
    <dgm:effectClrLst/>
    <dgm:txLinClrLst/>
    <dgm:txFillClrLst meth="repeat">
      <a:schemeClr val="dk2"/>
    </dgm:txFillClrLst>
    <dgm:txEffectClrLst/>
  </dgm:styleLbl>
  <dgm:styleLbl name="asst1">
    <dgm:fillClrLst meth="repeat">
      <a:schemeClr val="lt1"/>
    </dgm:fillClrLst>
    <dgm:linClrLst meth="repeat">
      <a:schemeClr val="dk2">
        <a:shade val="80000"/>
      </a:schemeClr>
    </dgm:linClrLst>
    <dgm:effectClrLst/>
    <dgm:txLinClrLst/>
    <dgm:txFillClrLst meth="repeat">
      <a:schemeClr val="dk2"/>
    </dgm:txFillClrLst>
    <dgm:txEffectClrLst/>
  </dgm:styleLbl>
  <dgm:styleLbl name="asst2">
    <dgm:fillClrLst meth="repeat">
      <a:schemeClr val="lt1"/>
    </dgm:fillClrLst>
    <dgm:linClrLst meth="repeat">
      <a:schemeClr val="dk2">
        <a:shade val="80000"/>
      </a:schemeClr>
    </dgm:linClrLst>
    <dgm:effectClrLst/>
    <dgm:txLinClrLst/>
    <dgm:txFillClrLst meth="repeat">
      <a:schemeClr val="dk2"/>
    </dgm:txFillClrLst>
    <dgm:txEffectClrLst/>
  </dgm:styleLbl>
  <dgm:styleLbl name="asst3">
    <dgm:fillClrLst meth="repeat">
      <a:schemeClr val="lt1"/>
    </dgm:fillClrLst>
    <dgm:linClrLst meth="repeat">
      <a:schemeClr val="dk2">
        <a:shade val="80000"/>
      </a:schemeClr>
    </dgm:linClrLst>
    <dgm:effectClrLst/>
    <dgm:txLinClrLst/>
    <dgm:txFillClrLst meth="repeat">
      <a:schemeClr val="dk2"/>
    </dgm:txFillClrLst>
    <dgm:txEffectClrLst/>
  </dgm:styleLbl>
  <dgm:styleLbl name="asst4">
    <dgm:fillClrLst meth="repeat">
      <a:schemeClr val="lt1"/>
    </dgm:fillClrLst>
    <dgm:linClrLst meth="repeat">
      <a:schemeClr val="dk2">
        <a:shade val="80000"/>
      </a:schemeClr>
    </dgm:linClrLst>
    <dgm:effectClrLst/>
    <dgm:txLinClrLst/>
    <dgm:txFillClrLst meth="repeat">
      <a:schemeClr val="dk2"/>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dgm:txEffectClrLst/>
  </dgm:styleLbl>
  <dgm:styleLbl name="parChTrans2D2">
    <dgm:fillClrLst meth="repeat">
      <a:schemeClr val="dk2"/>
    </dgm:fillClrLst>
    <dgm:linClrLst meth="repeat">
      <a:schemeClr val="dk2"/>
    </dgm:linClrLst>
    <dgm:effectClrLst/>
    <dgm:txLinClrLst/>
    <dgm:txFillClrLst/>
    <dgm:txEffectClrLst/>
  </dgm:styleLbl>
  <dgm:styleLbl name="parChTrans2D3">
    <dgm:fillClrLst meth="repeat">
      <a:schemeClr val="dk2"/>
    </dgm:fillClrLst>
    <dgm:linClrLst meth="repeat">
      <a:schemeClr val="dk2"/>
    </dgm:linClrLst>
    <dgm:effectClrLst/>
    <dgm:txLinClrLst/>
    <dgm:txFillClrLst/>
    <dgm:txEffectClrLst/>
  </dgm:styleLbl>
  <dgm:styleLbl name="parChTrans2D4">
    <dgm:fillClrLst meth="repeat">
      <a:schemeClr val="dk2"/>
    </dgm:fillClrLst>
    <dgm:linClrLst meth="repeat">
      <a:schemeClr val="dk2"/>
    </dgm:linClrLst>
    <dgm:effectClrLst/>
    <dgm:txLinClrLst/>
    <dgm:txFillClrLst meth="repeat">
      <a:schemeClr val="lt1"/>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conFgAcc1">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alignAcc1">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trAlignAcc1">
    <dgm:fillClrLst meth="repeat">
      <a:schemeClr val="dk2">
        <a:alpha val="40000"/>
        <a:tint val="40000"/>
      </a:schemeClr>
    </dgm:fillClrLst>
    <dgm:linClrLst meth="repeat">
      <a:schemeClr val="dk2"/>
    </dgm:linClrLst>
    <dgm:effectClrLst/>
    <dgm:txLinClrLst/>
    <dgm:txFillClrLst meth="repeat">
      <a:schemeClr val="dk2"/>
    </dgm:txFillClrLst>
    <dgm:txEffectClrLst/>
  </dgm:styleLbl>
  <dgm:styleLbl name="bgAcc1">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solidFgAcc1">
    <dgm:fillClrLst meth="repeat">
      <a:schemeClr val="lt1"/>
    </dgm:fillClrLst>
    <dgm:linClrLst meth="repeat">
      <a:schemeClr val="dk2"/>
    </dgm:linClrLst>
    <dgm:effectClrLst/>
    <dgm:txLinClrLst/>
    <dgm:txFillClrLst meth="repeat">
      <a:schemeClr val="dk2"/>
    </dgm:txFillClrLst>
    <dgm:txEffectClrLst/>
  </dgm:styleLbl>
  <dgm:styleLbl name="solidAlignAcc1">
    <dgm:fillClrLst meth="repeat">
      <a:schemeClr val="lt1"/>
    </dgm:fillClrLst>
    <dgm:linClrLst meth="repeat">
      <a:schemeClr val="dk2"/>
    </dgm:linClrLst>
    <dgm:effectClrLst/>
    <dgm:txLinClrLst/>
    <dgm:txFillClrLst meth="repeat">
      <a:schemeClr val="dk2"/>
    </dgm:txFillClrLst>
    <dgm:txEffectClrLst/>
  </dgm:styleLbl>
  <dgm:styleLbl name="solidBgAcc1">
    <dgm:fillClrLst meth="repeat">
      <a:schemeClr val="lt1"/>
    </dgm:fillClrLst>
    <dgm:linClrLst meth="repeat">
      <a:schemeClr val="dk2"/>
    </dgm:linClrLst>
    <dgm:effectClrLst/>
    <dgm:txLinClrLst/>
    <dgm:txFillClrLst meth="repeat">
      <a:schemeClr val="dk2"/>
    </dgm:txFillClrLst>
    <dgm:txEffectClrLst/>
  </dgm:styleLbl>
  <dgm:styleLbl name="fgAccFollowNode1">
    <dgm:fillClrLst meth="repeat">
      <a:schemeClr val="lt1">
        <a:alpha val="90000"/>
        <a:tint val="40000"/>
      </a:schemeClr>
    </dgm:fillClrLst>
    <dgm:linClrLst meth="repeat">
      <a:schemeClr val="dk2">
        <a:alpha val="90000"/>
      </a:schemeClr>
    </dgm:linClrLst>
    <dgm:effectClrLst/>
    <dgm:txLinClrLst/>
    <dgm:txFillClrLst meth="repeat">
      <a:schemeClr val="dk2"/>
    </dgm:txFillClrLst>
    <dgm:txEffectClrLst/>
  </dgm:styleLbl>
  <dgm:styleLbl name="alignAccFollowNode1">
    <dgm:fillClrLst meth="repeat">
      <a:schemeClr val="lt1">
        <a:alpha val="90000"/>
        <a:tint val="40000"/>
      </a:schemeClr>
    </dgm:fillClrLst>
    <dgm:linClrLst meth="repeat">
      <a:schemeClr val="dk2">
        <a:alpha val="90000"/>
      </a:schemeClr>
    </dgm:linClrLst>
    <dgm:effectClrLst/>
    <dgm:txLinClrLst/>
    <dgm:txFillClrLst meth="repeat">
      <a:schemeClr val="dk2"/>
    </dgm:txFillClrLst>
    <dgm:txEffectClrLst/>
  </dgm:styleLbl>
  <dgm:styleLbl name="bgAccFollowNode1">
    <dgm:fillClrLst meth="repeat">
      <a:schemeClr val="lt1">
        <a:alpha val="90000"/>
        <a:tint val="40000"/>
      </a:schemeClr>
    </dgm:fillClrLst>
    <dgm:linClrLst meth="repeat">
      <a:schemeClr val="dk2">
        <a:alpha val="90000"/>
      </a:schemeClr>
    </dgm:linClrLst>
    <dgm:effectClrLst/>
    <dgm:txLinClrLst/>
    <dgm:txFillClrLst meth="repeat">
      <a:schemeClr val="dk2"/>
    </dgm:txFillClrLst>
    <dgm:txEffectClrLst/>
  </dgm:styleLbl>
  <dgm:styleLbl name="fgAcc0">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fgAcc2">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fgAcc3">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fgAcc4">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2"/>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2"/>
    </dgm:txFillClrLst>
    <dgm:txEffectClrLst/>
  </dgm:styleLbl>
  <dgm:styleLbl name="fgShp">
    <dgm:fillClrLst meth="repeat">
      <a:schemeClr val="dk2">
        <a:tint val="60000"/>
      </a:schemeClr>
    </dgm:fillClrLst>
    <dgm:linClrLst meth="repeat">
      <a:schemeClr val="lt1"/>
    </dgm:linClrLst>
    <dgm:effectClrLst/>
    <dgm:txLinClrLst/>
    <dgm:txFillClrLst meth="repeat">
      <a:schemeClr val="dk2"/>
    </dgm:txFillClrLst>
    <dgm:txEffectClrLst/>
  </dgm:styleLbl>
  <dgm:styleLbl name="revTx">
    <dgm:fillClrLst meth="repeat">
      <a:schemeClr val="lt1">
        <a:alpha val="0"/>
      </a:schemeClr>
    </dgm:fillClrLst>
    <dgm:linClrLst meth="repeat">
      <a:schemeClr val="dk2">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436FCC67-15C4-450E-AFD0-98AF650AE9CB}" type="doc">
      <dgm:prSet loTypeId="urn:microsoft.com/office/officeart/2005/8/layout/lProcess3" loCatId="process" qsTypeId="urn:microsoft.com/office/officeart/2005/8/quickstyle/simple1" qsCatId="simple" csTypeId="urn:microsoft.com/office/officeart/2005/8/colors/accent1_2" csCatId="accent1" phldr="1"/>
      <dgm:spPr/>
      <dgm:t>
        <a:bodyPr/>
        <a:lstStyle/>
        <a:p>
          <a:endParaRPr lang="en-US"/>
        </a:p>
      </dgm:t>
    </dgm:pt>
    <dgm:pt modelId="{34FA45F9-0405-4AF6-9221-ED2D1E26F090}">
      <dgm:prSet phldrT="[טקסט]" custT="1"/>
      <dgm:spPr/>
      <dgm:t>
        <a:bodyPr anchor="t"/>
        <a:lstStyle/>
        <a:p>
          <a:pPr algn="ctr"/>
          <a:r>
            <a:rPr lang="he-IL" sz="1600" b="1" u="sng" dirty="0" smtClean="0"/>
            <a:t>שלב החקירה</a:t>
          </a:r>
        </a:p>
        <a:p>
          <a:pPr algn="r"/>
          <a:r>
            <a:rPr lang="he-IL" sz="1600" b="0" u="none" dirty="0" smtClean="0"/>
            <a:t>- מטרה            -מערכת כללית</a:t>
          </a:r>
        </a:p>
        <a:p>
          <a:pPr algn="r"/>
          <a:r>
            <a:rPr lang="he-IL" sz="1600" b="0" u="none" dirty="0" smtClean="0"/>
            <a:t>-תכלית אסטרטגית - </a:t>
          </a:r>
          <a:r>
            <a:rPr lang="he-IL" sz="1600" b="0" u="none" dirty="0" err="1" smtClean="0"/>
            <a:t>גניאולוגיה</a:t>
          </a:r>
          <a:endParaRPr lang="he-IL" sz="1600" b="0" u="none" dirty="0" smtClean="0"/>
        </a:p>
        <a:p>
          <a:pPr algn="r"/>
          <a:r>
            <a:rPr lang="he-IL" sz="1600" b="0" u="none" dirty="0" smtClean="0"/>
            <a:t>- אינטרסים        - היסט</a:t>
          </a:r>
        </a:p>
        <a:p>
          <a:pPr algn="r"/>
          <a:r>
            <a:rPr lang="he-IL" sz="1600" b="0" u="none" dirty="0" smtClean="0"/>
            <a:t> איומים             - פוטנציאל</a:t>
          </a:r>
          <a:r>
            <a:rPr lang="en-US" sz="1600" b="0" u="none" dirty="0" smtClean="0"/>
            <a:t>-</a:t>
          </a:r>
          <a:endParaRPr lang="he-IL" sz="1600" b="0" u="none" dirty="0" smtClean="0"/>
        </a:p>
      </dgm:t>
    </dgm:pt>
    <dgm:pt modelId="{001578A1-54CF-4CCD-9413-B88F5CF3AE1B}" type="parTrans" cxnId="{109491DC-EDF1-429A-93E6-DE98496342E6}">
      <dgm:prSet/>
      <dgm:spPr/>
      <dgm:t>
        <a:bodyPr/>
        <a:lstStyle/>
        <a:p>
          <a:endParaRPr lang="en-US"/>
        </a:p>
      </dgm:t>
    </dgm:pt>
    <dgm:pt modelId="{23A64E12-5C7A-472C-96AD-A7D6FB129226}" type="sibTrans" cxnId="{109491DC-EDF1-429A-93E6-DE98496342E6}">
      <dgm:prSet/>
      <dgm:spPr/>
      <dgm:t>
        <a:bodyPr/>
        <a:lstStyle/>
        <a:p>
          <a:endParaRPr lang="en-US"/>
        </a:p>
      </dgm:t>
    </dgm:pt>
    <dgm:pt modelId="{F3AD619B-7FE8-4ACF-9F4A-F9619A59EFEF}">
      <dgm:prSet phldrT="[טקסט]" custT="1"/>
      <dgm:spPr/>
      <dgm:t>
        <a:bodyPr anchor="t"/>
        <a:lstStyle/>
        <a:p>
          <a:pPr algn="r"/>
          <a:r>
            <a:rPr lang="he-IL" sz="1600" b="1" u="sng" dirty="0" smtClean="0"/>
            <a:t>שלב תכנון מערכה</a:t>
          </a:r>
        </a:p>
        <a:p>
          <a:pPr algn="ctr"/>
          <a:r>
            <a:rPr lang="he-IL" sz="1400" b="0" u="none" dirty="0" smtClean="0"/>
            <a:t>- השינוי הנדרש</a:t>
          </a:r>
        </a:p>
        <a:p>
          <a:pPr algn="ctr"/>
          <a:r>
            <a:rPr lang="he-IL" sz="1400" b="0" u="none" dirty="0" smtClean="0"/>
            <a:t>- ארגון הצורה</a:t>
          </a:r>
        </a:p>
        <a:p>
          <a:pPr algn="ctr"/>
          <a:r>
            <a:rPr lang="he-IL" sz="1400" b="0" u="none" dirty="0" smtClean="0"/>
            <a:t>-ארגון המערכת </a:t>
          </a:r>
        </a:p>
        <a:p>
          <a:pPr algn="ctr"/>
          <a:r>
            <a:rPr lang="he-IL" sz="1400" b="0" u="none" dirty="0" smtClean="0"/>
            <a:t>- שינויים אישיים בהיבטים המערכתיים-ארגוניים</a:t>
          </a:r>
        </a:p>
        <a:p>
          <a:pPr algn="ctr"/>
          <a:endParaRPr lang="en-US" sz="1400" b="0" u="none" dirty="0"/>
        </a:p>
      </dgm:t>
    </dgm:pt>
    <dgm:pt modelId="{04E6FB1B-DF83-4297-BC4F-7A084C0CCEC9}" type="parTrans" cxnId="{BBF248A2-7BCD-4A37-B30B-4CD734D3DE80}">
      <dgm:prSet/>
      <dgm:spPr/>
      <dgm:t>
        <a:bodyPr/>
        <a:lstStyle/>
        <a:p>
          <a:endParaRPr lang="en-US"/>
        </a:p>
      </dgm:t>
    </dgm:pt>
    <dgm:pt modelId="{8F3DB4B4-71D3-4590-9C90-D6368B6FDD84}" type="sibTrans" cxnId="{BBF248A2-7BCD-4A37-B30B-4CD734D3DE80}">
      <dgm:prSet/>
      <dgm:spPr/>
      <dgm:t>
        <a:bodyPr/>
        <a:lstStyle/>
        <a:p>
          <a:endParaRPr lang="en-US"/>
        </a:p>
      </dgm:t>
    </dgm:pt>
    <dgm:pt modelId="{890DF919-E961-4411-BE53-16F51F6DAE3C}">
      <dgm:prSet phldrT="[טקסט]" custT="1"/>
      <dgm:spPr/>
      <dgm:t>
        <a:bodyPr anchor="t"/>
        <a:lstStyle/>
        <a:p>
          <a:r>
            <a:rPr lang="he-IL" sz="1600" b="1" u="sng" dirty="0" smtClean="0"/>
            <a:t>שלב הסימולציה</a:t>
          </a:r>
        </a:p>
        <a:p>
          <a:r>
            <a:rPr lang="he-IL" sz="1400" b="0" u="none" dirty="0" smtClean="0"/>
            <a:t>מימוש התוכנית </a:t>
          </a:r>
        </a:p>
        <a:p>
          <a:r>
            <a:rPr lang="he-IL" sz="1400" b="0" u="none" dirty="0" smtClean="0"/>
            <a:t>המערכתית</a:t>
          </a:r>
        </a:p>
        <a:p>
          <a:pPr rtl="1"/>
          <a:r>
            <a:rPr lang="en-US" sz="1400" b="0" u="none" dirty="0" smtClean="0"/>
            <a:t>Reframing </a:t>
          </a:r>
        </a:p>
        <a:p>
          <a:pPr rtl="1"/>
          <a:r>
            <a:rPr lang="he-IL" sz="1400" b="0" u="none" dirty="0" smtClean="0"/>
            <a:t>מימוש </a:t>
          </a:r>
          <a:r>
            <a:rPr lang="he-IL" sz="1400" b="0" u="none" dirty="0" err="1" smtClean="0"/>
            <a:t>תוכנית</a:t>
          </a:r>
          <a:r>
            <a:rPr lang="he-IL" sz="1400" b="0" u="none" dirty="0" smtClean="0"/>
            <a:t> מעודכנת</a:t>
          </a:r>
        </a:p>
      </dgm:t>
    </dgm:pt>
    <dgm:pt modelId="{89E53781-EEFC-4C08-870A-AEE3E1F33428}" type="parTrans" cxnId="{CAC63229-7F5E-483E-9435-35FE0B8B92FC}">
      <dgm:prSet/>
      <dgm:spPr/>
      <dgm:t>
        <a:bodyPr/>
        <a:lstStyle/>
        <a:p>
          <a:endParaRPr lang="en-US"/>
        </a:p>
      </dgm:t>
    </dgm:pt>
    <dgm:pt modelId="{CB3084CA-FD14-4EB8-B503-649B6F56F109}" type="sibTrans" cxnId="{CAC63229-7F5E-483E-9435-35FE0B8B92FC}">
      <dgm:prSet/>
      <dgm:spPr/>
      <dgm:t>
        <a:bodyPr/>
        <a:lstStyle/>
        <a:p>
          <a:endParaRPr lang="en-US"/>
        </a:p>
      </dgm:t>
    </dgm:pt>
    <dgm:pt modelId="{1072BCE2-7C47-43E3-92DE-474F2ACDAB20}" type="pres">
      <dgm:prSet presAssocID="{436FCC67-15C4-450E-AFD0-98AF650AE9CB}" presName="Name0" presStyleCnt="0">
        <dgm:presLayoutVars>
          <dgm:chPref val="3"/>
          <dgm:dir/>
          <dgm:animLvl val="lvl"/>
          <dgm:resizeHandles/>
        </dgm:presLayoutVars>
      </dgm:prSet>
      <dgm:spPr/>
      <dgm:t>
        <a:bodyPr/>
        <a:lstStyle/>
        <a:p>
          <a:endParaRPr lang="en-US"/>
        </a:p>
      </dgm:t>
    </dgm:pt>
    <dgm:pt modelId="{B7E8CB52-6450-4DFC-AA8C-A52F1CE5B0EB}" type="pres">
      <dgm:prSet presAssocID="{34FA45F9-0405-4AF6-9221-ED2D1E26F090}" presName="horFlow" presStyleCnt="0"/>
      <dgm:spPr/>
      <dgm:t>
        <a:bodyPr/>
        <a:lstStyle/>
        <a:p>
          <a:pPr rtl="1"/>
          <a:endParaRPr lang="he-IL"/>
        </a:p>
      </dgm:t>
    </dgm:pt>
    <dgm:pt modelId="{643C57E6-D900-425E-AA00-F04D83AD529F}" type="pres">
      <dgm:prSet presAssocID="{34FA45F9-0405-4AF6-9221-ED2D1E26F090}" presName="bigChev" presStyleLbl="node1" presStyleIdx="0" presStyleCnt="1" custScaleX="30969" custScaleY="27724" custLinFactNeighborX="-50117" custLinFactNeighborY="-16241"/>
      <dgm:spPr/>
      <dgm:t>
        <a:bodyPr/>
        <a:lstStyle/>
        <a:p>
          <a:endParaRPr lang="en-US"/>
        </a:p>
      </dgm:t>
    </dgm:pt>
    <dgm:pt modelId="{1159BC91-9861-4453-894C-04BB1C5C58F9}" type="pres">
      <dgm:prSet presAssocID="{04E6FB1B-DF83-4297-BC4F-7A084C0CCEC9}" presName="parTrans" presStyleCnt="0"/>
      <dgm:spPr/>
      <dgm:t>
        <a:bodyPr/>
        <a:lstStyle/>
        <a:p>
          <a:pPr rtl="1"/>
          <a:endParaRPr lang="he-IL"/>
        </a:p>
      </dgm:t>
    </dgm:pt>
    <dgm:pt modelId="{FBCDF05E-3288-4AE5-9E25-03B36AF69926}" type="pres">
      <dgm:prSet presAssocID="{F3AD619B-7FE8-4ACF-9F4A-F9619A59EFEF}" presName="node" presStyleLbl="alignAccFollowNode1" presStyleIdx="0" presStyleCnt="2" custScaleX="33093" custScaleY="45908" custLinFactNeighborX="-7143" custLinFactNeighborY="-19401">
        <dgm:presLayoutVars>
          <dgm:bulletEnabled val="1"/>
        </dgm:presLayoutVars>
      </dgm:prSet>
      <dgm:spPr/>
      <dgm:t>
        <a:bodyPr/>
        <a:lstStyle/>
        <a:p>
          <a:endParaRPr lang="en-US"/>
        </a:p>
      </dgm:t>
    </dgm:pt>
    <dgm:pt modelId="{E299350D-77A4-444A-A9AB-7341A2B96A5E}" type="pres">
      <dgm:prSet presAssocID="{8F3DB4B4-71D3-4590-9C90-D6368B6FDD84}" presName="sibTrans" presStyleCnt="0"/>
      <dgm:spPr/>
      <dgm:t>
        <a:bodyPr/>
        <a:lstStyle/>
        <a:p>
          <a:pPr rtl="1"/>
          <a:endParaRPr lang="he-IL"/>
        </a:p>
      </dgm:t>
    </dgm:pt>
    <dgm:pt modelId="{DDB74CAC-6E26-45A0-9656-F23CDD57BC79}" type="pres">
      <dgm:prSet presAssocID="{890DF919-E961-4411-BE53-16F51F6DAE3C}" presName="node" presStyleLbl="alignAccFollowNode1" presStyleIdx="1" presStyleCnt="2" custScaleX="28798" custScaleY="48391" custLinFactNeighborX="31813" custLinFactNeighborY="-19360">
        <dgm:presLayoutVars>
          <dgm:bulletEnabled val="1"/>
        </dgm:presLayoutVars>
      </dgm:prSet>
      <dgm:spPr/>
      <dgm:t>
        <a:bodyPr/>
        <a:lstStyle/>
        <a:p>
          <a:endParaRPr lang="en-US"/>
        </a:p>
      </dgm:t>
    </dgm:pt>
  </dgm:ptLst>
  <dgm:cxnLst>
    <dgm:cxn modelId="{325C5000-32EF-41DB-AF15-14224C43E757}" type="presOf" srcId="{436FCC67-15C4-450E-AFD0-98AF650AE9CB}" destId="{1072BCE2-7C47-43E3-92DE-474F2ACDAB20}" srcOrd="0" destOrd="0" presId="urn:microsoft.com/office/officeart/2005/8/layout/lProcess3"/>
    <dgm:cxn modelId="{B821BB38-ABBD-4F6F-B60B-68F82CD78D5F}" type="presOf" srcId="{F3AD619B-7FE8-4ACF-9F4A-F9619A59EFEF}" destId="{FBCDF05E-3288-4AE5-9E25-03B36AF69926}" srcOrd="0" destOrd="0" presId="urn:microsoft.com/office/officeart/2005/8/layout/lProcess3"/>
    <dgm:cxn modelId="{109491DC-EDF1-429A-93E6-DE98496342E6}" srcId="{436FCC67-15C4-450E-AFD0-98AF650AE9CB}" destId="{34FA45F9-0405-4AF6-9221-ED2D1E26F090}" srcOrd="0" destOrd="0" parTransId="{001578A1-54CF-4CCD-9413-B88F5CF3AE1B}" sibTransId="{23A64E12-5C7A-472C-96AD-A7D6FB129226}"/>
    <dgm:cxn modelId="{0E41677D-9245-45D7-85D0-B29E2201E573}" type="presOf" srcId="{34FA45F9-0405-4AF6-9221-ED2D1E26F090}" destId="{643C57E6-D900-425E-AA00-F04D83AD529F}" srcOrd="0" destOrd="0" presId="urn:microsoft.com/office/officeart/2005/8/layout/lProcess3"/>
    <dgm:cxn modelId="{BBF248A2-7BCD-4A37-B30B-4CD734D3DE80}" srcId="{34FA45F9-0405-4AF6-9221-ED2D1E26F090}" destId="{F3AD619B-7FE8-4ACF-9F4A-F9619A59EFEF}" srcOrd="0" destOrd="0" parTransId="{04E6FB1B-DF83-4297-BC4F-7A084C0CCEC9}" sibTransId="{8F3DB4B4-71D3-4590-9C90-D6368B6FDD84}"/>
    <dgm:cxn modelId="{6BD855D8-F96B-49FB-8A04-04A8447A75E7}" type="presOf" srcId="{890DF919-E961-4411-BE53-16F51F6DAE3C}" destId="{DDB74CAC-6E26-45A0-9656-F23CDD57BC79}" srcOrd="0" destOrd="0" presId="urn:microsoft.com/office/officeart/2005/8/layout/lProcess3"/>
    <dgm:cxn modelId="{CAC63229-7F5E-483E-9435-35FE0B8B92FC}" srcId="{34FA45F9-0405-4AF6-9221-ED2D1E26F090}" destId="{890DF919-E961-4411-BE53-16F51F6DAE3C}" srcOrd="1" destOrd="0" parTransId="{89E53781-EEFC-4C08-870A-AEE3E1F33428}" sibTransId="{CB3084CA-FD14-4EB8-B503-649B6F56F109}"/>
    <dgm:cxn modelId="{76EF67FB-7670-4435-8777-C46CB3F107E3}" type="presParOf" srcId="{1072BCE2-7C47-43E3-92DE-474F2ACDAB20}" destId="{B7E8CB52-6450-4DFC-AA8C-A52F1CE5B0EB}" srcOrd="0" destOrd="0" presId="urn:microsoft.com/office/officeart/2005/8/layout/lProcess3"/>
    <dgm:cxn modelId="{5759A964-974C-4A55-9E9B-1D46BF862672}" type="presParOf" srcId="{B7E8CB52-6450-4DFC-AA8C-A52F1CE5B0EB}" destId="{643C57E6-D900-425E-AA00-F04D83AD529F}" srcOrd="0" destOrd="0" presId="urn:microsoft.com/office/officeart/2005/8/layout/lProcess3"/>
    <dgm:cxn modelId="{3B2926C7-06EC-4EBC-8742-44F26603B544}" type="presParOf" srcId="{B7E8CB52-6450-4DFC-AA8C-A52F1CE5B0EB}" destId="{1159BC91-9861-4453-894C-04BB1C5C58F9}" srcOrd="1" destOrd="0" presId="urn:microsoft.com/office/officeart/2005/8/layout/lProcess3"/>
    <dgm:cxn modelId="{FA132E6C-3D27-4B03-B1DE-F48D4C347086}" type="presParOf" srcId="{B7E8CB52-6450-4DFC-AA8C-A52F1CE5B0EB}" destId="{FBCDF05E-3288-4AE5-9E25-03B36AF69926}" srcOrd="2" destOrd="0" presId="urn:microsoft.com/office/officeart/2005/8/layout/lProcess3"/>
    <dgm:cxn modelId="{8DD51061-835F-499C-AE5A-169C9AA58227}" type="presParOf" srcId="{B7E8CB52-6450-4DFC-AA8C-A52F1CE5B0EB}" destId="{E299350D-77A4-444A-A9AB-7341A2B96A5E}" srcOrd="3" destOrd="0" presId="urn:microsoft.com/office/officeart/2005/8/layout/lProcess3"/>
    <dgm:cxn modelId="{4932A83A-2DC7-4017-BF27-8FD690BCC971}" type="presParOf" srcId="{B7E8CB52-6450-4DFC-AA8C-A52F1CE5B0EB}" destId="{DDB74CAC-6E26-45A0-9656-F23CDD57BC79}" srcOrd="4" destOrd="0" presId="urn:microsoft.com/office/officeart/2005/8/layout/lProcess3"/>
  </dgm:cxnLst>
  <dgm:bg/>
  <dgm:whole/>
  <dgm:extLst>
    <a:ext uri="http://schemas.microsoft.com/office/drawing/2008/diagram">
      <dsp:dataModelExt xmlns:dsp="http://schemas.microsoft.com/office/drawing/2008/diagram" relId="rId70" minVer="http://schemas.openxmlformats.org/drawingml/2006/diagram"/>
    </a:ext>
  </dgm:extLst>
</dgm:dataModel>
</file>

<file path=ppt/diagrams/data10.xml><?xml version="1.0" encoding="utf-8"?>
<dgm:dataModel xmlns:dgm="http://schemas.openxmlformats.org/drawingml/2006/diagram" xmlns:a="http://schemas.openxmlformats.org/drawingml/2006/main">
  <dgm:ptLst>
    <dgm:pt modelId="{74F78FC3-54DA-44D4-9305-4F414A717C44}" type="doc">
      <dgm:prSet loTypeId="urn:microsoft.com/office/officeart/2008/layout/RadialCluster" loCatId="relationship" qsTypeId="urn:microsoft.com/office/officeart/2005/8/quickstyle/simple1" qsCatId="simple" csTypeId="urn:microsoft.com/office/officeart/2005/8/colors/accent4_3" csCatId="accent4" phldr="1"/>
      <dgm:spPr/>
      <dgm:t>
        <a:bodyPr/>
        <a:lstStyle/>
        <a:p>
          <a:pPr rtl="1"/>
          <a:endParaRPr lang="he-IL"/>
        </a:p>
      </dgm:t>
    </dgm:pt>
    <dgm:pt modelId="{D2FB4838-F7AC-4F3F-A00F-B5BCB9C55CEB}">
      <dgm:prSet phldrT="[טקסט]"/>
      <dgm:spPr/>
      <dgm:t>
        <a:bodyPr/>
        <a:lstStyle/>
        <a:p>
          <a:pPr rtl="1"/>
          <a:r>
            <a:rPr lang="he-IL" dirty="0" smtClean="0">
              <a:latin typeface="Narkisim" panose="020E0502050101010101" pitchFamily="34" charset="-79"/>
              <a:cs typeface="Narkisim" panose="020E0502050101010101" pitchFamily="34" charset="-79"/>
            </a:rPr>
            <a:t>הרשות</a:t>
          </a:r>
          <a:endParaRPr lang="he-IL" dirty="0">
            <a:latin typeface="Narkisim" panose="020E0502050101010101" pitchFamily="34" charset="-79"/>
            <a:cs typeface="Narkisim" panose="020E0502050101010101" pitchFamily="34" charset="-79"/>
          </a:endParaRPr>
        </a:p>
      </dgm:t>
    </dgm:pt>
    <dgm:pt modelId="{8BC1C38B-91EB-403A-A213-81FB45DCEAEC}" type="parTrans" cxnId="{2AAEB7FD-84FF-4E75-BEE2-D2EA17B3CBFF}">
      <dgm:prSet/>
      <dgm:spPr/>
      <dgm:t>
        <a:bodyPr/>
        <a:lstStyle/>
        <a:p>
          <a:pPr rtl="1"/>
          <a:endParaRPr lang="he-IL">
            <a:latin typeface="Narkisim" panose="020E0502050101010101" pitchFamily="34" charset="-79"/>
            <a:cs typeface="Narkisim" panose="020E0502050101010101" pitchFamily="34" charset="-79"/>
          </a:endParaRPr>
        </a:p>
      </dgm:t>
    </dgm:pt>
    <dgm:pt modelId="{A1CAE50F-4EBA-4CD4-8228-84B7CF74A71A}" type="sibTrans" cxnId="{2AAEB7FD-84FF-4E75-BEE2-D2EA17B3CBFF}">
      <dgm:prSet/>
      <dgm:spPr/>
      <dgm:t>
        <a:bodyPr/>
        <a:lstStyle/>
        <a:p>
          <a:pPr rtl="1"/>
          <a:endParaRPr lang="he-IL">
            <a:latin typeface="Narkisim" panose="020E0502050101010101" pitchFamily="34" charset="-79"/>
            <a:cs typeface="Narkisim" panose="020E0502050101010101" pitchFamily="34" charset="-79"/>
          </a:endParaRPr>
        </a:p>
      </dgm:t>
    </dgm:pt>
    <dgm:pt modelId="{5E652CC0-422A-4225-B228-7DB0CE3231EB}">
      <dgm:prSet phldrT="[טקסט]" custT="1"/>
      <dgm:spPr/>
      <dgm:t>
        <a:bodyPr/>
        <a:lstStyle/>
        <a:p>
          <a:pPr rtl="1"/>
          <a:r>
            <a:rPr lang="he-IL" sz="900" dirty="0" smtClean="0">
              <a:latin typeface="Narkisim" panose="020E0502050101010101" pitchFamily="34" charset="-79"/>
              <a:cs typeface="Narkisim" panose="020E0502050101010101" pitchFamily="34" charset="-79"/>
            </a:rPr>
            <a:t>כללי</a:t>
          </a:r>
          <a:endParaRPr lang="he-IL" sz="900" dirty="0">
            <a:latin typeface="Narkisim" panose="020E0502050101010101" pitchFamily="34" charset="-79"/>
            <a:cs typeface="Narkisim" panose="020E0502050101010101" pitchFamily="34" charset="-79"/>
          </a:endParaRPr>
        </a:p>
      </dgm:t>
    </dgm:pt>
    <dgm:pt modelId="{D9903651-9491-48E7-915F-7B830F85DAB0}" type="parTrans" cxnId="{3B92CC8B-C238-440A-A10E-E28A69E404E3}">
      <dgm:prSet/>
      <dgm:spPr/>
      <dgm:t>
        <a:bodyPr/>
        <a:lstStyle/>
        <a:p>
          <a:pPr rtl="1"/>
          <a:endParaRPr lang="he-IL">
            <a:latin typeface="Narkisim" panose="020E0502050101010101" pitchFamily="34" charset="-79"/>
            <a:cs typeface="Narkisim" panose="020E0502050101010101" pitchFamily="34" charset="-79"/>
          </a:endParaRPr>
        </a:p>
      </dgm:t>
    </dgm:pt>
    <dgm:pt modelId="{16D8D315-6E33-42AE-B739-09156D92273F}" type="sibTrans" cxnId="{3B92CC8B-C238-440A-A10E-E28A69E404E3}">
      <dgm:prSet/>
      <dgm:spPr/>
      <dgm:t>
        <a:bodyPr/>
        <a:lstStyle/>
        <a:p>
          <a:pPr rtl="1"/>
          <a:endParaRPr lang="he-IL">
            <a:latin typeface="Narkisim" panose="020E0502050101010101" pitchFamily="34" charset="-79"/>
            <a:cs typeface="Narkisim" panose="020E0502050101010101" pitchFamily="34" charset="-79"/>
          </a:endParaRPr>
        </a:p>
      </dgm:t>
    </dgm:pt>
    <dgm:pt modelId="{C93CACDB-6243-4FAC-BF9A-CBC8A1FF34D6}">
      <dgm:prSet phldrT="[טקסט]"/>
      <dgm:spPr/>
      <dgm:t>
        <a:bodyPr/>
        <a:lstStyle/>
        <a:p>
          <a:pPr rtl="1"/>
          <a:r>
            <a:rPr lang="he-IL" dirty="0" smtClean="0">
              <a:latin typeface="Narkisim" panose="020E0502050101010101" pitchFamily="34" charset="-79"/>
              <a:cs typeface="Narkisim" panose="020E0502050101010101" pitchFamily="34" charset="-79"/>
            </a:rPr>
            <a:t>חוץ</a:t>
          </a:r>
          <a:endParaRPr lang="he-IL" dirty="0">
            <a:latin typeface="Narkisim" panose="020E0502050101010101" pitchFamily="34" charset="-79"/>
            <a:cs typeface="Narkisim" panose="020E0502050101010101" pitchFamily="34" charset="-79"/>
          </a:endParaRPr>
        </a:p>
      </dgm:t>
    </dgm:pt>
    <dgm:pt modelId="{2B2E20ED-D7D6-4792-BD6C-2E2FE8AF0F91}" type="parTrans" cxnId="{AF9DB279-827E-4D49-8B2A-9BE2103A8FC5}">
      <dgm:prSet/>
      <dgm:spPr/>
      <dgm:t>
        <a:bodyPr/>
        <a:lstStyle/>
        <a:p>
          <a:pPr rtl="1"/>
          <a:endParaRPr lang="he-IL">
            <a:latin typeface="Narkisim" panose="020E0502050101010101" pitchFamily="34" charset="-79"/>
            <a:cs typeface="Narkisim" panose="020E0502050101010101" pitchFamily="34" charset="-79"/>
          </a:endParaRPr>
        </a:p>
      </dgm:t>
    </dgm:pt>
    <dgm:pt modelId="{9A0CC34A-4518-430A-A12B-7465F866B19C}" type="sibTrans" cxnId="{AF9DB279-827E-4D49-8B2A-9BE2103A8FC5}">
      <dgm:prSet/>
      <dgm:spPr/>
      <dgm:t>
        <a:bodyPr/>
        <a:lstStyle/>
        <a:p>
          <a:pPr rtl="1"/>
          <a:endParaRPr lang="he-IL">
            <a:latin typeface="Narkisim" panose="020E0502050101010101" pitchFamily="34" charset="-79"/>
            <a:cs typeface="Narkisim" panose="020E0502050101010101" pitchFamily="34" charset="-79"/>
          </a:endParaRPr>
        </a:p>
      </dgm:t>
    </dgm:pt>
    <dgm:pt modelId="{A47C619F-E91F-4917-8007-5BCA81EDFF89}">
      <dgm:prSet phldrT="[טקסט]"/>
      <dgm:spPr/>
      <dgm:t>
        <a:bodyPr/>
        <a:lstStyle/>
        <a:p>
          <a:pPr rtl="1"/>
          <a:r>
            <a:rPr lang="he-IL" dirty="0" smtClean="0">
              <a:latin typeface="Narkisim" panose="020E0502050101010101" pitchFamily="34" charset="-79"/>
              <a:cs typeface="Narkisim" panose="020E0502050101010101" pitchFamily="34" charset="-79"/>
            </a:rPr>
            <a:t>פנים</a:t>
          </a:r>
          <a:endParaRPr lang="he-IL" dirty="0">
            <a:latin typeface="Narkisim" panose="020E0502050101010101" pitchFamily="34" charset="-79"/>
            <a:cs typeface="Narkisim" panose="020E0502050101010101" pitchFamily="34" charset="-79"/>
          </a:endParaRPr>
        </a:p>
      </dgm:t>
    </dgm:pt>
    <dgm:pt modelId="{1FD96F04-EBF2-46ED-A691-B8E476D7A854}" type="parTrans" cxnId="{39741F29-0F70-45CB-8717-D477CC448E0A}">
      <dgm:prSet/>
      <dgm:spPr/>
      <dgm:t>
        <a:bodyPr/>
        <a:lstStyle/>
        <a:p>
          <a:pPr rtl="1"/>
          <a:endParaRPr lang="he-IL">
            <a:latin typeface="Narkisim" panose="020E0502050101010101" pitchFamily="34" charset="-79"/>
            <a:cs typeface="Narkisim" panose="020E0502050101010101" pitchFamily="34" charset="-79"/>
          </a:endParaRPr>
        </a:p>
      </dgm:t>
    </dgm:pt>
    <dgm:pt modelId="{E1995562-43C3-4F8D-ACDB-056FFD6D2AE5}" type="sibTrans" cxnId="{39741F29-0F70-45CB-8717-D477CC448E0A}">
      <dgm:prSet/>
      <dgm:spPr/>
      <dgm:t>
        <a:bodyPr/>
        <a:lstStyle/>
        <a:p>
          <a:pPr rtl="1"/>
          <a:endParaRPr lang="he-IL">
            <a:latin typeface="Narkisim" panose="020E0502050101010101" pitchFamily="34" charset="-79"/>
            <a:cs typeface="Narkisim" panose="020E0502050101010101" pitchFamily="34" charset="-79"/>
          </a:endParaRPr>
        </a:p>
      </dgm:t>
    </dgm:pt>
    <dgm:pt modelId="{CF584493-B584-4C87-8204-62189A6B57F2}">
      <dgm:prSet phldrT="[טקסט]"/>
      <dgm:spPr/>
      <dgm:t>
        <a:bodyPr/>
        <a:lstStyle/>
        <a:p>
          <a:pPr rtl="1"/>
          <a:r>
            <a:rPr lang="he-IL" dirty="0" smtClean="0">
              <a:latin typeface="Narkisim" panose="020E0502050101010101" pitchFamily="34" charset="-79"/>
              <a:cs typeface="Narkisim" panose="020E0502050101010101" pitchFamily="34" charset="-79"/>
            </a:rPr>
            <a:t>ממשקים</a:t>
          </a:r>
          <a:endParaRPr lang="he-IL" dirty="0">
            <a:latin typeface="Narkisim" panose="020E0502050101010101" pitchFamily="34" charset="-79"/>
            <a:cs typeface="Narkisim" panose="020E0502050101010101" pitchFamily="34" charset="-79"/>
          </a:endParaRPr>
        </a:p>
      </dgm:t>
    </dgm:pt>
    <dgm:pt modelId="{E448481E-903E-4DDC-8C00-E08B29D17504}" type="parTrans" cxnId="{6FC54D4A-E917-44DD-B91D-DF65A832D138}">
      <dgm:prSet/>
      <dgm:spPr/>
      <dgm:t>
        <a:bodyPr/>
        <a:lstStyle/>
        <a:p>
          <a:pPr rtl="1"/>
          <a:endParaRPr lang="he-IL"/>
        </a:p>
      </dgm:t>
    </dgm:pt>
    <dgm:pt modelId="{01104645-A300-4409-9F59-631769FC0AE0}" type="sibTrans" cxnId="{6FC54D4A-E917-44DD-B91D-DF65A832D138}">
      <dgm:prSet/>
      <dgm:spPr/>
      <dgm:t>
        <a:bodyPr/>
        <a:lstStyle/>
        <a:p>
          <a:pPr rtl="1"/>
          <a:endParaRPr lang="he-IL"/>
        </a:p>
      </dgm:t>
    </dgm:pt>
    <dgm:pt modelId="{48C44EFB-F046-4E1F-A806-484A31925E96}">
      <dgm:prSet phldrT="[טקסט]"/>
      <dgm:spPr/>
      <dgm:t>
        <a:bodyPr/>
        <a:lstStyle/>
        <a:p>
          <a:pPr rtl="1"/>
          <a:r>
            <a:rPr lang="he-IL" dirty="0" smtClean="0">
              <a:latin typeface="Narkisim" panose="020E0502050101010101" pitchFamily="34" charset="-79"/>
              <a:cs typeface="Narkisim" panose="020E0502050101010101" pitchFamily="34" charset="-79"/>
            </a:rPr>
            <a:t>תופעות</a:t>
          </a:r>
          <a:endParaRPr lang="he-IL" dirty="0">
            <a:latin typeface="Narkisim" panose="020E0502050101010101" pitchFamily="34" charset="-79"/>
            <a:cs typeface="Narkisim" panose="020E0502050101010101" pitchFamily="34" charset="-79"/>
          </a:endParaRPr>
        </a:p>
      </dgm:t>
    </dgm:pt>
    <dgm:pt modelId="{EAD3E232-5CB7-4849-9F8C-8293446879AF}" type="parTrans" cxnId="{8BDFBDC6-6B16-43AA-A3F9-2FB6A48B6BD9}">
      <dgm:prSet/>
      <dgm:spPr/>
      <dgm:t>
        <a:bodyPr/>
        <a:lstStyle/>
        <a:p>
          <a:pPr rtl="1"/>
          <a:endParaRPr lang="he-IL"/>
        </a:p>
      </dgm:t>
    </dgm:pt>
    <dgm:pt modelId="{B7842908-C3A0-45AA-962A-0E5587E7863E}" type="sibTrans" cxnId="{8BDFBDC6-6B16-43AA-A3F9-2FB6A48B6BD9}">
      <dgm:prSet/>
      <dgm:spPr/>
      <dgm:t>
        <a:bodyPr/>
        <a:lstStyle/>
        <a:p>
          <a:pPr rtl="1"/>
          <a:endParaRPr lang="he-IL"/>
        </a:p>
      </dgm:t>
    </dgm:pt>
    <dgm:pt modelId="{D88AA464-29ED-4819-99A8-7DD8FA602A21}">
      <dgm:prSet phldrT="[טקסט]"/>
      <dgm:spPr/>
      <dgm:t>
        <a:bodyPr/>
        <a:lstStyle/>
        <a:p>
          <a:pPr rtl="1"/>
          <a:r>
            <a:rPr lang="he-IL" dirty="0" smtClean="0">
              <a:latin typeface="Narkisim" panose="020E0502050101010101" pitchFamily="34" charset="-79"/>
              <a:cs typeface="Narkisim" panose="020E0502050101010101" pitchFamily="34" charset="-79"/>
            </a:rPr>
            <a:t>החמאס</a:t>
          </a:r>
          <a:endParaRPr lang="he-IL" dirty="0">
            <a:latin typeface="Narkisim" panose="020E0502050101010101" pitchFamily="34" charset="-79"/>
            <a:cs typeface="Narkisim" panose="020E0502050101010101" pitchFamily="34" charset="-79"/>
          </a:endParaRPr>
        </a:p>
      </dgm:t>
    </dgm:pt>
    <dgm:pt modelId="{8457EB02-963A-48F8-BF45-A85DB4279BD8}" type="parTrans" cxnId="{FBFB9681-9F9B-450E-AC30-EC77FCA43435}">
      <dgm:prSet/>
      <dgm:spPr/>
      <dgm:t>
        <a:bodyPr/>
        <a:lstStyle/>
        <a:p>
          <a:pPr rtl="1"/>
          <a:endParaRPr lang="he-IL"/>
        </a:p>
      </dgm:t>
    </dgm:pt>
    <dgm:pt modelId="{462283B9-CD1D-4392-9656-792313E6CC21}" type="sibTrans" cxnId="{FBFB9681-9F9B-450E-AC30-EC77FCA43435}">
      <dgm:prSet/>
      <dgm:spPr/>
      <dgm:t>
        <a:bodyPr/>
        <a:lstStyle/>
        <a:p>
          <a:pPr rtl="1"/>
          <a:endParaRPr lang="he-IL"/>
        </a:p>
      </dgm:t>
    </dgm:pt>
    <dgm:pt modelId="{76CDDDBA-B36D-4714-AA8C-719F1B8D1FC3}" type="pres">
      <dgm:prSet presAssocID="{74F78FC3-54DA-44D4-9305-4F414A717C44}" presName="Name0" presStyleCnt="0">
        <dgm:presLayoutVars>
          <dgm:chMax val="1"/>
          <dgm:chPref val="1"/>
          <dgm:dir/>
          <dgm:animOne val="branch"/>
          <dgm:animLvl val="lvl"/>
        </dgm:presLayoutVars>
      </dgm:prSet>
      <dgm:spPr/>
      <dgm:t>
        <a:bodyPr/>
        <a:lstStyle/>
        <a:p>
          <a:pPr rtl="1"/>
          <a:endParaRPr lang="he-IL"/>
        </a:p>
      </dgm:t>
    </dgm:pt>
    <dgm:pt modelId="{23392139-BF37-4508-B695-F1F2823516CB}" type="pres">
      <dgm:prSet presAssocID="{D2FB4838-F7AC-4F3F-A00F-B5BCB9C55CEB}" presName="singleCycle" presStyleCnt="0"/>
      <dgm:spPr/>
    </dgm:pt>
    <dgm:pt modelId="{052F5E5C-7DB8-4EB1-BBB5-4EDBEF39C1A8}" type="pres">
      <dgm:prSet presAssocID="{D2FB4838-F7AC-4F3F-A00F-B5BCB9C55CEB}" presName="singleCenter" presStyleLbl="node1" presStyleIdx="0" presStyleCnt="7">
        <dgm:presLayoutVars>
          <dgm:chMax val="7"/>
          <dgm:chPref val="7"/>
        </dgm:presLayoutVars>
      </dgm:prSet>
      <dgm:spPr/>
      <dgm:t>
        <a:bodyPr/>
        <a:lstStyle/>
        <a:p>
          <a:pPr rtl="1"/>
          <a:endParaRPr lang="he-IL"/>
        </a:p>
      </dgm:t>
    </dgm:pt>
    <dgm:pt modelId="{06715F5A-16BC-426E-97ED-DEC6DAA23D66}" type="pres">
      <dgm:prSet presAssocID="{D9903651-9491-48E7-915F-7B830F85DAB0}" presName="Name56" presStyleLbl="parChTrans1D2" presStyleIdx="0" presStyleCnt="6"/>
      <dgm:spPr/>
      <dgm:t>
        <a:bodyPr/>
        <a:lstStyle/>
        <a:p>
          <a:pPr rtl="1"/>
          <a:endParaRPr lang="he-IL"/>
        </a:p>
      </dgm:t>
    </dgm:pt>
    <dgm:pt modelId="{C0511186-EA8C-4926-B644-756489C464D9}" type="pres">
      <dgm:prSet presAssocID="{5E652CC0-422A-4225-B228-7DB0CE3231EB}" presName="text0" presStyleLbl="node1" presStyleIdx="1" presStyleCnt="7">
        <dgm:presLayoutVars>
          <dgm:bulletEnabled val="1"/>
        </dgm:presLayoutVars>
      </dgm:prSet>
      <dgm:spPr/>
      <dgm:t>
        <a:bodyPr/>
        <a:lstStyle/>
        <a:p>
          <a:pPr rtl="1"/>
          <a:endParaRPr lang="he-IL"/>
        </a:p>
      </dgm:t>
    </dgm:pt>
    <dgm:pt modelId="{F5DAABEC-3EC8-452B-8203-6524A08433BF}" type="pres">
      <dgm:prSet presAssocID="{2B2E20ED-D7D6-4792-BD6C-2E2FE8AF0F91}" presName="Name56" presStyleLbl="parChTrans1D2" presStyleIdx="1" presStyleCnt="6"/>
      <dgm:spPr/>
      <dgm:t>
        <a:bodyPr/>
        <a:lstStyle/>
        <a:p>
          <a:pPr rtl="1"/>
          <a:endParaRPr lang="he-IL"/>
        </a:p>
      </dgm:t>
    </dgm:pt>
    <dgm:pt modelId="{5FF6CA34-E002-4854-80A1-C777E54C9E18}" type="pres">
      <dgm:prSet presAssocID="{C93CACDB-6243-4FAC-BF9A-CBC8A1FF34D6}" presName="text0" presStyleLbl="node1" presStyleIdx="2" presStyleCnt="7">
        <dgm:presLayoutVars>
          <dgm:bulletEnabled val="1"/>
        </dgm:presLayoutVars>
      </dgm:prSet>
      <dgm:spPr/>
      <dgm:t>
        <a:bodyPr/>
        <a:lstStyle/>
        <a:p>
          <a:pPr rtl="1"/>
          <a:endParaRPr lang="he-IL"/>
        </a:p>
      </dgm:t>
    </dgm:pt>
    <dgm:pt modelId="{85274869-8EE9-47F9-82C6-C969E33B49EB}" type="pres">
      <dgm:prSet presAssocID="{1FD96F04-EBF2-46ED-A691-B8E476D7A854}" presName="Name56" presStyleLbl="parChTrans1D2" presStyleIdx="2" presStyleCnt="6"/>
      <dgm:spPr/>
      <dgm:t>
        <a:bodyPr/>
        <a:lstStyle/>
        <a:p>
          <a:pPr rtl="1"/>
          <a:endParaRPr lang="he-IL"/>
        </a:p>
      </dgm:t>
    </dgm:pt>
    <dgm:pt modelId="{E6D33748-AC0E-4229-99AF-9077B995D018}" type="pres">
      <dgm:prSet presAssocID="{A47C619F-E91F-4917-8007-5BCA81EDFF89}" presName="text0" presStyleLbl="node1" presStyleIdx="3" presStyleCnt="7">
        <dgm:presLayoutVars>
          <dgm:bulletEnabled val="1"/>
        </dgm:presLayoutVars>
      </dgm:prSet>
      <dgm:spPr/>
      <dgm:t>
        <a:bodyPr/>
        <a:lstStyle/>
        <a:p>
          <a:pPr rtl="1"/>
          <a:endParaRPr lang="he-IL"/>
        </a:p>
      </dgm:t>
    </dgm:pt>
    <dgm:pt modelId="{B444884D-433F-4DC0-B6FA-5DB88321EE27}" type="pres">
      <dgm:prSet presAssocID="{E448481E-903E-4DDC-8C00-E08B29D17504}" presName="Name56" presStyleLbl="parChTrans1D2" presStyleIdx="3" presStyleCnt="6"/>
      <dgm:spPr/>
      <dgm:t>
        <a:bodyPr/>
        <a:lstStyle/>
        <a:p>
          <a:pPr rtl="1"/>
          <a:endParaRPr lang="he-IL"/>
        </a:p>
      </dgm:t>
    </dgm:pt>
    <dgm:pt modelId="{98165232-CFA7-4392-A172-8FFCA5EB9577}" type="pres">
      <dgm:prSet presAssocID="{CF584493-B584-4C87-8204-62189A6B57F2}" presName="text0" presStyleLbl="node1" presStyleIdx="4" presStyleCnt="7">
        <dgm:presLayoutVars>
          <dgm:bulletEnabled val="1"/>
        </dgm:presLayoutVars>
      </dgm:prSet>
      <dgm:spPr/>
      <dgm:t>
        <a:bodyPr/>
        <a:lstStyle/>
        <a:p>
          <a:pPr rtl="1"/>
          <a:endParaRPr lang="he-IL"/>
        </a:p>
      </dgm:t>
    </dgm:pt>
    <dgm:pt modelId="{3954058F-4766-4F0F-884C-6DD846E9777B}" type="pres">
      <dgm:prSet presAssocID="{EAD3E232-5CB7-4849-9F8C-8293446879AF}" presName="Name56" presStyleLbl="parChTrans1D2" presStyleIdx="4" presStyleCnt="6"/>
      <dgm:spPr/>
      <dgm:t>
        <a:bodyPr/>
        <a:lstStyle/>
        <a:p>
          <a:pPr rtl="1"/>
          <a:endParaRPr lang="he-IL"/>
        </a:p>
      </dgm:t>
    </dgm:pt>
    <dgm:pt modelId="{62EAC3D1-0459-4AF0-83D4-8E4B2FE8BC20}" type="pres">
      <dgm:prSet presAssocID="{48C44EFB-F046-4E1F-A806-484A31925E96}" presName="text0" presStyleLbl="node1" presStyleIdx="5" presStyleCnt="7">
        <dgm:presLayoutVars>
          <dgm:bulletEnabled val="1"/>
        </dgm:presLayoutVars>
      </dgm:prSet>
      <dgm:spPr/>
      <dgm:t>
        <a:bodyPr/>
        <a:lstStyle/>
        <a:p>
          <a:pPr rtl="1"/>
          <a:endParaRPr lang="he-IL"/>
        </a:p>
      </dgm:t>
    </dgm:pt>
    <dgm:pt modelId="{8E697BBB-F982-4970-B118-8A935F2EAAF9}" type="pres">
      <dgm:prSet presAssocID="{8457EB02-963A-48F8-BF45-A85DB4279BD8}" presName="Name56" presStyleLbl="parChTrans1D2" presStyleIdx="5" presStyleCnt="6"/>
      <dgm:spPr/>
      <dgm:t>
        <a:bodyPr/>
        <a:lstStyle/>
        <a:p>
          <a:pPr rtl="1"/>
          <a:endParaRPr lang="he-IL"/>
        </a:p>
      </dgm:t>
    </dgm:pt>
    <dgm:pt modelId="{7EEA38F8-C102-472C-8892-EBC7FAD893B7}" type="pres">
      <dgm:prSet presAssocID="{D88AA464-29ED-4819-99A8-7DD8FA602A21}" presName="text0" presStyleLbl="node1" presStyleIdx="6" presStyleCnt="7">
        <dgm:presLayoutVars>
          <dgm:bulletEnabled val="1"/>
        </dgm:presLayoutVars>
      </dgm:prSet>
      <dgm:spPr/>
      <dgm:t>
        <a:bodyPr/>
        <a:lstStyle/>
        <a:p>
          <a:pPr rtl="1"/>
          <a:endParaRPr lang="he-IL"/>
        </a:p>
      </dgm:t>
    </dgm:pt>
  </dgm:ptLst>
  <dgm:cxnLst>
    <dgm:cxn modelId="{9D4A0A23-B382-49EA-BC29-FF5E0F7AB621}" type="presOf" srcId="{5E652CC0-422A-4225-B228-7DB0CE3231EB}" destId="{C0511186-EA8C-4926-B644-756489C464D9}" srcOrd="0" destOrd="0" presId="urn:microsoft.com/office/officeart/2008/layout/RadialCluster"/>
    <dgm:cxn modelId="{B710C0F4-13DC-4107-B888-D7E0D9918A82}" type="presOf" srcId="{CF584493-B584-4C87-8204-62189A6B57F2}" destId="{98165232-CFA7-4392-A172-8FFCA5EB9577}" srcOrd="0" destOrd="0" presId="urn:microsoft.com/office/officeart/2008/layout/RadialCluster"/>
    <dgm:cxn modelId="{78A1A5BA-92C4-49B8-9BC5-BCE39F6D958A}" type="presOf" srcId="{C93CACDB-6243-4FAC-BF9A-CBC8A1FF34D6}" destId="{5FF6CA34-E002-4854-80A1-C777E54C9E18}" srcOrd="0" destOrd="0" presId="urn:microsoft.com/office/officeart/2008/layout/RadialCluster"/>
    <dgm:cxn modelId="{D90B6133-A42B-48CD-A6E1-E842D8E33B7A}" type="presOf" srcId="{D88AA464-29ED-4819-99A8-7DD8FA602A21}" destId="{7EEA38F8-C102-472C-8892-EBC7FAD893B7}" srcOrd="0" destOrd="0" presId="urn:microsoft.com/office/officeart/2008/layout/RadialCluster"/>
    <dgm:cxn modelId="{3B92CC8B-C238-440A-A10E-E28A69E404E3}" srcId="{D2FB4838-F7AC-4F3F-A00F-B5BCB9C55CEB}" destId="{5E652CC0-422A-4225-B228-7DB0CE3231EB}" srcOrd="0" destOrd="0" parTransId="{D9903651-9491-48E7-915F-7B830F85DAB0}" sibTransId="{16D8D315-6E33-42AE-B739-09156D92273F}"/>
    <dgm:cxn modelId="{F83DAEA8-42DD-4DFF-B274-71C864F77C61}" type="presOf" srcId="{2B2E20ED-D7D6-4792-BD6C-2E2FE8AF0F91}" destId="{F5DAABEC-3EC8-452B-8203-6524A08433BF}" srcOrd="0" destOrd="0" presId="urn:microsoft.com/office/officeart/2008/layout/RadialCluster"/>
    <dgm:cxn modelId="{BBAC6A31-9DEE-4DA4-B70D-AEF9D4A64C51}" type="presOf" srcId="{48C44EFB-F046-4E1F-A806-484A31925E96}" destId="{62EAC3D1-0459-4AF0-83D4-8E4B2FE8BC20}" srcOrd="0" destOrd="0" presId="urn:microsoft.com/office/officeart/2008/layout/RadialCluster"/>
    <dgm:cxn modelId="{12D64AE8-1CEC-40D6-B45A-4245BA9A0FAB}" type="presOf" srcId="{A47C619F-E91F-4917-8007-5BCA81EDFF89}" destId="{E6D33748-AC0E-4229-99AF-9077B995D018}" srcOrd="0" destOrd="0" presId="urn:microsoft.com/office/officeart/2008/layout/RadialCluster"/>
    <dgm:cxn modelId="{AF9DB279-827E-4D49-8B2A-9BE2103A8FC5}" srcId="{D2FB4838-F7AC-4F3F-A00F-B5BCB9C55CEB}" destId="{C93CACDB-6243-4FAC-BF9A-CBC8A1FF34D6}" srcOrd="1" destOrd="0" parTransId="{2B2E20ED-D7D6-4792-BD6C-2E2FE8AF0F91}" sibTransId="{9A0CC34A-4518-430A-A12B-7465F866B19C}"/>
    <dgm:cxn modelId="{9C353FC7-80F2-4AFC-84C7-E7DF4662D700}" type="presOf" srcId="{74F78FC3-54DA-44D4-9305-4F414A717C44}" destId="{76CDDDBA-B36D-4714-AA8C-719F1B8D1FC3}" srcOrd="0" destOrd="0" presId="urn:microsoft.com/office/officeart/2008/layout/RadialCluster"/>
    <dgm:cxn modelId="{FF2134BD-C2F4-4BE7-853D-5C954C08B14D}" type="presOf" srcId="{EAD3E232-5CB7-4849-9F8C-8293446879AF}" destId="{3954058F-4766-4F0F-884C-6DD846E9777B}" srcOrd="0" destOrd="0" presId="urn:microsoft.com/office/officeart/2008/layout/RadialCluster"/>
    <dgm:cxn modelId="{FBFB9681-9F9B-450E-AC30-EC77FCA43435}" srcId="{D2FB4838-F7AC-4F3F-A00F-B5BCB9C55CEB}" destId="{D88AA464-29ED-4819-99A8-7DD8FA602A21}" srcOrd="5" destOrd="0" parTransId="{8457EB02-963A-48F8-BF45-A85DB4279BD8}" sibTransId="{462283B9-CD1D-4392-9656-792313E6CC21}"/>
    <dgm:cxn modelId="{8BDFBDC6-6B16-43AA-A3F9-2FB6A48B6BD9}" srcId="{D2FB4838-F7AC-4F3F-A00F-B5BCB9C55CEB}" destId="{48C44EFB-F046-4E1F-A806-484A31925E96}" srcOrd="4" destOrd="0" parTransId="{EAD3E232-5CB7-4849-9F8C-8293446879AF}" sibTransId="{B7842908-C3A0-45AA-962A-0E5587E7863E}"/>
    <dgm:cxn modelId="{39741F29-0F70-45CB-8717-D477CC448E0A}" srcId="{D2FB4838-F7AC-4F3F-A00F-B5BCB9C55CEB}" destId="{A47C619F-E91F-4917-8007-5BCA81EDFF89}" srcOrd="2" destOrd="0" parTransId="{1FD96F04-EBF2-46ED-A691-B8E476D7A854}" sibTransId="{E1995562-43C3-4F8D-ACDB-056FFD6D2AE5}"/>
    <dgm:cxn modelId="{2AAEB7FD-84FF-4E75-BEE2-D2EA17B3CBFF}" srcId="{74F78FC3-54DA-44D4-9305-4F414A717C44}" destId="{D2FB4838-F7AC-4F3F-A00F-B5BCB9C55CEB}" srcOrd="0" destOrd="0" parTransId="{8BC1C38B-91EB-403A-A213-81FB45DCEAEC}" sibTransId="{A1CAE50F-4EBA-4CD4-8228-84B7CF74A71A}"/>
    <dgm:cxn modelId="{2CF43FDE-BEB2-4D17-9372-1927D843A0B1}" type="presOf" srcId="{E448481E-903E-4DDC-8C00-E08B29D17504}" destId="{B444884D-433F-4DC0-B6FA-5DB88321EE27}" srcOrd="0" destOrd="0" presId="urn:microsoft.com/office/officeart/2008/layout/RadialCluster"/>
    <dgm:cxn modelId="{C94F3969-F643-4BD5-9D29-DC35292A3838}" type="presOf" srcId="{8457EB02-963A-48F8-BF45-A85DB4279BD8}" destId="{8E697BBB-F982-4970-B118-8A935F2EAAF9}" srcOrd="0" destOrd="0" presId="urn:microsoft.com/office/officeart/2008/layout/RadialCluster"/>
    <dgm:cxn modelId="{CDD1D363-0F96-4DEA-8FF2-EB14D24C2413}" type="presOf" srcId="{D9903651-9491-48E7-915F-7B830F85DAB0}" destId="{06715F5A-16BC-426E-97ED-DEC6DAA23D66}" srcOrd="0" destOrd="0" presId="urn:microsoft.com/office/officeart/2008/layout/RadialCluster"/>
    <dgm:cxn modelId="{28752503-5FB0-49AB-9A97-071E7522BB53}" type="presOf" srcId="{1FD96F04-EBF2-46ED-A691-B8E476D7A854}" destId="{85274869-8EE9-47F9-82C6-C969E33B49EB}" srcOrd="0" destOrd="0" presId="urn:microsoft.com/office/officeart/2008/layout/RadialCluster"/>
    <dgm:cxn modelId="{6FC54D4A-E917-44DD-B91D-DF65A832D138}" srcId="{D2FB4838-F7AC-4F3F-A00F-B5BCB9C55CEB}" destId="{CF584493-B584-4C87-8204-62189A6B57F2}" srcOrd="3" destOrd="0" parTransId="{E448481E-903E-4DDC-8C00-E08B29D17504}" sibTransId="{01104645-A300-4409-9F59-631769FC0AE0}"/>
    <dgm:cxn modelId="{E661CD8D-0B94-457A-8821-FA5A1ED6D274}" type="presOf" srcId="{D2FB4838-F7AC-4F3F-A00F-B5BCB9C55CEB}" destId="{052F5E5C-7DB8-4EB1-BBB5-4EDBEF39C1A8}" srcOrd="0" destOrd="0" presId="urn:microsoft.com/office/officeart/2008/layout/RadialCluster"/>
    <dgm:cxn modelId="{FC8AEB10-660D-4923-A336-FF0390FBEFFA}" type="presParOf" srcId="{76CDDDBA-B36D-4714-AA8C-719F1B8D1FC3}" destId="{23392139-BF37-4508-B695-F1F2823516CB}" srcOrd="0" destOrd="0" presId="urn:microsoft.com/office/officeart/2008/layout/RadialCluster"/>
    <dgm:cxn modelId="{A01048ED-9CF8-4EA6-96F2-29F56D9C1543}" type="presParOf" srcId="{23392139-BF37-4508-B695-F1F2823516CB}" destId="{052F5E5C-7DB8-4EB1-BBB5-4EDBEF39C1A8}" srcOrd="0" destOrd="0" presId="urn:microsoft.com/office/officeart/2008/layout/RadialCluster"/>
    <dgm:cxn modelId="{90DB74D6-5D4B-423D-BA60-354932F21F50}" type="presParOf" srcId="{23392139-BF37-4508-B695-F1F2823516CB}" destId="{06715F5A-16BC-426E-97ED-DEC6DAA23D66}" srcOrd="1" destOrd="0" presId="urn:microsoft.com/office/officeart/2008/layout/RadialCluster"/>
    <dgm:cxn modelId="{0BC368BC-1FD2-4304-B652-C93D71738FF4}" type="presParOf" srcId="{23392139-BF37-4508-B695-F1F2823516CB}" destId="{C0511186-EA8C-4926-B644-756489C464D9}" srcOrd="2" destOrd="0" presId="urn:microsoft.com/office/officeart/2008/layout/RadialCluster"/>
    <dgm:cxn modelId="{591A9B00-1A09-40AA-BFC8-8E7051F44A49}" type="presParOf" srcId="{23392139-BF37-4508-B695-F1F2823516CB}" destId="{F5DAABEC-3EC8-452B-8203-6524A08433BF}" srcOrd="3" destOrd="0" presId="urn:microsoft.com/office/officeart/2008/layout/RadialCluster"/>
    <dgm:cxn modelId="{F1669FFA-0B77-44D9-B69D-6331353CE424}" type="presParOf" srcId="{23392139-BF37-4508-B695-F1F2823516CB}" destId="{5FF6CA34-E002-4854-80A1-C777E54C9E18}" srcOrd="4" destOrd="0" presId="urn:microsoft.com/office/officeart/2008/layout/RadialCluster"/>
    <dgm:cxn modelId="{A9D883FF-26DC-4733-ADB2-79CEC43A231C}" type="presParOf" srcId="{23392139-BF37-4508-B695-F1F2823516CB}" destId="{85274869-8EE9-47F9-82C6-C969E33B49EB}" srcOrd="5" destOrd="0" presId="urn:microsoft.com/office/officeart/2008/layout/RadialCluster"/>
    <dgm:cxn modelId="{BE925EF5-7D48-4926-B3CD-2B3A124FC915}" type="presParOf" srcId="{23392139-BF37-4508-B695-F1F2823516CB}" destId="{E6D33748-AC0E-4229-99AF-9077B995D018}" srcOrd="6" destOrd="0" presId="urn:microsoft.com/office/officeart/2008/layout/RadialCluster"/>
    <dgm:cxn modelId="{8FD60D4F-A3A1-415C-889B-EC0CEE2202C9}" type="presParOf" srcId="{23392139-BF37-4508-B695-F1F2823516CB}" destId="{B444884D-433F-4DC0-B6FA-5DB88321EE27}" srcOrd="7" destOrd="0" presId="urn:microsoft.com/office/officeart/2008/layout/RadialCluster"/>
    <dgm:cxn modelId="{F770AA08-EF1C-4962-8D67-341A43CE6F6D}" type="presParOf" srcId="{23392139-BF37-4508-B695-F1F2823516CB}" destId="{98165232-CFA7-4392-A172-8FFCA5EB9577}" srcOrd="8" destOrd="0" presId="urn:microsoft.com/office/officeart/2008/layout/RadialCluster"/>
    <dgm:cxn modelId="{F69DAC2E-CC22-48A3-8DAE-F9AA16E87A17}" type="presParOf" srcId="{23392139-BF37-4508-B695-F1F2823516CB}" destId="{3954058F-4766-4F0F-884C-6DD846E9777B}" srcOrd="9" destOrd="0" presId="urn:microsoft.com/office/officeart/2008/layout/RadialCluster"/>
    <dgm:cxn modelId="{3AF830E5-E920-4F22-A337-8168AAB057F5}" type="presParOf" srcId="{23392139-BF37-4508-B695-F1F2823516CB}" destId="{62EAC3D1-0459-4AF0-83D4-8E4B2FE8BC20}" srcOrd="10" destOrd="0" presId="urn:microsoft.com/office/officeart/2008/layout/RadialCluster"/>
    <dgm:cxn modelId="{93BC8014-0D0A-47F0-BE10-034D1254B342}" type="presParOf" srcId="{23392139-BF37-4508-B695-F1F2823516CB}" destId="{8E697BBB-F982-4970-B118-8A935F2EAAF9}" srcOrd="11" destOrd="0" presId="urn:microsoft.com/office/officeart/2008/layout/RadialCluster"/>
    <dgm:cxn modelId="{9E89A1B5-1D23-4C68-B34D-1E581191E8BB}" type="presParOf" srcId="{23392139-BF37-4508-B695-F1F2823516CB}" destId="{7EEA38F8-C102-472C-8892-EBC7FAD893B7}" srcOrd="12" destOrd="0" presId="urn:microsoft.com/office/officeart/2008/layout/RadialCluster"/>
  </dgm:cxnLst>
  <dgm:bg/>
  <dgm:whole/>
  <dgm:extLst>
    <a:ext uri="http://schemas.microsoft.com/office/drawing/2008/diagram">
      <dsp:dataModelExt xmlns:dsp="http://schemas.microsoft.com/office/drawing/2008/diagram" relId="rId17" minVer="http://schemas.openxmlformats.org/drawingml/2006/diagram"/>
    </a:ext>
  </dgm:extLst>
</dgm:dataModel>
</file>

<file path=ppt/diagrams/data11.xml><?xml version="1.0" encoding="utf-8"?>
<dgm:dataModel xmlns:dgm="http://schemas.openxmlformats.org/drawingml/2006/diagram" xmlns:a="http://schemas.openxmlformats.org/drawingml/2006/main">
  <dgm:ptLst>
    <dgm:pt modelId="{E494C470-C32C-4C8A-8556-DAB50FE48DE2}" type="doc">
      <dgm:prSet loTypeId="urn:microsoft.com/office/officeart/2005/8/layout/cycle4" loCatId="relationship" qsTypeId="urn:microsoft.com/office/officeart/2005/8/quickstyle/simple2" qsCatId="simple" csTypeId="urn:microsoft.com/office/officeart/2005/8/colors/accent2_2" csCatId="accent2" phldr="1"/>
      <dgm:spPr/>
      <dgm:t>
        <a:bodyPr/>
        <a:lstStyle/>
        <a:p>
          <a:pPr rtl="1"/>
          <a:endParaRPr lang="he-IL"/>
        </a:p>
      </dgm:t>
    </dgm:pt>
    <dgm:pt modelId="{0330AA80-5C79-4EE6-BF07-4B7F699A63A0}">
      <dgm:prSet phldrT="[טקסט]" custT="1"/>
      <dgm:spPr/>
      <dgm:t>
        <a:bodyPr/>
        <a:lstStyle/>
        <a:p>
          <a:pPr rtl="1"/>
          <a:r>
            <a:rPr lang="he-IL" sz="2000" b="1" dirty="0" smtClean="0">
              <a:solidFill>
                <a:srgbClr val="002060"/>
              </a:solidFill>
              <a:latin typeface="Narkisim" panose="020E0502050101010101" pitchFamily="34" charset="-79"/>
              <a:cs typeface="Narkisim" panose="020E0502050101010101" pitchFamily="34" charset="-79"/>
            </a:rPr>
            <a:t>זירה אזורית מחבלת ומסרבלת</a:t>
          </a:r>
        </a:p>
      </dgm:t>
    </dgm:pt>
    <dgm:pt modelId="{74977354-8A64-4823-8032-3E2A40BD3FBF}" type="parTrans" cxnId="{4F3131D7-9A00-48C7-87E2-8B4855192D65}">
      <dgm:prSet/>
      <dgm:spPr/>
      <dgm:t>
        <a:bodyPr/>
        <a:lstStyle/>
        <a:p>
          <a:pPr rtl="1"/>
          <a:endParaRPr lang="he-IL"/>
        </a:p>
      </dgm:t>
    </dgm:pt>
    <dgm:pt modelId="{8DC50C7A-9138-4332-976D-22ED336CEC58}" type="sibTrans" cxnId="{4F3131D7-9A00-48C7-87E2-8B4855192D65}">
      <dgm:prSet/>
      <dgm:spPr/>
      <dgm:t>
        <a:bodyPr/>
        <a:lstStyle/>
        <a:p>
          <a:pPr rtl="1"/>
          <a:endParaRPr lang="he-IL"/>
        </a:p>
      </dgm:t>
    </dgm:pt>
    <dgm:pt modelId="{54803889-18BD-4290-9429-25AF3AE0F6A3}">
      <dgm:prSet phldrT="[טקסט]" custT="1"/>
      <dgm:spPr/>
      <dgm:t>
        <a:bodyPr/>
        <a:lstStyle/>
        <a:p>
          <a:pPr rtl="1"/>
          <a:r>
            <a:rPr lang="he-IL" sz="1600" b="1" dirty="0" smtClean="0">
              <a:latin typeface="Narkisim" panose="020E0502050101010101" pitchFamily="34" charset="-79"/>
              <a:cs typeface="Narkisim" panose="020E0502050101010101" pitchFamily="34" charset="-79"/>
            </a:rPr>
            <a:t>מרד ערבי, מלחמות</a:t>
          </a:r>
          <a:endParaRPr lang="he-IL" sz="1600" b="1" dirty="0">
            <a:latin typeface="Narkisim" panose="020E0502050101010101" pitchFamily="34" charset="-79"/>
            <a:cs typeface="Narkisim" panose="020E0502050101010101" pitchFamily="34" charset="-79"/>
          </a:endParaRPr>
        </a:p>
      </dgm:t>
    </dgm:pt>
    <dgm:pt modelId="{F69FA14C-CFE3-4982-A0A2-268066461F2F}" type="parTrans" cxnId="{90D62DE0-9030-4437-8ADF-62427E973349}">
      <dgm:prSet/>
      <dgm:spPr/>
      <dgm:t>
        <a:bodyPr/>
        <a:lstStyle/>
        <a:p>
          <a:pPr rtl="1"/>
          <a:endParaRPr lang="he-IL"/>
        </a:p>
      </dgm:t>
    </dgm:pt>
    <dgm:pt modelId="{E7716E41-8DCF-4823-A34A-BB80D37BCCAE}" type="sibTrans" cxnId="{90D62DE0-9030-4437-8ADF-62427E973349}">
      <dgm:prSet/>
      <dgm:spPr/>
      <dgm:t>
        <a:bodyPr/>
        <a:lstStyle/>
        <a:p>
          <a:pPr rtl="1"/>
          <a:endParaRPr lang="he-IL"/>
        </a:p>
      </dgm:t>
    </dgm:pt>
    <dgm:pt modelId="{0DFB4B8F-73B1-426A-BC9C-D1AA5FB70A81}">
      <dgm:prSet phldrT="[טקסט]" custT="1"/>
      <dgm:spPr/>
      <dgm:t>
        <a:bodyPr/>
        <a:lstStyle/>
        <a:p>
          <a:pPr rtl="1"/>
          <a:r>
            <a:rPr lang="he-IL" sz="2000" b="1" dirty="0" smtClean="0">
              <a:solidFill>
                <a:srgbClr val="002060"/>
              </a:solidFill>
              <a:latin typeface="Narkisim" panose="020E0502050101010101" pitchFamily="34" charset="-79"/>
              <a:cs typeface="Narkisim" panose="020E0502050101010101" pitchFamily="34" charset="-79"/>
            </a:rPr>
            <a:t>זירה בינ"ל מסובכת ומסבכת</a:t>
          </a:r>
          <a:endParaRPr lang="he-IL" sz="2000" b="1" dirty="0">
            <a:solidFill>
              <a:srgbClr val="002060"/>
            </a:solidFill>
            <a:latin typeface="Narkisim" panose="020E0502050101010101" pitchFamily="34" charset="-79"/>
            <a:cs typeface="Narkisim" panose="020E0502050101010101" pitchFamily="34" charset="-79"/>
          </a:endParaRPr>
        </a:p>
      </dgm:t>
    </dgm:pt>
    <dgm:pt modelId="{7348EF25-D4DC-4619-8132-CA5E3A5CB5AB}" type="parTrans" cxnId="{3D475234-B495-47C0-A19B-5D7538F2E630}">
      <dgm:prSet/>
      <dgm:spPr/>
      <dgm:t>
        <a:bodyPr/>
        <a:lstStyle/>
        <a:p>
          <a:pPr rtl="1"/>
          <a:endParaRPr lang="he-IL"/>
        </a:p>
      </dgm:t>
    </dgm:pt>
    <dgm:pt modelId="{47458C3F-A322-4185-979A-D37D3CB31F11}" type="sibTrans" cxnId="{3D475234-B495-47C0-A19B-5D7538F2E630}">
      <dgm:prSet/>
      <dgm:spPr/>
      <dgm:t>
        <a:bodyPr/>
        <a:lstStyle/>
        <a:p>
          <a:pPr rtl="1"/>
          <a:endParaRPr lang="he-IL"/>
        </a:p>
      </dgm:t>
    </dgm:pt>
    <dgm:pt modelId="{193A6481-5DA4-405C-8945-7ADC5D6D73EF}">
      <dgm:prSet phldrT="[טקסט]" custT="1"/>
      <dgm:spPr/>
      <dgm:t>
        <a:bodyPr/>
        <a:lstStyle/>
        <a:p>
          <a:pPr rtl="1"/>
          <a:r>
            <a:rPr lang="he-IL" sz="1600" b="1" dirty="0" smtClean="0">
              <a:latin typeface="Narkisim" panose="020E0502050101010101" pitchFamily="34" charset="-79"/>
              <a:cs typeface="Narkisim" panose="020E0502050101010101" pitchFamily="34" charset="-79"/>
            </a:rPr>
            <a:t>מנדט וחלוקה</a:t>
          </a:r>
          <a:endParaRPr lang="he-IL" sz="1600" b="1" dirty="0">
            <a:latin typeface="Narkisim" panose="020E0502050101010101" pitchFamily="34" charset="-79"/>
            <a:cs typeface="Narkisim" panose="020E0502050101010101" pitchFamily="34" charset="-79"/>
          </a:endParaRPr>
        </a:p>
      </dgm:t>
    </dgm:pt>
    <dgm:pt modelId="{050CB775-AD29-48CA-BCE9-BE21ECE7F660}" type="parTrans" cxnId="{C01AD43D-B6B1-45A5-BF48-11C172E4535C}">
      <dgm:prSet/>
      <dgm:spPr/>
      <dgm:t>
        <a:bodyPr/>
        <a:lstStyle/>
        <a:p>
          <a:pPr rtl="1"/>
          <a:endParaRPr lang="he-IL"/>
        </a:p>
      </dgm:t>
    </dgm:pt>
    <dgm:pt modelId="{5F1821F9-F51C-4B18-B6EF-8729957B42D2}" type="sibTrans" cxnId="{C01AD43D-B6B1-45A5-BF48-11C172E4535C}">
      <dgm:prSet/>
      <dgm:spPr/>
      <dgm:t>
        <a:bodyPr/>
        <a:lstStyle/>
        <a:p>
          <a:pPr rtl="1"/>
          <a:endParaRPr lang="he-IL"/>
        </a:p>
      </dgm:t>
    </dgm:pt>
    <dgm:pt modelId="{8EDCD223-5BE5-41DC-A24A-7E90B977A134}">
      <dgm:prSet phldrT="[טקסט]" custT="1"/>
      <dgm:spPr/>
      <dgm:t>
        <a:bodyPr/>
        <a:lstStyle/>
        <a:p>
          <a:pPr rtl="1"/>
          <a:r>
            <a:rPr lang="he-IL" sz="2000" b="1" dirty="0" smtClean="0">
              <a:solidFill>
                <a:srgbClr val="002060"/>
              </a:solidFill>
              <a:latin typeface="Narkisim" panose="020E0502050101010101" pitchFamily="34" charset="-79"/>
              <a:cs typeface="Narkisim" panose="020E0502050101010101" pitchFamily="34" charset="-79"/>
            </a:rPr>
            <a:t>הזירה הפנימית מסוכסכת ומפוצלת</a:t>
          </a:r>
        </a:p>
      </dgm:t>
    </dgm:pt>
    <dgm:pt modelId="{8FD41DE5-22AB-4E34-BCCD-3E04C7CC2270}" type="parTrans" cxnId="{12B75EAF-CC28-404E-97F3-67A09C371FE3}">
      <dgm:prSet/>
      <dgm:spPr/>
      <dgm:t>
        <a:bodyPr/>
        <a:lstStyle/>
        <a:p>
          <a:pPr rtl="1"/>
          <a:endParaRPr lang="he-IL"/>
        </a:p>
      </dgm:t>
    </dgm:pt>
    <dgm:pt modelId="{D0652C60-A942-4E00-BB49-9F3A5BEAE129}" type="sibTrans" cxnId="{12B75EAF-CC28-404E-97F3-67A09C371FE3}">
      <dgm:prSet/>
      <dgm:spPr/>
      <dgm:t>
        <a:bodyPr/>
        <a:lstStyle/>
        <a:p>
          <a:pPr rtl="1"/>
          <a:endParaRPr lang="he-IL"/>
        </a:p>
      </dgm:t>
    </dgm:pt>
    <dgm:pt modelId="{D4144EEE-4FD8-4100-890F-01F929F1E369}">
      <dgm:prSet phldrT="[טקסט]" custT="1"/>
      <dgm:spPr/>
      <dgm:t>
        <a:bodyPr/>
        <a:lstStyle/>
        <a:p>
          <a:pPr rtl="1"/>
          <a:r>
            <a:rPr lang="he-IL" sz="1600" b="1" dirty="0" smtClean="0">
              <a:latin typeface="Narkisim" panose="020E0502050101010101" pitchFamily="34" charset="-79"/>
              <a:cs typeface="Narkisim" panose="020E0502050101010101" pitchFamily="34" charset="-79"/>
            </a:rPr>
            <a:t>"הועד הערבי העליון"</a:t>
          </a:r>
          <a:endParaRPr lang="he-IL" sz="1600" b="1" dirty="0">
            <a:latin typeface="Narkisim" panose="020E0502050101010101" pitchFamily="34" charset="-79"/>
            <a:cs typeface="Narkisim" panose="020E0502050101010101" pitchFamily="34" charset="-79"/>
          </a:endParaRPr>
        </a:p>
      </dgm:t>
    </dgm:pt>
    <dgm:pt modelId="{32EE1C86-FCDD-47B1-B77A-719F3A4F4AC1}" type="parTrans" cxnId="{B25F9B44-6745-4540-8274-510CB4CB43BE}">
      <dgm:prSet/>
      <dgm:spPr/>
      <dgm:t>
        <a:bodyPr/>
        <a:lstStyle/>
        <a:p>
          <a:pPr rtl="1"/>
          <a:endParaRPr lang="he-IL"/>
        </a:p>
      </dgm:t>
    </dgm:pt>
    <dgm:pt modelId="{89EB00F3-908B-474E-9DD7-D5F3D2CF3558}" type="sibTrans" cxnId="{B25F9B44-6745-4540-8274-510CB4CB43BE}">
      <dgm:prSet/>
      <dgm:spPr/>
      <dgm:t>
        <a:bodyPr/>
        <a:lstStyle/>
        <a:p>
          <a:pPr rtl="1"/>
          <a:endParaRPr lang="he-IL"/>
        </a:p>
      </dgm:t>
    </dgm:pt>
    <dgm:pt modelId="{F9BC30CE-31DE-4D4B-B488-B40086632ABE}">
      <dgm:prSet phldrT="[טקסט]" custT="1"/>
      <dgm:spPr/>
      <dgm:t>
        <a:bodyPr/>
        <a:lstStyle/>
        <a:p>
          <a:pPr rtl="1"/>
          <a:r>
            <a:rPr lang="he-IL" sz="2000" b="1" dirty="0" smtClean="0">
              <a:latin typeface="Narkisim" panose="020E0502050101010101" pitchFamily="34" charset="-79"/>
              <a:cs typeface="Narkisim" panose="020E0502050101010101" pitchFamily="34" charset="-79"/>
            </a:rPr>
            <a:t>ישראל כובשת, משגשגת ומסכלת</a:t>
          </a:r>
        </a:p>
      </dgm:t>
    </dgm:pt>
    <dgm:pt modelId="{914C87E4-1248-4DBF-B98C-48B30552A065}" type="parTrans" cxnId="{0D4D91BF-BDA4-43A0-B8F1-78AD2E2C2F34}">
      <dgm:prSet/>
      <dgm:spPr/>
      <dgm:t>
        <a:bodyPr/>
        <a:lstStyle/>
        <a:p>
          <a:pPr rtl="1"/>
          <a:endParaRPr lang="he-IL"/>
        </a:p>
      </dgm:t>
    </dgm:pt>
    <dgm:pt modelId="{3CA635DD-3452-4D2A-BD9D-D4DC15148D6A}" type="sibTrans" cxnId="{0D4D91BF-BDA4-43A0-B8F1-78AD2E2C2F34}">
      <dgm:prSet/>
      <dgm:spPr/>
      <dgm:t>
        <a:bodyPr/>
        <a:lstStyle/>
        <a:p>
          <a:pPr rtl="1"/>
          <a:endParaRPr lang="he-IL"/>
        </a:p>
      </dgm:t>
    </dgm:pt>
    <dgm:pt modelId="{DF6D1F5C-52A6-41F8-872E-EB36E1D8E433}">
      <dgm:prSet phldrT="[טקסט]" custT="1"/>
      <dgm:spPr/>
      <dgm:t>
        <a:bodyPr/>
        <a:lstStyle/>
        <a:p>
          <a:pPr rtl="1"/>
          <a:r>
            <a:rPr lang="he-IL" sz="2000" b="1" baseline="0" dirty="0" smtClean="0">
              <a:latin typeface="Narkisim" panose="020E0502050101010101" pitchFamily="34" charset="-79"/>
              <a:cs typeface="Narkisim" panose="020E0502050101010101" pitchFamily="34" charset="-79"/>
            </a:rPr>
            <a:t> "נכבה" (</a:t>
          </a:r>
          <a:r>
            <a:rPr lang="he-IL" sz="2000" b="1" baseline="0" dirty="0" err="1" smtClean="0">
              <a:latin typeface="Narkisim" panose="020E0502050101010101" pitchFamily="34" charset="-79"/>
              <a:cs typeface="Narkisim" panose="020E0502050101010101" pitchFamily="34" charset="-79"/>
            </a:rPr>
            <a:t>48</a:t>
          </a:r>
          <a:r>
            <a:rPr lang="he-IL" sz="2000" b="1" baseline="0" dirty="0" smtClean="0">
              <a:latin typeface="Narkisim" panose="020E0502050101010101" pitchFamily="34" charset="-79"/>
              <a:cs typeface="Narkisim" panose="020E0502050101010101" pitchFamily="34" charset="-79"/>
            </a:rPr>
            <a:t>')</a:t>
          </a:r>
          <a:endParaRPr lang="he-IL" sz="2000" b="1" dirty="0">
            <a:latin typeface="Narkisim" panose="020E0502050101010101" pitchFamily="34" charset="-79"/>
            <a:cs typeface="Narkisim" panose="020E0502050101010101" pitchFamily="34" charset="-79"/>
          </a:endParaRPr>
        </a:p>
      </dgm:t>
    </dgm:pt>
    <dgm:pt modelId="{D295CFCE-6924-4D7C-834F-8E4E0161A1D3}" type="parTrans" cxnId="{01CE7644-BF16-43AB-801C-BD0E91AB2959}">
      <dgm:prSet/>
      <dgm:spPr/>
      <dgm:t>
        <a:bodyPr/>
        <a:lstStyle/>
        <a:p>
          <a:pPr rtl="1"/>
          <a:endParaRPr lang="he-IL"/>
        </a:p>
      </dgm:t>
    </dgm:pt>
    <dgm:pt modelId="{D439D618-82C4-4E12-8563-E26EF28BE846}" type="sibTrans" cxnId="{01CE7644-BF16-43AB-801C-BD0E91AB2959}">
      <dgm:prSet/>
      <dgm:spPr/>
      <dgm:t>
        <a:bodyPr/>
        <a:lstStyle/>
        <a:p>
          <a:pPr rtl="1"/>
          <a:endParaRPr lang="he-IL"/>
        </a:p>
      </dgm:t>
    </dgm:pt>
    <dgm:pt modelId="{BF6451E3-CBDF-4EC8-90B9-03433D0DF174}">
      <dgm:prSet phldrT="[טקסט]" custT="1"/>
      <dgm:spPr/>
      <dgm:t>
        <a:bodyPr/>
        <a:lstStyle/>
        <a:p>
          <a:pPr rtl="1"/>
          <a:r>
            <a:rPr lang="he-IL" sz="1600" b="1" dirty="0" smtClean="0">
              <a:latin typeface="Narkisim" panose="020E0502050101010101" pitchFamily="34" charset="-79"/>
              <a:cs typeface="Narkisim" panose="020E0502050101010101" pitchFamily="34" charset="-79"/>
            </a:rPr>
            <a:t>התפרקות בריה"מ</a:t>
          </a:r>
          <a:endParaRPr lang="he-IL" sz="1600" b="1" dirty="0">
            <a:latin typeface="Narkisim" panose="020E0502050101010101" pitchFamily="34" charset="-79"/>
            <a:cs typeface="Narkisim" panose="020E0502050101010101" pitchFamily="34" charset="-79"/>
          </a:endParaRPr>
        </a:p>
      </dgm:t>
    </dgm:pt>
    <dgm:pt modelId="{775278B7-78D5-412F-B48A-3E949C3DA87A}" type="sibTrans" cxnId="{10A4BDA8-3867-485F-84F5-4D020B1C0BCD}">
      <dgm:prSet/>
      <dgm:spPr/>
      <dgm:t>
        <a:bodyPr/>
        <a:lstStyle/>
        <a:p>
          <a:pPr rtl="1"/>
          <a:endParaRPr lang="he-IL"/>
        </a:p>
      </dgm:t>
    </dgm:pt>
    <dgm:pt modelId="{CB60882D-B1D1-4F50-8F78-B650E9F6D35C}" type="parTrans" cxnId="{10A4BDA8-3867-485F-84F5-4D020B1C0BCD}">
      <dgm:prSet/>
      <dgm:spPr/>
      <dgm:t>
        <a:bodyPr/>
        <a:lstStyle/>
        <a:p>
          <a:pPr rtl="1"/>
          <a:endParaRPr lang="he-IL"/>
        </a:p>
      </dgm:t>
    </dgm:pt>
    <dgm:pt modelId="{020F1A26-75C9-4AE5-9022-1C2A9676E1FD}">
      <dgm:prSet phldrT="[טקסט]" custT="1"/>
      <dgm:spPr/>
      <dgm:t>
        <a:bodyPr/>
        <a:lstStyle/>
        <a:p>
          <a:pPr rtl="1"/>
          <a:r>
            <a:rPr lang="he-IL" sz="1600" b="1" dirty="0" err="1" smtClean="0">
              <a:latin typeface="Narkisim" panose="020E0502050101010101" pitchFamily="34" charset="-79"/>
              <a:cs typeface="Narkisim" panose="020E0502050101010101" pitchFamily="34" charset="-79"/>
            </a:rPr>
            <a:t>אש"פ</a:t>
          </a:r>
          <a:r>
            <a:rPr lang="he-IL" sz="1600" b="1" dirty="0" smtClean="0">
              <a:latin typeface="Narkisim" panose="020E0502050101010101" pitchFamily="34" charset="-79"/>
              <a:cs typeface="Narkisim" panose="020E0502050101010101" pitchFamily="34" charset="-79"/>
            </a:rPr>
            <a:t>, </a:t>
          </a:r>
          <a:r>
            <a:rPr lang="he-IL" sz="1600" b="1" dirty="0" err="1" smtClean="0">
              <a:latin typeface="Narkisim" panose="020E0502050101010101" pitchFamily="34" charset="-79"/>
              <a:cs typeface="Narkisim" panose="020E0502050101010101" pitchFamily="34" charset="-79"/>
            </a:rPr>
            <a:t>ספט</a:t>
          </a:r>
          <a:r>
            <a:rPr lang="he-IL" sz="1600" b="1" dirty="0" smtClean="0">
              <a:latin typeface="Narkisim" panose="020E0502050101010101" pitchFamily="34" charset="-79"/>
              <a:cs typeface="Narkisim" panose="020E0502050101010101" pitchFamily="34" charset="-79"/>
            </a:rPr>
            <a:t>' השחור, פתח-לנד ותוניס</a:t>
          </a:r>
          <a:endParaRPr lang="he-IL" sz="1600" b="1" dirty="0">
            <a:latin typeface="Narkisim" panose="020E0502050101010101" pitchFamily="34" charset="-79"/>
            <a:cs typeface="Narkisim" panose="020E0502050101010101" pitchFamily="34" charset="-79"/>
          </a:endParaRPr>
        </a:p>
      </dgm:t>
    </dgm:pt>
    <dgm:pt modelId="{6BA25849-8E7B-4B51-BA39-1E542189D669}" type="parTrans" cxnId="{664C2032-83CB-4D14-BA2F-36CBE9B85248}">
      <dgm:prSet/>
      <dgm:spPr/>
      <dgm:t>
        <a:bodyPr/>
        <a:lstStyle/>
        <a:p>
          <a:pPr rtl="1"/>
          <a:endParaRPr lang="he-IL"/>
        </a:p>
      </dgm:t>
    </dgm:pt>
    <dgm:pt modelId="{621BD5D0-9ABD-406B-AD78-BB5B5AE6C67D}" type="sibTrans" cxnId="{664C2032-83CB-4D14-BA2F-36CBE9B85248}">
      <dgm:prSet/>
      <dgm:spPr/>
      <dgm:t>
        <a:bodyPr/>
        <a:lstStyle/>
        <a:p>
          <a:pPr rtl="1"/>
          <a:endParaRPr lang="he-IL"/>
        </a:p>
      </dgm:t>
    </dgm:pt>
    <dgm:pt modelId="{8C235FFE-8C75-4B89-8AEE-F59E72705339}">
      <dgm:prSet phldrT="[טקסט]" custT="1"/>
      <dgm:spPr/>
      <dgm:t>
        <a:bodyPr/>
        <a:lstStyle/>
        <a:p>
          <a:pPr rtl="1"/>
          <a:r>
            <a:rPr lang="he-IL" sz="1600" b="1" dirty="0" smtClean="0">
              <a:latin typeface="Narkisim" panose="020E0502050101010101" pitchFamily="34" charset="-79"/>
              <a:cs typeface="Narkisim" panose="020E0502050101010101" pitchFamily="34" charset="-79"/>
            </a:rPr>
            <a:t>חסות, יוזמה ערבית</a:t>
          </a:r>
          <a:endParaRPr lang="he-IL" sz="1600" b="1" dirty="0">
            <a:latin typeface="Narkisim" panose="020E0502050101010101" pitchFamily="34" charset="-79"/>
            <a:cs typeface="Narkisim" panose="020E0502050101010101" pitchFamily="34" charset="-79"/>
          </a:endParaRPr>
        </a:p>
      </dgm:t>
    </dgm:pt>
    <dgm:pt modelId="{34B290B5-81FC-4BE7-B132-FB95134E572E}" type="parTrans" cxnId="{42DD1D38-1DDB-45F6-8433-2CFB6C8521F4}">
      <dgm:prSet/>
      <dgm:spPr/>
      <dgm:t>
        <a:bodyPr/>
        <a:lstStyle/>
        <a:p>
          <a:pPr rtl="1"/>
          <a:endParaRPr lang="he-IL"/>
        </a:p>
      </dgm:t>
    </dgm:pt>
    <dgm:pt modelId="{3CCA910D-36FB-4FB0-BC65-C15781A56EF5}" type="sibTrans" cxnId="{42DD1D38-1DDB-45F6-8433-2CFB6C8521F4}">
      <dgm:prSet/>
      <dgm:spPr/>
      <dgm:t>
        <a:bodyPr/>
        <a:lstStyle/>
        <a:p>
          <a:pPr rtl="1"/>
          <a:endParaRPr lang="he-IL"/>
        </a:p>
      </dgm:t>
    </dgm:pt>
    <dgm:pt modelId="{45B4BA6D-DCBB-4AD7-B16A-94163706A457}">
      <dgm:prSet phldrT="[טקסט]" custT="1"/>
      <dgm:spPr/>
      <dgm:t>
        <a:bodyPr/>
        <a:lstStyle/>
        <a:p>
          <a:pPr rtl="1"/>
          <a:r>
            <a:rPr lang="he-IL" sz="1600" b="1" dirty="0" smtClean="0">
              <a:latin typeface="Narkisim" panose="020E0502050101010101" pitchFamily="34" charset="-79"/>
              <a:cs typeface="Narkisim" panose="020E0502050101010101" pitchFamily="34" charset="-79"/>
            </a:rPr>
            <a:t>  הטלטלה ("</a:t>
          </a:r>
          <a:r>
            <a:rPr lang="en-US" sz="1600" b="1" dirty="0" smtClean="0">
              <a:latin typeface="Narkisim" panose="020E0502050101010101" pitchFamily="34" charset="-79"/>
              <a:cs typeface="Narkisim" panose="020E0502050101010101" pitchFamily="34" charset="-79"/>
            </a:rPr>
            <a:t>ISISI</a:t>
          </a:r>
          <a:r>
            <a:rPr lang="he-IL" sz="1600" b="1" dirty="0" smtClean="0">
              <a:latin typeface="Narkisim" panose="020E0502050101010101" pitchFamily="34" charset="-79"/>
              <a:cs typeface="Narkisim" panose="020E0502050101010101" pitchFamily="34" charset="-79"/>
            </a:rPr>
            <a:t>")  </a:t>
          </a:r>
          <a:endParaRPr lang="he-IL" sz="1600" b="1" dirty="0">
            <a:latin typeface="Narkisim" panose="020E0502050101010101" pitchFamily="34" charset="-79"/>
            <a:cs typeface="Narkisim" panose="020E0502050101010101" pitchFamily="34" charset="-79"/>
          </a:endParaRPr>
        </a:p>
      </dgm:t>
    </dgm:pt>
    <dgm:pt modelId="{FDBEB1BD-54C7-49CB-8A60-815923DFE43B}" type="parTrans" cxnId="{59AFE88A-FCAF-4F82-933A-A6F8E76A3A6C}">
      <dgm:prSet/>
      <dgm:spPr/>
      <dgm:t>
        <a:bodyPr/>
        <a:lstStyle/>
        <a:p>
          <a:pPr rtl="1"/>
          <a:endParaRPr lang="he-IL"/>
        </a:p>
      </dgm:t>
    </dgm:pt>
    <dgm:pt modelId="{70C4A614-7468-4238-8087-84C8D0139CA0}" type="sibTrans" cxnId="{59AFE88A-FCAF-4F82-933A-A6F8E76A3A6C}">
      <dgm:prSet/>
      <dgm:spPr/>
      <dgm:t>
        <a:bodyPr/>
        <a:lstStyle/>
        <a:p>
          <a:pPr rtl="1"/>
          <a:endParaRPr lang="he-IL"/>
        </a:p>
      </dgm:t>
    </dgm:pt>
    <dgm:pt modelId="{8A1924F7-2073-4719-8A49-1A714AF77FE9}">
      <dgm:prSet phldrT="[טקסט]" custT="1"/>
      <dgm:spPr/>
      <dgm:t>
        <a:bodyPr/>
        <a:lstStyle/>
        <a:p>
          <a:pPr rtl="1"/>
          <a:r>
            <a:rPr lang="he-IL" sz="1600" b="1" dirty="0" smtClean="0">
              <a:latin typeface="Narkisim" panose="020E0502050101010101" pitchFamily="34" charset="-79"/>
              <a:cs typeface="Narkisim" panose="020E0502050101010101" pitchFamily="34" charset="-79"/>
            </a:rPr>
            <a:t>מלחמת המפרץ</a:t>
          </a:r>
          <a:endParaRPr lang="he-IL" sz="1600" b="1" dirty="0">
            <a:latin typeface="Narkisim" panose="020E0502050101010101" pitchFamily="34" charset="-79"/>
            <a:cs typeface="Narkisim" panose="020E0502050101010101" pitchFamily="34" charset="-79"/>
          </a:endParaRPr>
        </a:p>
      </dgm:t>
    </dgm:pt>
    <dgm:pt modelId="{434EB9DB-AE3F-4D0A-9144-D7FE6A4EE996}" type="parTrans" cxnId="{03A96477-6A64-453E-90E6-9AFEA3E72837}">
      <dgm:prSet/>
      <dgm:spPr/>
      <dgm:t>
        <a:bodyPr/>
        <a:lstStyle/>
        <a:p>
          <a:pPr rtl="1"/>
          <a:endParaRPr lang="he-IL"/>
        </a:p>
      </dgm:t>
    </dgm:pt>
    <dgm:pt modelId="{1DA66B91-1B8F-4522-8C11-C2B09FB8D09B}" type="sibTrans" cxnId="{03A96477-6A64-453E-90E6-9AFEA3E72837}">
      <dgm:prSet/>
      <dgm:spPr/>
      <dgm:t>
        <a:bodyPr/>
        <a:lstStyle/>
        <a:p>
          <a:pPr rtl="1"/>
          <a:endParaRPr lang="he-IL"/>
        </a:p>
      </dgm:t>
    </dgm:pt>
    <dgm:pt modelId="{45142F8F-4C88-468C-8EC4-A268FB65647C}">
      <dgm:prSet phldrT="[טקסט]" custT="1"/>
      <dgm:spPr/>
      <dgm:t>
        <a:bodyPr/>
        <a:lstStyle/>
        <a:p>
          <a:pPr rtl="1"/>
          <a:r>
            <a:rPr lang="he-IL" sz="1600" b="1" dirty="0" smtClean="0">
              <a:latin typeface="Narkisim" panose="020E0502050101010101" pitchFamily="34" charset="-79"/>
              <a:cs typeface="Narkisim" panose="020E0502050101010101" pitchFamily="34" charset="-79"/>
            </a:rPr>
            <a:t>שלום מצרים וירדן</a:t>
          </a:r>
          <a:endParaRPr lang="he-IL" sz="1600" b="1" dirty="0">
            <a:latin typeface="Narkisim" panose="020E0502050101010101" pitchFamily="34" charset="-79"/>
            <a:cs typeface="Narkisim" panose="020E0502050101010101" pitchFamily="34" charset="-79"/>
          </a:endParaRPr>
        </a:p>
      </dgm:t>
    </dgm:pt>
    <dgm:pt modelId="{E44ADD84-605C-4096-91E9-EB61CCA8F51F}" type="parTrans" cxnId="{7AA95007-AB89-4360-AA58-1DB5DA32847F}">
      <dgm:prSet/>
      <dgm:spPr/>
      <dgm:t>
        <a:bodyPr/>
        <a:lstStyle/>
        <a:p>
          <a:pPr rtl="1"/>
          <a:endParaRPr lang="he-IL"/>
        </a:p>
      </dgm:t>
    </dgm:pt>
    <dgm:pt modelId="{80B3CA27-805F-4F25-8544-025BF5BCCD27}" type="sibTrans" cxnId="{7AA95007-AB89-4360-AA58-1DB5DA32847F}">
      <dgm:prSet/>
      <dgm:spPr/>
      <dgm:t>
        <a:bodyPr/>
        <a:lstStyle/>
        <a:p>
          <a:pPr rtl="1"/>
          <a:endParaRPr lang="he-IL"/>
        </a:p>
      </dgm:t>
    </dgm:pt>
    <dgm:pt modelId="{A5424CB9-4F3A-40FA-9BD8-0219095AF611}">
      <dgm:prSet phldrT="[טקסט]" custT="1"/>
      <dgm:spPr/>
      <dgm:t>
        <a:bodyPr/>
        <a:lstStyle/>
        <a:p>
          <a:pPr rtl="1"/>
          <a:r>
            <a:rPr lang="he-IL" sz="1600" b="1" dirty="0" smtClean="0">
              <a:latin typeface="Narkisim" panose="020E0502050101010101" pitchFamily="34" charset="-79"/>
              <a:cs typeface="Narkisim" panose="020E0502050101010101" pitchFamily="34" charset="-79"/>
            </a:rPr>
            <a:t>התנתקות ירדן מהגדה</a:t>
          </a:r>
          <a:endParaRPr lang="he-IL" sz="1600" b="1" dirty="0">
            <a:latin typeface="Narkisim" panose="020E0502050101010101" pitchFamily="34" charset="-79"/>
            <a:cs typeface="Narkisim" panose="020E0502050101010101" pitchFamily="34" charset="-79"/>
          </a:endParaRPr>
        </a:p>
      </dgm:t>
    </dgm:pt>
    <dgm:pt modelId="{D3F7990B-F2E7-4F66-93C4-B3F9B4B14A73}" type="parTrans" cxnId="{0AC92DC6-8976-454C-B7B4-ED94420242CA}">
      <dgm:prSet/>
      <dgm:spPr/>
      <dgm:t>
        <a:bodyPr/>
        <a:lstStyle/>
        <a:p>
          <a:pPr rtl="1"/>
          <a:endParaRPr lang="he-IL"/>
        </a:p>
      </dgm:t>
    </dgm:pt>
    <dgm:pt modelId="{02F778FA-9594-470D-A142-7238A009B9BF}" type="sibTrans" cxnId="{0AC92DC6-8976-454C-B7B4-ED94420242CA}">
      <dgm:prSet/>
      <dgm:spPr/>
      <dgm:t>
        <a:bodyPr/>
        <a:lstStyle/>
        <a:p>
          <a:pPr rtl="1"/>
          <a:endParaRPr lang="he-IL"/>
        </a:p>
      </dgm:t>
    </dgm:pt>
    <dgm:pt modelId="{A249E999-CE7B-4765-8518-309117FB001A}">
      <dgm:prSet phldrT="[טקסט]" custT="1"/>
      <dgm:spPr/>
      <dgm:t>
        <a:bodyPr/>
        <a:lstStyle/>
        <a:p>
          <a:pPr rtl="1"/>
          <a:r>
            <a:rPr lang="he-IL" sz="1600" b="1" dirty="0" smtClean="0">
              <a:latin typeface="Narkisim" panose="020E0502050101010101" pitchFamily="34" charset="-79"/>
              <a:cs typeface="Narkisim" panose="020E0502050101010101" pitchFamily="34" charset="-79"/>
            </a:rPr>
            <a:t>מאבק מתמשך על ייצוג העם ועצמאות ההחלטה: </a:t>
          </a:r>
          <a:r>
            <a:rPr lang="he-IL" sz="1600" b="1" dirty="0" err="1" smtClean="0">
              <a:latin typeface="Narkisim" panose="020E0502050101010101" pitchFamily="34" charset="-79"/>
              <a:cs typeface="Narkisim" panose="020E0502050101010101" pitchFamily="34" charset="-79"/>
            </a:rPr>
            <a:t>אש"פ</a:t>
          </a:r>
          <a:r>
            <a:rPr lang="he-IL" sz="1600" b="1" dirty="0" smtClean="0">
              <a:latin typeface="Narkisim" panose="020E0502050101010101" pitchFamily="34" charset="-79"/>
              <a:cs typeface="Narkisim" panose="020E0502050101010101" pitchFamily="34" charset="-79"/>
            </a:rPr>
            <a:t>-פת"ח, </a:t>
          </a:r>
          <a:r>
            <a:rPr lang="he-IL" sz="1600" b="1" dirty="0" err="1" smtClean="0">
              <a:latin typeface="Narkisim" panose="020E0502050101010101" pitchFamily="34" charset="-79"/>
              <a:cs typeface="Narkisim" panose="020E0502050101010101" pitchFamily="34" charset="-79"/>
            </a:rPr>
            <a:t>אש"פ</a:t>
          </a:r>
          <a:r>
            <a:rPr lang="he-IL" sz="1600" b="1" dirty="0" smtClean="0">
              <a:latin typeface="Narkisim" panose="020E0502050101010101" pitchFamily="34" charset="-79"/>
              <a:cs typeface="Narkisim" panose="020E0502050101010101" pitchFamily="34" charset="-79"/>
            </a:rPr>
            <a:t>-ערבים, </a:t>
          </a:r>
          <a:r>
            <a:rPr lang="he-IL" sz="1600" b="1" dirty="0" err="1" smtClean="0">
              <a:latin typeface="Narkisim" panose="020E0502050101010101" pitchFamily="34" charset="-79"/>
              <a:cs typeface="Narkisim" panose="020E0502050101010101" pitchFamily="34" charset="-79"/>
            </a:rPr>
            <a:t>אש"פ</a:t>
          </a:r>
          <a:r>
            <a:rPr lang="he-IL" sz="1600" b="1" dirty="0" smtClean="0">
              <a:latin typeface="Narkisim" panose="020E0502050101010101" pitchFamily="34" charset="-79"/>
              <a:cs typeface="Narkisim" panose="020E0502050101010101" pitchFamily="34" charset="-79"/>
            </a:rPr>
            <a:t>-ירדן ופנים, </a:t>
          </a:r>
          <a:r>
            <a:rPr lang="he-IL" sz="1600" b="1" dirty="0" err="1" smtClean="0">
              <a:latin typeface="Narkisim" panose="020E0502050101010101" pitchFamily="34" charset="-79"/>
              <a:cs typeface="Narkisim" panose="020E0502050101010101" pitchFamily="34" charset="-79"/>
            </a:rPr>
            <a:t>אש"פ</a:t>
          </a:r>
          <a:r>
            <a:rPr lang="he-IL" sz="1600" b="1" dirty="0" smtClean="0">
              <a:latin typeface="Narkisim" panose="020E0502050101010101" pitchFamily="34" charset="-79"/>
              <a:cs typeface="Narkisim" panose="020E0502050101010101" pitchFamily="34" charset="-79"/>
            </a:rPr>
            <a:t>-חמאס, רשות-חמאס</a:t>
          </a:r>
          <a:endParaRPr lang="he-IL" sz="1600" b="1" dirty="0">
            <a:latin typeface="Narkisim" panose="020E0502050101010101" pitchFamily="34" charset="-79"/>
            <a:cs typeface="Narkisim" panose="020E0502050101010101" pitchFamily="34" charset="-79"/>
          </a:endParaRPr>
        </a:p>
      </dgm:t>
    </dgm:pt>
    <dgm:pt modelId="{F7D97A78-F33A-4935-B28C-7A62DCD0C963}" type="parTrans" cxnId="{1B5F6A68-DEB3-4C06-946F-FC724013A9FE}">
      <dgm:prSet/>
      <dgm:spPr/>
      <dgm:t>
        <a:bodyPr/>
        <a:lstStyle/>
        <a:p>
          <a:pPr rtl="1"/>
          <a:endParaRPr lang="he-IL"/>
        </a:p>
      </dgm:t>
    </dgm:pt>
    <dgm:pt modelId="{ABEBA821-765C-4C47-B472-12D0263C542A}" type="sibTrans" cxnId="{1B5F6A68-DEB3-4C06-946F-FC724013A9FE}">
      <dgm:prSet/>
      <dgm:spPr/>
      <dgm:t>
        <a:bodyPr/>
        <a:lstStyle/>
        <a:p>
          <a:pPr rtl="1"/>
          <a:endParaRPr lang="he-IL"/>
        </a:p>
      </dgm:t>
    </dgm:pt>
    <dgm:pt modelId="{F3A87E2F-E00D-4138-BE86-9F752272F03D}">
      <dgm:prSet phldrT="[טקסט]" custT="1"/>
      <dgm:spPr/>
      <dgm:t>
        <a:bodyPr/>
        <a:lstStyle/>
        <a:p>
          <a:pPr rtl="1"/>
          <a:r>
            <a:rPr lang="he-IL" sz="1600" b="1" dirty="0" smtClean="0">
              <a:latin typeface="Narkisim" panose="020E0502050101010101" pitchFamily="34" charset="-79"/>
              <a:cs typeface="Narkisim" panose="020E0502050101010101" pitchFamily="34" charset="-79"/>
            </a:rPr>
            <a:t>מאבק ארגוני, עממי</a:t>
          </a:r>
          <a:endParaRPr lang="he-IL" sz="1600" b="1" dirty="0">
            <a:latin typeface="Narkisim" panose="020E0502050101010101" pitchFamily="34" charset="-79"/>
            <a:cs typeface="Narkisim" panose="020E0502050101010101" pitchFamily="34" charset="-79"/>
          </a:endParaRPr>
        </a:p>
      </dgm:t>
    </dgm:pt>
    <dgm:pt modelId="{55817577-1D95-471F-BECC-0F559010CC77}" type="parTrans" cxnId="{4D382E62-363A-4882-9A51-24192BC90A14}">
      <dgm:prSet/>
      <dgm:spPr/>
      <dgm:t>
        <a:bodyPr/>
        <a:lstStyle/>
        <a:p>
          <a:pPr rtl="1"/>
          <a:endParaRPr lang="he-IL"/>
        </a:p>
      </dgm:t>
    </dgm:pt>
    <dgm:pt modelId="{5D3A8274-5D31-4729-893C-4A19795D4AE8}" type="sibTrans" cxnId="{4D382E62-363A-4882-9A51-24192BC90A14}">
      <dgm:prSet/>
      <dgm:spPr/>
      <dgm:t>
        <a:bodyPr/>
        <a:lstStyle/>
        <a:p>
          <a:pPr rtl="1"/>
          <a:endParaRPr lang="he-IL"/>
        </a:p>
      </dgm:t>
    </dgm:pt>
    <dgm:pt modelId="{701C5393-6135-4046-A4C8-437E7715C4A0}">
      <dgm:prSet phldrT="[טקסט]" custT="1"/>
      <dgm:spPr/>
      <dgm:t>
        <a:bodyPr/>
        <a:lstStyle/>
        <a:p>
          <a:pPr rtl="1"/>
          <a:endParaRPr lang="he-IL" sz="1100" dirty="0">
            <a:latin typeface="Narkisim" panose="020E0502050101010101" pitchFamily="34" charset="-79"/>
            <a:cs typeface="Narkisim" panose="020E0502050101010101" pitchFamily="34" charset="-79"/>
          </a:endParaRPr>
        </a:p>
      </dgm:t>
    </dgm:pt>
    <dgm:pt modelId="{BE08E35B-CE64-417A-98E7-6B794614E022}" type="parTrans" cxnId="{1129D183-AF69-4F4F-9748-3CA2AF2C6C78}">
      <dgm:prSet/>
      <dgm:spPr/>
      <dgm:t>
        <a:bodyPr/>
        <a:lstStyle/>
        <a:p>
          <a:pPr rtl="1"/>
          <a:endParaRPr lang="he-IL"/>
        </a:p>
      </dgm:t>
    </dgm:pt>
    <dgm:pt modelId="{C1DD90A8-57DF-4D7A-9939-51F5AC16EE8E}" type="sibTrans" cxnId="{1129D183-AF69-4F4F-9748-3CA2AF2C6C78}">
      <dgm:prSet/>
      <dgm:spPr/>
      <dgm:t>
        <a:bodyPr/>
        <a:lstStyle/>
        <a:p>
          <a:pPr rtl="1"/>
          <a:endParaRPr lang="he-IL"/>
        </a:p>
      </dgm:t>
    </dgm:pt>
    <dgm:pt modelId="{224E123B-BE96-4743-A1F1-EF220F902D31}">
      <dgm:prSet phldrT="[טקסט]" custT="1"/>
      <dgm:spPr/>
      <dgm:t>
        <a:bodyPr/>
        <a:lstStyle/>
        <a:p>
          <a:pPr rtl="1"/>
          <a:endParaRPr lang="he-IL" sz="2000" b="1" dirty="0">
            <a:latin typeface="Narkisim" panose="020E0502050101010101" pitchFamily="34" charset="-79"/>
            <a:cs typeface="Narkisim" panose="020E0502050101010101" pitchFamily="34" charset="-79"/>
          </a:endParaRPr>
        </a:p>
      </dgm:t>
    </dgm:pt>
    <dgm:pt modelId="{620781CA-4B86-465A-BCF7-49B8303CF74E}" type="parTrans" cxnId="{157B3B05-6E37-4ACF-8A9A-A0A1B90E528A}">
      <dgm:prSet/>
      <dgm:spPr/>
      <dgm:t>
        <a:bodyPr/>
        <a:lstStyle/>
        <a:p>
          <a:pPr rtl="1"/>
          <a:endParaRPr lang="he-IL"/>
        </a:p>
      </dgm:t>
    </dgm:pt>
    <dgm:pt modelId="{EEA00D7A-50F6-4993-8247-31CF007769DA}" type="sibTrans" cxnId="{157B3B05-6E37-4ACF-8A9A-A0A1B90E528A}">
      <dgm:prSet/>
      <dgm:spPr/>
      <dgm:t>
        <a:bodyPr/>
        <a:lstStyle/>
        <a:p>
          <a:pPr rtl="1"/>
          <a:endParaRPr lang="he-IL"/>
        </a:p>
      </dgm:t>
    </dgm:pt>
    <dgm:pt modelId="{E3E6A64D-8784-4380-9720-C6CFD92208C6}">
      <dgm:prSet phldrT="[טקסט]" custT="1"/>
      <dgm:spPr/>
      <dgm:t>
        <a:bodyPr/>
        <a:lstStyle/>
        <a:p>
          <a:pPr rtl="1"/>
          <a:r>
            <a:rPr lang="he-IL" sz="2000" b="1" dirty="0" err="1" smtClean="0">
              <a:latin typeface="Narkisim" panose="020E0502050101010101" pitchFamily="34" charset="-79"/>
              <a:cs typeface="Narkisim" panose="020E0502050101010101" pitchFamily="34" charset="-79"/>
            </a:rPr>
            <a:t>אנתפאדה</a:t>
          </a:r>
          <a:r>
            <a:rPr lang="he-IL" sz="2000" b="1" dirty="0" smtClean="0">
              <a:latin typeface="Narkisim" panose="020E0502050101010101" pitchFamily="34" charset="-79"/>
              <a:cs typeface="Narkisim" panose="020E0502050101010101" pitchFamily="34" charset="-79"/>
            </a:rPr>
            <a:t> 1 ומדריד</a:t>
          </a:r>
          <a:endParaRPr lang="he-IL" sz="2000" b="1" dirty="0">
            <a:latin typeface="Narkisim" panose="020E0502050101010101" pitchFamily="34" charset="-79"/>
            <a:cs typeface="Narkisim" panose="020E0502050101010101" pitchFamily="34" charset="-79"/>
          </a:endParaRPr>
        </a:p>
      </dgm:t>
    </dgm:pt>
    <dgm:pt modelId="{372825D2-16E3-47E3-96FC-2831C82B8E37}" type="parTrans" cxnId="{0C0489AA-374F-43C9-B3EE-9C56E9E34BCB}">
      <dgm:prSet/>
      <dgm:spPr/>
      <dgm:t>
        <a:bodyPr/>
        <a:lstStyle/>
        <a:p>
          <a:pPr rtl="1"/>
          <a:endParaRPr lang="he-IL"/>
        </a:p>
      </dgm:t>
    </dgm:pt>
    <dgm:pt modelId="{F4E23C6C-A41A-482E-84B3-B9EDFBB45ECC}" type="sibTrans" cxnId="{0C0489AA-374F-43C9-B3EE-9C56E9E34BCB}">
      <dgm:prSet/>
      <dgm:spPr/>
      <dgm:t>
        <a:bodyPr/>
        <a:lstStyle/>
        <a:p>
          <a:pPr rtl="1"/>
          <a:endParaRPr lang="he-IL"/>
        </a:p>
      </dgm:t>
    </dgm:pt>
    <dgm:pt modelId="{50190A41-86A6-435B-8F64-359A3D883A46}">
      <dgm:prSet phldrT="[טקסט]" custT="1"/>
      <dgm:spPr/>
      <dgm:t>
        <a:bodyPr/>
        <a:lstStyle/>
        <a:p>
          <a:pPr rtl="1"/>
          <a:r>
            <a:rPr lang="he-IL" sz="2000" b="1" dirty="0" smtClean="0">
              <a:latin typeface="Narkisim" panose="020E0502050101010101" pitchFamily="34" charset="-79"/>
              <a:cs typeface="Narkisim" panose="020E0502050101010101" pitchFamily="34" charset="-79"/>
            </a:rPr>
            <a:t>אוסלו </a:t>
          </a:r>
          <a:r>
            <a:rPr lang="he-IL" sz="2000" b="1" dirty="0" err="1" smtClean="0">
              <a:latin typeface="Narkisim" panose="020E0502050101010101" pitchFamily="34" charset="-79"/>
              <a:cs typeface="Narkisim" panose="020E0502050101010101" pitchFamily="34" charset="-79"/>
            </a:rPr>
            <a:t>ואנתפאדה</a:t>
          </a:r>
          <a:r>
            <a:rPr lang="he-IL" sz="2000" b="1" dirty="0" smtClean="0">
              <a:latin typeface="Narkisim" panose="020E0502050101010101" pitchFamily="34" charset="-79"/>
              <a:cs typeface="Narkisim" panose="020E0502050101010101" pitchFamily="34" charset="-79"/>
            </a:rPr>
            <a:t> 2 </a:t>
          </a:r>
          <a:endParaRPr lang="he-IL" sz="2000" b="1" dirty="0">
            <a:latin typeface="Narkisim" panose="020E0502050101010101" pitchFamily="34" charset="-79"/>
            <a:cs typeface="Narkisim" panose="020E0502050101010101" pitchFamily="34" charset="-79"/>
          </a:endParaRPr>
        </a:p>
      </dgm:t>
    </dgm:pt>
    <dgm:pt modelId="{F903960A-9338-4DB3-91BE-3EA981BA08AE}" type="parTrans" cxnId="{F7DD2BD4-B4D0-4EEF-B0B3-C97F17AE3334}">
      <dgm:prSet/>
      <dgm:spPr/>
      <dgm:t>
        <a:bodyPr/>
        <a:lstStyle/>
        <a:p>
          <a:pPr rtl="1"/>
          <a:endParaRPr lang="he-IL"/>
        </a:p>
      </dgm:t>
    </dgm:pt>
    <dgm:pt modelId="{9BBA89A9-7A3E-452E-92D3-C664E6E9D5E9}" type="sibTrans" cxnId="{F7DD2BD4-B4D0-4EEF-B0B3-C97F17AE3334}">
      <dgm:prSet/>
      <dgm:spPr/>
      <dgm:t>
        <a:bodyPr/>
        <a:lstStyle/>
        <a:p>
          <a:pPr rtl="1"/>
          <a:endParaRPr lang="he-IL"/>
        </a:p>
      </dgm:t>
    </dgm:pt>
    <dgm:pt modelId="{0956C57E-2F77-4EA4-A7BA-BBACBFA87F03}">
      <dgm:prSet phldrT="[טקסט]" custT="1"/>
      <dgm:spPr/>
      <dgm:t>
        <a:bodyPr/>
        <a:lstStyle/>
        <a:p>
          <a:pPr rtl="1"/>
          <a:r>
            <a:rPr lang="he-IL" sz="2000" b="1" dirty="0" smtClean="0">
              <a:latin typeface="Narkisim" panose="020E0502050101010101" pitchFamily="34" charset="-79"/>
              <a:cs typeface="Narkisim" panose="020E0502050101010101" pitchFamily="34" charset="-79"/>
            </a:rPr>
            <a:t>התנתקות </a:t>
          </a:r>
          <a:r>
            <a:rPr lang="he-IL" sz="2000" b="1" dirty="0" err="1" smtClean="0">
              <a:latin typeface="Narkisim" panose="020E0502050101010101" pitchFamily="34" charset="-79"/>
              <a:cs typeface="Narkisim" panose="020E0502050101010101" pitchFamily="34" charset="-79"/>
            </a:rPr>
            <a:t>וחמסטאן</a:t>
          </a:r>
          <a:endParaRPr lang="he-IL" sz="2000" b="1" dirty="0">
            <a:latin typeface="Narkisim" panose="020E0502050101010101" pitchFamily="34" charset="-79"/>
            <a:cs typeface="Narkisim" panose="020E0502050101010101" pitchFamily="34" charset="-79"/>
          </a:endParaRPr>
        </a:p>
      </dgm:t>
    </dgm:pt>
    <dgm:pt modelId="{3B27B634-228E-4271-BF8C-CD3A85A92897}" type="parTrans" cxnId="{0028351F-F48E-4C2F-ACE1-7209D92C84C6}">
      <dgm:prSet/>
      <dgm:spPr/>
      <dgm:t>
        <a:bodyPr/>
        <a:lstStyle/>
        <a:p>
          <a:pPr rtl="1"/>
          <a:endParaRPr lang="he-IL"/>
        </a:p>
      </dgm:t>
    </dgm:pt>
    <dgm:pt modelId="{7306D531-ED16-434E-BBBC-236FC148410B}" type="sibTrans" cxnId="{0028351F-F48E-4C2F-ACE1-7209D92C84C6}">
      <dgm:prSet/>
      <dgm:spPr/>
      <dgm:t>
        <a:bodyPr/>
        <a:lstStyle/>
        <a:p>
          <a:pPr rtl="1"/>
          <a:endParaRPr lang="he-IL"/>
        </a:p>
      </dgm:t>
    </dgm:pt>
    <dgm:pt modelId="{BB1F0129-19AE-4885-9735-7225DA0C61CA}">
      <dgm:prSet phldrT="[טקסט]" custT="1"/>
      <dgm:spPr/>
      <dgm:t>
        <a:bodyPr/>
        <a:lstStyle/>
        <a:p>
          <a:pPr rtl="1"/>
          <a:r>
            <a:rPr lang="he-IL" sz="2000" b="1" dirty="0" smtClean="0">
              <a:latin typeface="Narkisim" panose="020E0502050101010101" pitchFamily="34" charset="-79"/>
              <a:cs typeface="Narkisim" panose="020E0502050101010101" pitchFamily="34" charset="-79"/>
            </a:rPr>
            <a:t>מבצעי עזה</a:t>
          </a:r>
          <a:endParaRPr lang="he-IL" sz="2000" b="1" dirty="0">
            <a:latin typeface="Narkisim" panose="020E0502050101010101" pitchFamily="34" charset="-79"/>
            <a:cs typeface="Narkisim" panose="020E0502050101010101" pitchFamily="34" charset="-79"/>
          </a:endParaRPr>
        </a:p>
      </dgm:t>
    </dgm:pt>
    <dgm:pt modelId="{E17851B8-FB85-4AA9-83E4-A17139A9F5CA}" type="parTrans" cxnId="{B0EEFCBF-8263-4FB8-A25D-466A4AAE19EA}">
      <dgm:prSet/>
      <dgm:spPr/>
      <dgm:t>
        <a:bodyPr/>
        <a:lstStyle/>
        <a:p>
          <a:pPr rtl="1"/>
          <a:endParaRPr lang="he-IL"/>
        </a:p>
      </dgm:t>
    </dgm:pt>
    <dgm:pt modelId="{FDB45068-ABBC-4CC5-9474-B6B0FEEEE8EF}" type="sibTrans" cxnId="{B0EEFCBF-8263-4FB8-A25D-466A4AAE19EA}">
      <dgm:prSet/>
      <dgm:spPr/>
      <dgm:t>
        <a:bodyPr/>
        <a:lstStyle/>
        <a:p>
          <a:pPr rtl="1"/>
          <a:endParaRPr lang="he-IL"/>
        </a:p>
      </dgm:t>
    </dgm:pt>
    <dgm:pt modelId="{EF60C1A0-8800-464A-8008-2196C6ED0D7C}">
      <dgm:prSet phldrT="[טקסט]" custT="1"/>
      <dgm:spPr/>
      <dgm:t>
        <a:bodyPr/>
        <a:lstStyle/>
        <a:p>
          <a:pPr rtl="1"/>
          <a:r>
            <a:rPr lang="he-IL" sz="1600" b="1" dirty="0" smtClean="0">
              <a:latin typeface="Narkisim" panose="020E0502050101010101" pitchFamily="34" charset="-79"/>
              <a:cs typeface="Narkisim" panose="020E0502050101010101" pitchFamily="34" charset="-79"/>
            </a:rPr>
            <a:t>"מלחמה קרה"</a:t>
          </a:r>
          <a:endParaRPr lang="he-IL" sz="1600" b="1" dirty="0">
            <a:latin typeface="Narkisim" panose="020E0502050101010101" pitchFamily="34" charset="-79"/>
            <a:cs typeface="Narkisim" panose="020E0502050101010101" pitchFamily="34" charset="-79"/>
          </a:endParaRPr>
        </a:p>
      </dgm:t>
    </dgm:pt>
    <dgm:pt modelId="{C87E8979-BFC8-41BD-B809-97F37162C500}" type="parTrans" cxnId="{B6477036-FFDF-45E9-876C-10FBB6779255}">
      <dgm:prSet/>
      <dgm:spPr/>
      <dgm:t>
        <a:bodyPr/>
        <a:lstStyle/>
        <a:p>
          <a:pPr rtl="1"/>
          <a:endParaRPr lang="he-IL"/>
        </a:p>
      </dgm:t>
    </dgm:pt>
    <dgm:pt modelId="{33D12300-4812-451E-BBBE-DBD17D3DCF8E}" type="sibTrans" cxnId="{B6477036-FFDF-45E9-876C-10FBB6779255}">
      <dgm:prSet/>
      <dgm:spPr/>
      <dgm:t>
        <a:bodyPr/>
        <a:lstStyle/>
        <a:p>
          <a:pPr rtl="1"/>
          <a:endParaRPr lang="he-IL"/>
        </a:p>
      </dgm:t>
    </dgm:pt>
    <dgm:pt modelId="{A7C614A4-121C-412E-82C0-EE3B66A954B1}">
      <dgm:prSet phldrT="[טקסט]" custT="1"/>
      <dgm:spPr/>
      <dgm:t>
        <a:bodyPr/>
        <a:lstStyle/>
        <a:p>
          <a:pPr rtl="1"/>
          <a:r>
            <a:rPr lang="he-IL" sz="1600" b="1" dirty="0" smtClean="0">
              <a:latin typeface="Narkisim" panose="020E0502050101010101" pitchFamily="34" charset="-79"/>
              <a:cs typeface="Narkisim" panose="020E0502050101010101" pitchFamily="34" charset="-79"/>
            </a:rPr>
            <a:t>חסות למדריד</a:t>
          </a:r>
          <a:endParaRPr lang="he-IL" sz="1600" b="1" dirty="0">
            <a:latin typeface="Narkisim" panose="020E0502050101010101" pitchFamily="34" charset="-79"/>
            <a:cs typeface="Narkisim" panose="020E0502050101010101" pitchFamily="34" charset="-79"/>
          </a:endParaRPr>
        </a:p>
      </dgm:t>
    </dgm:pt>
    <dgm:pt modelId="{02919FB3-32AA-482F-A44A-42D416206796}" type="parTrans" cxnId="{04FC00FB-1E17-44D4-9A2C-520E2A3EE403}">
      <dgm:prSet/>
      <dgm:spPr/>
      <dgm:t>
        <a:bodyPr/>
        <a:lstStyle/>
        <a:p>
          <a:pPr rtl="1"/>
          <a:endParaRPr lang="he-IL"/>
        </a:p>
      </dgm:t>
    </dgm:pt>
    <dgm:pt modelId="{38173EAE-4FF5-48F6-A9E4-D3CE95331C99}" type="sibTrans" cxnId="{04FC00FB-1E17-44D4-9A2C-520E2A3EE403}">
      <dgm:prSet/>
      <dgm:spPr/>
      <dgm:t>
        <a:bodyPr/>
        <a:lstStyle/>
        <a:p>
          <a:pPr rtl="1"/>
          <a:endParaRPr lang="he-IL"/>
        </a:p>
      </dgm:t>
    </dgm:pt>
    <dgm:pt modelId="{6758ED3A-C5EF-40A5-A7D9-2A85D635F029}">
      <dgm:prSet phldrT="[טקסט]" custT="1"/>
      <dgm:spPr/>
      <dgm:t>
        <a:bodyPr/>
        <a:lstStyle/>
        <a:p>
          <a:pPr rtl="1"/>
          <a:r>
            <a:rPr lang="he-IL" sz="1600" b="1" dirty="0" smtClean="0">
              <a:latin typeface="Narkisim" panose="020E0502050101010101" pitchFamily="34" charset="-79"/>
              <a:cs typeface="Narkisim" panose="020E0502050101010101" pitchFamily="34" charset="-79"/>
            </a:rPr>
            <a:t>בחירות, תנאי קוורטט</a:t>
          </a:r>
          <a:endParaRPr lang="he-IL" sz="1600" b="1" dirty="0">
            <a:latin typeface="Narkisim" panose="020E0502050101010101" pitchFamily="34" charset="-79"/>
            <a:cs typeface="Narkisim" panose="020E0502050101010101" pitchFamily="34" charset="-79"/>
          </a:endParaRPr>
        </a:p>
      </dgm:t>
    </dgm:pt>
    <dgm:pt modelId="{8ECF9B76-581E-4E38-B5EF-9F833B3F5881}" type="parTrans" cxnId="{A8976848-DEDE-4648-B433-AD16CB221392}">
      <dgm:prSet/>
      <dgm:spPr/>
      <dgm:t>
        <a:bodyPr/>
        <a:lstStyle/>
        <a:p>
          <a:pPr rtl="1"/>
          <a:endParaRPr lang="he-IL"/>
        </a:p>
      </dgm:t>
    </dgm:pt>
    <dgm:pt modelId="{5C3AEA7A-1876-4645-B7EA-3BD1744EA764}" type="sibTrans" cxnId="{A8976848-DEDE-4648-B433-AD16CB221392}">
      <dgm:prSet/>
      <dgm:spPr/>
      <dgm:t>
        <a:bodyPr/>
        <a:lstStyle/>
        <a:p>
          <a:pPr rtl="1"/>
          <a:endParaRPr lang="he-IL"/>
        </a:p>
      </dgm:t>
    </dgm:pt>
    <dgm:pt modelId="{91937CB4-5134-4A2C-A8A8-DE20B6F1654A}">
      <dgm:prSet phldrT="[טקסט]" custT="1"/>
      <dgm:spPr/>
      <dgm:t>
        <a:bodyPr/>
        <a:lstStyle/>
        <a:p>
          <a:pPr rtl="1"/>
          <a:r>
            <a:rPr lang="he-IL" sz="1600" b="1" dirty="0" smtClean="0">
              <a:latin typeface="Narkisim" panose="020E0502050101010101" pitchFamily="34" charset="-79"/>
              <a:cs typeface="Narkisim" panose="020E0502050101010101" pitchFamily="34" charset="-79"/>
            </a:rPr>
            <a:t>ציר רדיקאלי מול מתון</a:t>
          </a:r>
          <a:endParaRPr lang="he-IL" sz="1600" b="1" dirty="0">
            <a:latin typeface="Narkisim" panose="020E0502050101010101" pitchFamily="34" charset="-79"/>
            <a:cs typeface="Narkisim" panose="020E0502050101010101" pitchFamily="34" charset="-79"/>
          </a:endParaRPr>
        </a:p>
      </dgm:t>
    </dgm:pt>
    <dgm:pt modelId="{3C256CF4-BA89-4683-B910-C891007C0984}" type="parTrans" cxnId="{4FA6D7E3-C7A0-49DB-99E1-5EDDA5B09804}">
      <dgm:prSet/>
      <dgm:spPr/>
      <dgm:t>
        <a:bodyPr/>
        <a:lstStyle/>
        <a:p>
          <a:pPr rtl="1"/>
          <a:endParaRPr lang="he-IL"/>
        </a:p>
      </dgm:t>
    </dgm:pt>
    <dgm:pt modelId="{DBAA4E0C-35CA-4132-AFE3-58A460D57748}" type="sibTrans" cxnId="{4FA6D7E3-C7A0-49DB-99E1-5EDDA5B09804}">
      <dgm:prSet/>
      <dgm:spPr/>
      <dgm:t>
        <a:bodyPr/>
        <a:lstStyle/>
        <a:p>
          <a:pPr rtl="1"/>
          <a:endParaRPr lang="he-IL"/>
        </a:p>
      </dgm:t>
    </dgm:pt>
    <dgm:pt modelId="{C32DAF34-81D9-4256-BAF0-4049BBE76363}">
      <dgm:prSet phldrT="[טקסט]" custT="1"/>
      <dgm:spPr/>
      <dgm:t>
        <a:bodyPr/>
        <a:lstStyle/>
        <a:p>
          <a:pPr rtl="1"/>
          <a:r>
            <a:rPr lang="he-IL" sz="1600" b="1" dirty="0" smtClean="0">
              <a:latin typeface="Narkisim" panose="020E0502050101010101" pitchFamily="34" charset="-79"/>
              <a:cs typeface="Narkisim" panose="020E0502050101010101" pitchFamily="34" charset="-79"/>
            </a:rPr>
            <a:t>רב-קוטביות ובינאום  (</a:t>
          </a:r>
          <a:r>
            <a:rPr lang="en-US" sz="1600" b="1" dirty="0" smtClean="0">
              <a:latin typeface="Narkisim" panose="020E0502050101010101" pitchFamily="34" charset="-79"/>
              <a:cs typeface="Narkisim" panose="020E0502050101010101" pitchFamily="34" charset="-79"/>
            </a:rPr>
            <a:t>NMS</a:t>
          </a:r>
          <a:r>
            <a:rPr lang="he-IL" sz="1600" b="1" dirty="0" smtClean="0">
              <a:latin typeface="Narkisim" panose="020E0502050101010101" pitchFamily="34" charset="-79"/>
              <a:cs typeface="Narkisim" panose="020E0502050101010101" pitchFamily="34" charset="-79"/>
            </a:rPr>
            <a:t>, וטו, </a:t>
          </a:r>
          <a:r>
            <a:rPr lang="he-IL" sz="1600" b="1" dirty="0" err="1" smtClean="0">
              <a:latin typeface="Narkisim" panose="020E0502050101010101" pitchFamily="34" charset="-79"/>
              <a:cs typeface="Narkisim" panose="020E0502050101010101" pitchFamily="34" charset="-79"/>
            </a:rPr>
            <a:t>גולדסטון</a:t>
          </a:r>
          <a:r>
            <a:rPr lang="he-IL" sz="1600" b="1" dirty="0" smtClean="0">
              <a:latin typeface="Narkisim" panose="020E0502050101010101" pitchFamily="34" charset="-79"/>
              <a:cs typeface="Narkisim" panose="020E0502050101010101" pitchFamily="34" charset="-79"/>
            </a:rPr>
            <a:t>) דה-לגיטימציה   וקשב מוגבל (קרים)</a:t>
          </a:r>
          <a:endParaRPr lang="he-IL" sz="1600" b="1" dirty="0">
            <a:latin typeface="Narkisim" panose="020E0502050101010101" pitchFamily="34" charset="-79"/>
            <a:cs typeface="Narkisim" panose="020E0502050101010101" pitchFamily="34" charset="-79"/>
          </a:endParaRPr>
        </a:p>
      </dgm:t>
    </dgm:pt>
    <dgm:pt modelId="{A256363B-4BE4-4BA0-8574-FC40F4299BD6}" type="parTrans" cxnId="{BDC183D1-7357-49D0-8A9D-59FBC3B9EAA1}">
      <dgm:prSet/>
      <dgm:spPr/>
      <dgm:t>
        <a:bodyPr/>
        <a:lstStyle/>
        <a:p>
          <a:pPr rtl="1"/>
          <a:endParaRPr lang="he-IL"/>
        </a:p>
      </dgm:t>
    </dgm:pt>
    <dgm:pt modelId="{2E75DBE3-4EAD-4DFB-A60C-71F0EEA1DBB1}" type="sibTrans" cxnId="{BDC183D1-7357-49D0-8A9D-59FBC3B9EAA1}">
      <dgm:prSet/>
      <dgm:spPr/>
      <dgm:t>
        <a:bodyPr/>
        <a:lstStyle/>
        <a:p>
          <a:pPr rtl="1"/>
          <a:endParaRPr lang="he-IL"/>
        </a:p>
      </dgm:t>
    </dgm:pt>
    <dgm:pt modelId="{0E1066EF-4A0E-43B0-8C0C-3A681D04E2C5}">
      <dgm:prSet phldrT="[טקסט]" custT="1"/>
      <dgm:spPr/>
      <dgm:t>
        <a:bodyPr/>
        <a:lstStyle/>
        <a:p>
          <a:pPr rtl="1"/>
          <a:r>
            <a:rPr lang="he-IL" sz="2000" b="1" baseline="0" dirty="0" smtClean="0">
              <a:latin typeface="Narkisim" panose="020E0502050101010101" pitchFamily="34" charset="-79"/>
              <a:cs typeface="Narkisim" panose="020E0502050101010101" pitchFamily="34" charset="-79"/>
            </a:rPr>
            <a:t>"נכסה" (</a:t>
          </a:r>
          <a:r>
            <a:rPr lang="he-IL" sz="2000" b="1" baseline="0" dirty="0" err="1" smtClean="0">
              <a:latin typeface="Narkisim" panose="020E0502050101010101" pitchFamily="34" charset="-79"/>
              <a:cs typeface="Narkisim" panose="020E0502050101010101" pitchFamily="34" charset="-79"/>
            </a:rPr>
            <a:t>67</a:t>
          </a:r>
          <a:r>
            <a:rPr lang="he-IL" sz="2000" b="1" baseline="0" dirty="0" smtClean="0">
              <a:latin typeface="Narkisim" panose="020E0502050101010101" pitchFamily="34" charset="-79"/>
              <a:cs typeface="Narkisim" panose="020E0502050101010101" pitchFamily="34" charset="-79"/>
            </a:rPr>
            <a:t>') התנחלויות</a:t>
          </a:r>
          <a:endParaRPr lang="he-IL" sz="2000" b="1" dirty="0">
            <a:latin typeface="Narkisim" panose="020E0502050101010101" pitchFamily="34" charset="-79"/>
            <a:cs typeface="Narkisim" panose="020E0502050101010101" pitchFamily="34" charset="-79"/>
          </a:endParaRPr>
        </a:p>
      </dgm:t>
    </dgm:pt>
    <dgm:pt modelId="{25D4564A-F131-4066-AF18-391B6466A67B}" type="parTrans" cxnId="{56A7B416-9B32-49F5-9940-0464CD0767B3}">
      <dgm:prSet/>
      <dgm:spPr/>
      <dgm:t>
        <a:bodyPr/>
        <a:lstStyle/>
        <a:p>
          <a:pPr rtl="1"/>
          <a:endParaRPr lang="he-IL"/>
        </a:p>
      </dgm:t>
    </dgm:pt>
    <dgm:pt modelId="{06B05F03-6F3D-4DC4-9FE2-909F92531331}" type="sibTrans" cxnId="{56A7B416-9B32-49F5-9940-0464CD0767B3}">
      <dgm:prSet/>
      <dgm:spPr/>
      <dgm:t>
        <a:bodyPr/>
        <a:lstStyle/>
        <a:p>
          <a:pPr rtl="1"/>
          <a:endParaRPr lang="he-IL"/>
        </a:p>
      </dgm:t>
    </dgm:pt>
    <dgm:pt modelId="{CAB59D05-8B44-4F15-BFCE-CF195C0BEC32}">
      <dgm:prSet phldrT="[טקסט]" custT="1"/>
      <dgm:spPr/>
      <dgm:t>
        <a:bodyPr/>
        <a:lstStyle/>
        <a:p>
          <a:pPr rtl="1"/>
          <a:r>
            <a:rPr lang="he-IL" sz="2000" b="1" dirty="0" err="1" smtClean="0">
              <a:latin typeface="Narkisim" panose="020E0502050101010101" pitchFamily="34" charset="-79"/>
              <a:cs typeface="Narkisim" panose="020E0502050101010101" pitchFamily="34" charset="-79"/>
            </a:rPr>
            <a:t>82</a:t>
          </a:r>
          <a:r>
            <a:rPr lang="he-IL" sz="2000" b="1" dirty="0" smtClean="0">
              <a:latin typeface="Narkisim" panose="020E0502050101010101" pitchFamily="34" charset="-79"/>
              <a:cs typeface="Narkisim" panose="020E0502050101010101" pitchFamily="34" charset="-79"/>
            </a:rPr>
            <a:t>'-</a:t>
          </a:r>
          <a:r>
            <a:rPr lang="he-IL" sz="2000" b="1" dirty="0" err="1" smtClean="0">
              <a:latin typeface="Narkisim" panose="020E0502050101010101" pitchFamily="34" charset="-79"/>
              <a:cs typeface="Narkisim" panose="020E0502050101010101" pitchFamily="34" charset="-79"/>
            </a:rPr>
            <a:t>68</a:t>
          </a:r>
          <a:r>
            <a:rPr lang="he-IL" sz="2000" b="1" dirty="0" smtClean="0">
              <a:latin typeface="Narkisim" panose="020E0502050101010101" pitchFamily="34" charset="-79"/>
              <a:cs typeface="Narkisim" panose="020E0502050101010101" pitchFamily="34" charset="-79"/>
            </a:rPr>
            <a:t>' מכרמה לתוניס</a:t>
          </a:r>
          <a:endParaRPr lang="he-IL" sz="2000" b="1" dirty="0">
            <a:latin typeface="Narkisim" panose="020E0502050101010101" pitchFamily="34" charset="-79"/>
            <a:cs typeface="Narkisim" panose="020E0502050101010101" pitchFamily="34" charset="-79"/>
          </a:endParaRPr>
        </a:p>
      </dgm:t>
    </dgm:pt>
    <dgm:pt modelId="{B34E84E2-A19E-422B-8E4E-DAB70FB4F7AD}" type="parTrans" cxnId="{C4AC39D4-068B-4EC8-B36E-8521AF37ACB4}">
      <dgm:prSet/>
      <dgm:spPr/>
      <dgm:t>
        <a:bodyPr/>
        <a:lstStyle/>
        <a:p>
          <a:pPr rtl="1"/>
          <a:endParaRPr lang="he-IL"/>
        </a:p>
      </dgm:t>
    </dgm:pt>
    <dgm:pt modelId="{54FF0415-D2E6-49E5-841D-205F85098D30}" type="sibTrans" cxnId="{C4AC39D4-068B-4EC8-B36E-8521AF37ACB4}">
      <dgm:prSet/>
      <dgm:spPr/>
      <dgm:t>
        <a:bodyPr/>
        <a:lstStyle/>
        <a:p>
          <a:pPr rtl="1"/>
          <a:endParaRPr lang="he-IL"/>
        </a:p>
      </dgm:t>
    </dgm:pt>
    <dgm:pt modelId="{36C7040F-F53D-4143-A27C-FAF93BC572A3}" type="pres">
      <dgm:prSet presAssocID="{E494C470-C32C-4C8A-8556-DAB50FE48DE2}" presName="cycleMatrixDiagram" presStyleCnt="0">
        <dgm:presLayoutVars>
          <dgm:chMax val="1"/>
          <dgm:dir/>
          <dgm:animLvl val="lvl"/>
          <dgm:resizeHandles val="exact"/>
        </dgm:presLayoutVars>
      </dgm:prSet>
      <dgm:spPr/>
      <dgm:t>
        <a:bodyPr/>
        <a:lstStyle/>
        <a:p>
          <a:pPr rtl="1"/>
          <a:endParaRPr lang="he-IL"/>
        </a:p>
      </dgm:t>
    </dgm:pt>
    <dgm:pt modelId="{CDBFC3A4-CDD6-49EB-82B9-AD7EAD6E5AC1}" type="pres">
      <dgm:prSet presAssocID="{E494C470-C32C-4C8A-8556-DAB50FE48DE2}" presName="children" presStyleCnt="0"/>
      <dgm:spPr/>
      <dgm:t>
        <a:bodyPr/>
        <a:lstStyle/>
        <a:p>
          <a:pPr rtl="1"/>
          <a:endParaRPr lang="he-IL"/>
        </a:p>
      </dgm:t>
    </dgm:pt>
    <dgm:pt modelId="{DBB9B68C-8230-40C1-9325-FDBC00266F8B}" type="pres">
      <dgm:prSet presAssocID="{E494C470-C32C-4C8A-8556-DAB50FE48DE2}" presName="child1group" presStyleCnt="0"/>
      <dgm:spPr/>
      <dgm:t>
        <a:bodyPr/>
        <a:lstStyle/>
        <a:p>
          <a:pPr rtl="1"/>
          <a:endParaRPr lang="he-IL"/>
        </a:p>
      </dgm:t>
    </dgm:pt>
    <dgm:pt modelId="{A9B3929A-ED35-4A58-8563-1DFD697A382B}" type="pres">
      <dgm:prSet presAssocID="{E494C470-C32C-4C8A-8556-DAB50FE48DE2}" presName="child1" presStyleLbl="bgAcc1" presStyleIdx="0" presStyleCnt="4" custScaleX="120559" custScaleY="148078" custLinFactNeighborX="-16593"/>
      <dgm:spPr/>
      <dgm:t>
        <a:bodyPr/>
        <a:lstStyle/>
        <a:p>
          <a:pPr rtl="1"/>
          <a:endParaRPr lang="he-IL"/>
        </a:p>
      </dgm:t>
    </dgm:pt>
    <dgm:pt modelId="{86ABF833-2911-4779-90BB-BA9E11E7B4B4}" type="pres">
      <dgm:prSet presAssocID="{E494C470-C32C-4C8A-8556-DAB50FE48DE2}" presName="child1Text" presStyleLbl="bgAcc1" presStyleIdx="0" presStyleCnt="4">
        <dgm:presLayoutVars>
          <dgm:bulletEnabled val="1"/>
        </dgm:presLayoutVars>
      </dgm:prSet>
      <dgm:spPr/>
      <dgm:t>
        <a:bodyPr/>
        <a:lstStyle/>
        <a:p>
          <a:pPr rtl="1"/>
          <a:endParaRPr lang="he-IL"/>
        </a:p>
      </dgm:t>
    </dgm:pt>
    <dgm:pt modelId="{568FC66A-C38F-4DBA-8EA3-D9F57A580EA8}" type="pres">
      <dgm:prSet presAssocID="{E494C470-C32C-4C8A-8556-DAB50FE48DE2}" presName="child2group" presStyleCnt="0"/>
      <dgm:spPr/>
      <dgm:t>
        <a:bodyPr/>
        <a:lstStyle/>
        <a:p>
          <a:pPr rtl="1"/>
          <a:endParaRPr lang="he-IL"/>
        </a:p>
      </dgm:t>
    </dgm:pt>
    <dgm:pt modelId="{82B624E3-60A0-46D8-B30F-2ED528C67E5E}" type="pres">
      <dgm:prSet presAssocID="{E494C470-C32C-4C8A-8556-DAB50FE48DE2}" presName="child2" presStyleLbl="bgAcc1" presStyleIdx="1" presStyleCnt="4" custScaleX="118526" custScaleY="148358" custLinFactNeighborX="15411" custLinFactNeighborY="1143"/>
      <dgm:spPr/>
      <dgm:t>
        <a:bodyPr/>
        <a:lstStyle/>
        <a:p>
          <a:pPr rtl="1"/>
          <a:endParaRPr lang="he-IL"/>
        </a:p>
      </dgm:t>
    </dgm:pt>
    <dgm:pt modelId="{797F05DF-51CC-42F7-89C8-CC8A4BA15D9A}" type="pres">
      <dgm:prSet presAssocID="{E494C470-C32C-4C8A-8556-DAB50FE48DE2}" presName="child2Text" presStyleLbl="bgAcc1" presStyleIdx="1" presStyleCnt="4">
        <dgm:presLayoutVars>
          <dgm:bulletEnabled val="1"/>
        </dgm:presLayoutVars>
      </dgm:prSet>
      <dgm:spPr/>
      <dgm:t>
        <a:bodyPr/>
        <a:lstStyle/>
        <a:p>
          <a:pPr rtl="1"/>
          <a:endParaRPr lang="he-IL"/>
        </a:p>
      </dgm:t>
    </dgm:pt>
    <dgm:pt modelId="{C5C32BA2-180E-4A91-99F5-4EB74CFEB028}" type="pres">
      <dgm:prSet presAssocID="{E494C470-C32C-4C8A-8556-DAB50FE48DE2}" presName="child3group" presStyleCnt="0"/>
      <dgm:spPr/>
      <dgm:t>
        <a:bodyPr/>
        <a:lstStyle/>
        <a:p>
          <a:pPr rtl="1"/>
          <a:endParaRPr lang="he-IL"/>
        </a:p>
      </dgm:t>
    </dgm:pt>
    <dgm:pt modelId="{56C83C47-EBC1-417F-9C07-15F8373D2DDC}" type="pres">
      <dgm:prSet presAssocID="{E494C470-C32C-4C8A-8556-DAB50FE48DE2}" presName="child3" presStyleLbl="bgAcc1" presStyleIdx="2" presStyleCnt="4" custScaleX="123471" custScaleY="150443" custLinFactNeighborX="15855" custLinFactNeighborY="-31710"/>
      <dgm:spPr/>
      <dgm:t>
        <a:bodyPr/>
        <a:lstStyle/>
        <a:p>
          <a:pPr rtl="1"/>
          <a:endParaRPr lang="he-IL"/>
        </a:p>
      </dgm:t>
    </dgm:pt>
    <dgm:pt modelId="{EDFB9F92-0CE2-4589-8197-54550624DE59}" type="pres">
      <dgm:prSet presAssocID="{E494C470-C32C-4C8A-8556-DAB50FE48DE2}" presName="child3Text" presStyleLbl="bgAcc1" presStyleIdx="2" presStyleCnt="4">
        <dgm:presLayoutVars>
          <dgm:bulletEnabled val="1"/>
        </dgm:presLayoutVars>
      </dgm:prSet>
      <dgm:spPr/>
      <dgm:t>
        <a:bodyPr/>
        <a:lstStyle/>
        <a:p>
          <a:pPr rtl="1"/>
          <a:endParaRPr lang="he-IL"/>
        </a:p>
      </dgm:t>
    </dgm:pt>
    <dgm:pt modelId="{1D7F9B14-D234-441C-8DFF-4E61B99FBE34}" type="pres">
      <dgm:prSet presAssocID="{E494C470-C32C-4C8A-8556-DAB50FE48DE2}" presName="child4group" presStyleCnt="0"/>
      <dgm:spPr/>
      <dgm:t>
        <a:bodyPr/>
        <a:lstStyle/>
        <a:p>
          <a:pPr rtl="1"/>
          <a:endParaRPr lang="he-IL"/>
        </a:p>
      </dgm:t>
    </dgm:pt>
    <dgm:pt modelId="{F50BB730-4A42-4B85-B295-BE9CA4720EE8}" type="pres">
      <dgm:prSet presAssocID="{E494C470-C32C-4C8A-8556-DAB50FE48DE2}" presName="child4" presStyleLbl="bgAcc1" presStyleIdx="3" presStyleCnt="4" custScaleX="125559" custScaleY="150443" custLinFactNeighborX="-17130" custLinFactNeighborY="-44834"/>
      <dgm:spPr/>
      <dgm:t>
        <a:bodyPr/>
        <a:lstStyle/>
        <a:p>
          <a:pPr rtl="1"/>
          <a:endParaRPr lang="he-IL"/>
        </a:p>
      </dgm:t>
    </dgm:pt>
    <dgm:pt modelId="{ADFD74E1-3406-41FB-A550-DE6DF95E9D8D}" type="pres">
      <dgm:prSet presAssocID="{E494C470-C32C-4C8A-8556-DAB50FE48DE2}" presName="child4Text" presStyleLbl="bgAcc1" presStyleIdx="3" presStyleCnt="4">
        <dgm:presLayoutVars>
          <dgm:bulletEnabled val="1"/>
        </dgm:presLayoutVars>
      </dgm:prSet>
      <dgm:spPr/>
      <dgm:t>
        <a:bodyPr/>
        <a:lstStyle/>
        <a:p>
          <a:pPr rtl="1"/>
          <a:endParaRPr lang="he-IL"/>
        </a:p>
      </dgm:t>
    </dgm:pt>
    <dgm:pt modelId="{C683DAAC-1A99-43F5-92D7-6D4ED5489FBE}" type="pres">
      <dgm:prSet presAssocID="{E494C470-C32C-4C8A-8556-DAB50FE48DE2}" presName="childPlaceholder" presStyleCnt="0"/>
      <dgm:spPr/>
      <dgm:t>
        <a:bodyPr/>
        <a:lstStyle/>
        <a:p>
          <a:pPr rtl="1"/>
          <a:endParaRPr lang="he-IL"/>
        </a:p>
      </dgm:t>
    </dgm:pt>
    <dgm:pt modelId="{2E9785C0-FC48-4D3C-B842-B2FEE181CBA5}" type="pres">
      <dgm:prSet presAssocID="{E494C470-C32C-4C8A-8556-DAB50FE48DE2}" presName="circle" presStyleCnt="0"/>
      <dgm:spPr/>
      <dgm:t>
        <a:bodyPr/>
        <a:lstStyle/>
        <a:p>
          <a:pPr rtl="1"/>
          <a:endParaRPr lang="he-IL"/>
        </a:p>
      </dgm:t>
    </dgm:pt>
    <dgm:pt modelId="{28360F4B-FD6A-45B5-B62B-3CDAE2312BEB}" type="pres">
      <dgm:prSet presAssocID="{E494C470-C32C-4C8A-8556-DAB50FE48DE2}" presName="quadrant1" presStyleLbl="node1" presStyleIdx="0" presStyleCnt="4" custLinFactNeighborY="-8508">
        <dgm:presLayoutVars>
          <dgm:chMax val="1"/>
          <dgm:bulletEnabled val="1"/>
        </dgm:presLayoutVars>
      </dgm:prSet>
      <dgm:spPr/>
      <dgm:t>
        <a:bodyPr/>
        <a:lstStyle/>
        <a:p>
          <a:pPr rtl="1"/>
          <a:endParaRPr lang="he-IL"/>
        </a:p>
      </dgm:t>
    </dgm:pt>
    <dgm:pt modelId="{D1B8DEF2-65AD-4B46-9F97-FCC145CC4237}" type="pres">
      <dgm:prSet presAssocID="{E494C470-C32C-4C8A-8556-DAB50FE48DE2}" presName="quadrant2" presStyleLbl="node1" presStyleIdx="1" presStyleCnt="4" custLinFactNeighborY="-8508">
        <dgm:presLayoutVars>
          <dgm:chMax val="1"/>
          <dgm:bulletEnabled val="1"/>
        </dgm:presLayoutVars>
      </dgm:prSet>
      <dgm:spPr/>
      <dgm:t>
        <a:bodyPr/>
        <a:lstStyle/>
        <a:p>
          <a:pPr rtl="1"/>
          <a:endParaRPr lang="he-IL"/>
        </a:p>
      </dgm:t>
    </dgm:pt>
    <dgm:pt modelId="{BD2D94E8-21B4-4B48-B1F5-D7E255F92853}" type="pres">
      <dgm:prSet presAssocID="{E494C470-C32C-4C8A-8556-DAB50FE48DE2}" presName="quadrant3" presStyleLbl="node1" presStyleIdx="2" presStyleCnt="4" custLinFactNeighborX="560" custLinFactNeighborY="-8837">
        <dgm:presLayoutVars>
          <dgm:chMax val="1"/>
          <dgm:bulletEnabled val="1"/>
        </dgm:presLayoutVars>
      </dgm:prSet>
      <dgm:spPr/>
      <dgm:t>
        <a:bodyPr/>
        <a:lstStyle/>
        <a:p>
          <a:pPr rtl="1"/>
          <a:endParaRPr lang="he-IL"/>
        </a:p>
      </dgm:t>
    </dgm:pt>
    <dgm:pt modelId="{1CEDA07C-E53E-47D1-89C9-6A3ADC07D9DB}" type="pres">
      <dgm:prSet presAssocID="{E494C470-C32C-4C8A-8556-DAB50FE48DE2}" presName="quadrant4" presStyleLbl="node1" presStyleIdx="3" presStyleCnt="4" custLinFactNeighborY="-8508">
        <dgm:presLayoutVars>
          <dgm:chMax val="1"/>
          <dgm:bulletEnabled val="1"/>
        </dgm:presLayoutVars>
      </dgm:prSet>
      <dgm:spPr/>
      <dgm:t>
        <a:bodyPr/>
        <a:lstStyle/>
        <a:p>
          <a:pPr rtl="1"/>
          <a:endParaRPr lang="he-IL"/>
        </a:p>
      </dgm:t>
    </dgm:pt>
    <dgm:pt modelId="{7076408C-9A08-4DFC-9E3D-BF7964383A27}" type="pres">
      <dgm:prSet presAssocID="{E494C470-C32C-4C8A-8556-DAB50FE48DE2}" presName="quadrantPlaceholder" presStyleCnt="0"/>
      <dgm:spPr/>
      <dgm:t>
        <a:bodyPr/>
        <a:lstStyle/>
        <a:p>
          <a:pPr rtl="1"/>
          <a:endParaRPr lang="he-IL"/>
        </a:p>
      </dgm:t>
    </dgm:pt>
    <dgm:pt modelId="{84847BAA-3AA5-4E61-A5D3-1180C5BB345C}" type="pres">
      <dgm:prSet presAssocID="{E494C470-C32C-4C8A-8556-DAB50FE48DE2}" presName="center1" presStyleLbl="fgShp" presStyleIdx="0" presStyleCnt="2" custScaleX="99729"/>
      <dgm:spPr/>
      <dgm:t>
        <a:bodyPr/>
        <a:lstStyle/>
        <a:p>
          <a:pPr rtl="1"/>
          <a:endParaRPr lang="he-IL"/>
        </a:p>
      </dgm:t>
    </dgm:pt>
    <dgm:pt modelId="{C09E6F09-A72E-4AA4-9B7C-F6FEBF8F05CB}" type="pres">
      <dgm:prSet presAssocID="{E494C470-C32C-4C8A-8556-DAB50FE48DE2}" presName="center2" presStyleLbl="fgShp" presStyleIdx="1" presStyleCnt="2"/>
      <dgm:spPr/>
      <dgm:t>
        <a:bodyPr/>
        <a:lstStyle/>
        <a:p>
          <a:pPr rtl="1"/>
          <a:endParaRPr lang="he-IL"/>
        </a:p>
      </dgm:t>
    </dgm:pt>
  </dgm:ptLst>
  <dgm:cxnLst>
    <dgm:cxn modelId="{59800A58-2E71-4EFF-8DFE-772DF60D5CCB}" type="presOf" srcId="{DF6D1F5C-52A6-41F8-872E-EB36E1D8E433}" destId="{ADFD74E1-3406-41FB-A550-DE6DF95E9D8D}" srcOrd="1" destOrd="0" presId="urn:microsoft.com/office/officeart/2005/8/layout/cycle4"/>
    <dgm:cxn modelId="{4F3131D7-9A00-48C7-87E2-8B4855192D65}" srcId="{E494C470-C32C-4C8A-8556-DAB50FE48DE2}" destId="{0330AA80-5C79-4EE6-BF07-4B7F699A63A0}" srcOrd="0" destOrd="0" parTransId="{74977354-8A64-4823-8032-3E2A40BD3FBF}" sibTransId="{8DC50C7A-9138-4332-976D-22ED336CEC58}"/>
    <dgm:cxn modelId="{606DFD14-AD5F-412B-9004-DE68167C0D3E}" type="presOf" srcId="{E3E6A64D-8784-4380-9720-C6CFD92208C6}" destId="{F50BB730-4A42-4B85-B295-BE9CA4720EE8}" srcOrd="0" destOrd="3" presId="urn:microsoft.com/office/officeart/2005/8/layout/cycle4"/>
    <dgm:cxn modelId="{60D68A6B-A5C6-47C0-BAF0-8AF190B79E1A}" type="presOf" srcId="{0956C57E-2F77-4EA4-A7BA-BBACBFA87F03}" destId="{F50BB730-4A42-4B85-B295-BE9CA4720EE8}" srcOrd="0" destOrd="5" presId="urn:microsoft.com/office/officeart/2005/8/layout/cycle4"/>
    <dgm:cxn modelId="{BA76DB4B-97F8-4C61-86D6-FF330D8A546E}" type="presOf" srcId="{6758ED3A-C5EF-40A5-A7D9-2A85D635F029}" destId="{82B624E3-60A0-46D8-B30F-2ED528C67E5E}" srcOrd="0" destOrd="4" presId="urn:microsoft.com/office/officeart/2005/8/layout/cycle4"/>
    <dgm:cxn modelId="{B25F9B44-6745-4540-8274-510CB4CB43BE}" srcId="{8EDCD223-5BE5-41DC-A24A-7E90B977A134}" destId="{D4144EEE-4FD8-4100-890F-01F929F1E369}" srcOrd="0" destOrd="0" parTransId="{32EE1C86-FCDD-47B1-B77A-719F3A4F4AC1}" sibTransId="{89EB00F3-908B-474E-9DD7-D5F3D2CF3558}"/>
    <dgm:cxn modelId="{A1A56990-998C-43AD-8913-A99615E0F779}" type="presOf" srcId="{8C235FFE-8C75-4B89-8AEE-F59E72705339}" destId="{86ABF833-2911-4779-90BB-BA9E11E7B4B4}" srcOrd="1" destOrd="6" presId="urn:microsoft.com/office/officeart/2005/8/layout/cycle4"/>
    <dgm:cxn modelId="{A38E7222-67D8-418D-ACC1-A6AFC85DA72B}" type="presOf" srcId="{CAB59D05-8B44-4F15-BFCE-CF195C0BEC32}" destId="{ADFD74E1-3406-41FB-A550-DE6DF95E9D8D}" srcOrd="1" destOrd="2" presId="urn:microsoft.com/office/officeart/2005/8/layout/cycle4"/>
    <dgm:cxn modelId="{4FA6D7E3-C7A0-49DB-99E1-5EDDA5B09804}" srcId="{0330AA80-5C79-4EE6-BF07-4B7F699A63A0}" destId="{91937CB4-5134-4A2C-A8A8-DE20B6F1654A}" srcOrd="4" destOrd="0" parTransId="{3C256CF4-BA89-4683-B910-C891007C0984}" sibTransId="{DBAA4E0C-35CA-4132-AFE3-58A460D57748}"/>
    <dgm:cxn modelId="{11AD0C7A-6812-4896-8E79-9904DD9B8895}" type="presOf" srcId="{A7C614A4-121C-412E-82C0-EE3B66A954B1}" destId="{797F05DF-51CC-42F7-89C8-CC8A4BA15D9A}" srcOrd="1" destOrd="3" presId="urn:microsoft.com/office/officeart/2005/8/layout/cycle4"/>
    <dgm:cxn modelId="{56A7B416-9B32-49F5-9940-0464CD0767B3}" srcId="{F9BC30CE-31DE-4D4B-B488-B40086632ABE}" destId="{0E1066EF-4A0E-43B0-8C0C-3A681D04E2C5}" srcOrd="1" destOrd="0" parTransId="{25D4564A-F131-4066-AF18-391B6466A67B}" sibTransId="{06B05F03-6F3D-4DC4-9FE2-909F92531331}"/>
    <dgm:cxn modelId="{0C0489AA-374F-43C9-B3EE-9C56E9E34BCB}" srcId="{F9BC30CE-31DE-4D4B-B488-B40086632ABE}" destId="{E3E6A64D-8784-4380-9720-C6CFD92208C6}" srcOrd="3" destOrd="0" parTransId="{372825D2-16E3-47E3-96FC-2831C82B8E37}" sibTransId="{F4E23C6C-A41A-482E-84B3-B9EDFBB45ECC}"/>
    <dgm:cxn modelId="{3D475234-B495-47C0-A19B-5D7538F2E630}" srcId="{E494C470-C32C-4C8A-8556-DAB50FE48DE2}" destId="{0DFB4B8F-73B1-426A-BC9C-D1AA5FB70A81}" srcOrd="1" destOrd="0" parTransId="{7348EF25-D4DC-4619-8132-CA5E3A5CB5AB}" sibTransId="{47458C3F-A322-4185-979A-D37D3CB31F11}"/>
    <dgm:cxn modelId="{FA41BE4B-D563-4F85-AAB5-904643F7847B}" type="presOf" srcId="{D4144EEE-4FD8-4100-890F-01F929F1E369}" destId="{EDFB9F92-0CE2-4589-8197-54550624DE59}" srcOrd="1" destOrd="0" presId="urn:microsoft.com/office/officeart/2005/8/layout/cycle4"/>
    <dgm:cxn modelId="{1ECE6CF4-44C1-4AC0-90A9-0BD063588988}" type="presOf" srcId="{CAB59D05-8B44-4F15-BFCE-CF195C0BEC32}" destId="{F50BB730-4A42-4B85-B295-BE9CA4720EE8}" srcOrd="0" destOrd="2" presId="urn:microsoft.com/office/officeart/2005/8/layout/cycle4"/>
    <dgm:cxn modelId="{0AC92DC6-8976-454C-B7B4-ED94420242CA}" srcId="{0330AA80-5C79-4EE6-BF07-4B7F699A63A0}" destId="{A5424CB9-4F3A-40FA-9BD8-0219095AF611}" srcOrd="5" destOrd="0" parTransId="{D3F7990B-F2E7-4F66-93C4-B3F9B4B14A73}" sibTransId="{02F778FA-9594-470D-A142-7238A009B9BF}"/>
    <dgm:cxn modelId="{C01AD43D-B6B1-45A5-BF48-11C172E4535C}" srcId="{0DFB4B8F-73B1-426A-BC9C-D1AA5FB70A81}" destId="{193A6481-5DA4-405C-8945-7ADC5D6D73EF}" srcOrd="0" destOrd="0" parTransId="{050CB775-AD29-48CA-BCE9-BE21ECE7F660}" sibTransId="{5F1821F9-F51C-4B18-B6EF-8729957B42D2}"/>
    <dgm:cxn modelId="{0D4D91BF-BDA4-43A0-B8F1-78AD2E2C2F34}" srcId="{E494C470-C32C-4C8A-8556-DAB50FE48DE2}" destId="{F9BC30CE-31DE-4D4B-B488-B40086632ABE}" srcOrd="3" destOrd="0" parTransId="{914C87E4-1248-4DBF-B98C-48B30552A065}" sibTransId="{3CA635DD-3452-4D2A-BD9D-D4DC15148D6A}"/>
    <dgm:cxn modelId="{221C16BB-B908-42E9-8C5F-3B850A662CDE}" type="presOf" srcId="{8A1924F7-2073-4719-8A49-1A714AF77FE9}" destId="{86ABF833-2911-4779-90BB-BA9E11E7B4B4}" srcOrd="1" destOrd="2" presId="urn:microsoft.com/office/officeart/2005/8/layout/cycle4"/>
    <dgm:cxn modelId="{5C822A30-B05D-4A11-B04F-23F42F1AD793}" type="presOf" srcId="{8C235FFE-8C75-4B89-8AEE-F59E72705339}" destId="{A9B3929A-ED35-4A58-8563-1DFD697A382B}" srcOrd="0" destOrd="6" presId="urn:microsoft.com/office/officeart/2005/8/layout/cycle4"/>
    <dgm:cxn modelId="{1B5F6A68-DEB3-4C06-946F-FC724013A9FE}" srcId="{8EDCD223-5BE5-41DC-A24A-7E90B977A134}" destId="{A249E999-CE7B-4765-8518-309117FB001A}" srcOrd="1" destOrd="0" parTransId="{F7D97A78-F33A-4935-B28C-7A62DCD0C963}" sibTransId="{ABEBA821-765C-4C47-B472-12D0263C542A}"/>
    <dgm:cxn modelId="{731B8EB4-EC24-4B48-B42E-9357429C71CB}" type="presOf" srcId="{C32DAF34-81D9-4256-BAF0-4049BBE76363}" destId="{797F05DF-51CC-42F7-89C8-CC8A4BA15D9A}" srcOrd="1" destOrd="5" presId="urn:microsoft.com/office/officeart/2005/8/layout/cycle4"/>
    <dgm:cxn modelId="{09CFE8F9-6570-43F5-8748-7EEDCBEBDD71}" type="presOf" srcId="{EF60C1A0-8800-464A-8008-2196C6ED0D7C}" destId="{797F05DF-51CC-42F7-89C8-CC8A4BA15D9A}" srcOrd="1" destOrd="1" presId="urn:microsoft.com/office/officeart/2005/8/layout/cycle4"/>
    <dgm:cxn modelId="{8F3EDC55-0F33-4315-B7E0-3E575ABD423E}" type="presOf" srcId="{45B4BA6D-DCBB-4AD7-B16A-94163706A457}" destId="{A9B3929A-ED35-4A58-8563-1DFD697A382B}" srcOrd="0" destOrd="7" presId="urn:microsoft.com/office/officeart/2005/8/layout/cycle4"/>
    <dgm:cxn modelId="{483679BE-889D-40B5-A1CE-7413E0BA26BC}" type="presOf" srcId="{0956C57E-2F77-4EA4-A7BA-BBACBFA87F03}" destId="{ADFD74E1-3406-41FB-A550-DE6DF95E9D8D}" srcOrd="1" destOrd="5" presId="urn:microsoft.com/office/officeart/2005/8/layout/cycle4"/>
    <dgm:cxn modelId="{42DD1D38-1DDB-45F6-8433-2CFB6C8521F4}" srcId="{0330AA80-5C79-4EE6-BF07-4B7F699A63A0}" destId="{8C235FFE-8C75-4B89-8AEE-F59E72705339}" srcOrd="6" destOrd="0" parTransId="{34B290B5-81FC-4BE7-B132-FB95134E572E}" sibTransId="{3CCA910D-36FB-4FB0-BC65-C15781A56EF5}"/>
    <dgm:cxn modelId="{729AF078-1A98-45D4-A52E-6A73269161F9}" type="presOf" srcId="{EF60C1A0-8800-464A-8008-2196C6ED0D7C}" destId="{82B624E3-60A0-46D8-B30F-2ED528C67E5E}" srcOrd="0" destOrd="1" presId="urn:microsoft.com/office/officeart/2005/8/layout/cycle4"/>
    <dgm:cxn modelId="{50175300-6AE5-4986-BF81-64FC46E0582D}" type="presOf" srcId="{BF6451E3-CBDF-4EC8-90B9-03433D0DF174}" destId="{797F05DF-51CC-42F7-89C8-CC8A4BA15D9A}" srcOrd="1" destOrd="2" presId="urn:microsoft.com/office/officeart/2005/8/layout/cycle4"/>
    <dgm:cxn modelId="{5BB6BD88-B3EB-43CD-B18A-CC72C8E43061}" type="presOf" srcId="{F3A87E2F-E00D-4138-BE86-9F752272F03D}" destId="{EDFB9F92-0CE2-4589-8197-54550624DE59}" srcOrd="1" destOrd="2" presId="urn:microsoft.com/office/officeart/2005/8/layout/cycle4"/>
    <dgm:cxn modelId="{B6477036-FFDF-45E9-876C-10FBB6779255}" srcId="{0DFB4B8F-73B1-426A-BC9C-D1AA5FB70A81}" destId="{EF60C1A0-8800-464A-8008-2196C6ED0D7C}" srcOrd="1" destOrd="0" parTransId="{C87E8979-BFC8-41BD-B809-97F37162C500}" sibTransId="{33D12300-4812-451E-BBBE-DBD17D3DCF8E}"/>
    <dgm:cxn modelId="{59AFE88A-FCAF-4F82-933A-A6F8E76A3A6C}" srcId="{0330AA80-5C79-4EE6-BF07-4B7F699A63A0}" destId="{45B4BA6D-DCBB-4AD7-B16A-94163706A457}" srcOrd="7" destOrd="0" parTransId="{FDBEB1BD-54C7-49CB-8A60-815923DFE43B}" sibTransId="{70C4A614-7468-4238-8087-84C8D0139CA0}"/>
    <dgm:cxn modelId="{7BC91211-E4F1-46CC-9127-5501E9DC2EED}" type="presOf" srcId="{91937CB4-5134-4A2C-A8A8-DE20B6F1654A}" destId="{86ABF833-2911-4779-90BB-BA9E11E7B4B4}" srcOrd="1" destOrd="4" presId="urn:microsoft.com/office/officeart/2005/8/layout/cycle4"/>
    <dgm:cxn modelId="{BD792DF5-4779-456F-9F38-A19E7F8EEE00}" type="presOf" srcId="{45142F8F-4C88-468C-8EC4-A268FB65647C}" destId="{86ABF833-2911-4779-90BB-BA9E11E7B4B4}" srcOrd="1" destOrd="3" presId="urn:microsoft.com/office/officeart/2005/8/layout/cycle4"/>
    <dgm:cxn modelId="{1254547C-31A4-41E1-ADB1-5AC141F888E5}" type="presOf" srcId="{BB1F0129-19AE-4885-9735-7225DA0C61CA}" destId="{F50BB730-4A42-4B85-B295-BE9CA4720EE8}" srcOrd="0" destOrd="6" presId="urn:microsoft.com/office/officeart/2005/8/layout/cycle4"/>
    <dgm:cxn modelId="{1129D183-AF69-4F4F-9748-3CA2AF2C6C78}" srcId="{F9BC30CE-31DE-4D4B-B488-B40086632ABE}" destId="{701C5393-6135-4046-A4C8-437E7715C4A0}" srcOrd="8" destOrd="0" parTransId="{BE08E35B-CE64-417A-98E7-6B794614E022}" sibTransId="{C1DD90A8-57DF-4D7A-9939-51F5AC16EE8E}"/>
    <dgm:cxn modelId="{C70085AD-2A33-4F64-8EB5-85A5DD96378A}" type="presOf" srcId="{91937CB4-5134-4A2C-A8A8-DE20B6F1654A}" destId="{A9B3929A-ED35-4A58-8563-1DFD697A382B}" srcOrd="0" destOrd="4" presId="urn:microsoft.com/office/officeart/2005/8/layout/cycle4"/>
    <dgm:cxn modelId="{5B53F081-B59A-497A-BC35-028416828C7A}" type="presOf" srcId="{A7C614A4-121C-412E-82C0-EE3B66A954B1}" destId="{82B624E3-60A0-46D8-B30F-2ED528C67E5E}" srcOrd="0" destOrd="3" presId="urn:microsoft.com/office/officeart/2005/8/layout/cycle4"/>
    <dgm:cxn modelId="{86BCE9E9-12AB-470A-81EF-B29A732EDBED}" type="presOf" srcId="{E3E6A64D-8784-4380-9720-C6CFD92208C6}" destId="{ADFD74E1-3406-41FB-A550-DE6DF95E9D8D}" srcOrd="1" destOrd="3" presId="urn:microsoft.com/office/officeart/2005/8/layout/cycle4"/>
    <dgm:cxn modelId="{B0EEFCBF-8263-4FB8-A25D-466A4AAE19EA}" srcId="{F9BC30CE-31DE-4D4B-B488-B40086632ABE}" destId="{BB1F0129-19AE-4885-9735-7225DA0C61CA}" srcOrd="6" destOrd="0" parTransId="{E17851B8-FB85-4AA9-83E4-A17139A9F5CA}" sibTransId="{FDB45068-ABBC-4CC5-9474-B6B0FEEEE8EF}"/>
    <dgm:cxn modelId="{93CE2FEE-AF90-41F5-AEA0-6169A474DD07}" type="presOf" srcId="{F3A87E2F-E00D-4138-BE86-9F752272F03D}" destId="{56C83C47-EBC1-417F-9C07-15F8373D2DDC}" srcOrd="0" destOrd="2" presId="urn:microsoft.com/office/officeart/2005/8/layout/cycle4"/>
    <dgm:cxn modelId="{B4CFFB7D-3A9F-43C1-9172-C2F9580A72F6}" type="presOf" srcId="{D4144EEE-4FD8-4100-890F-01F929F1E369}" destId="{56C83C47-EBC1-417F-9C07-15F8373D2DDC}" srcOrd="0" destOrd="0" presId="urn:microsoft.com/office/officeart/2005/8/layout/cycle4"/>
    <dgm:cxn modelId="{A8976848-DEDE-4648-B433-AD16CB221392}" srcId="{0DFB4B8F-73B1-426A-BC9C-D1AA5FB70A81}" destId="{6758ED3A-C5EF-40A5-A7D9-2A85D635F029}" srcOrd="4" destOrd="0" parTransId="{8ECF9B76-581E-4E38-B5EF-9F833B3F5881}" sibTransId="{5C3AEA7A-1876-4645-B7EA-3BD1744EA764}"/>
    <dgm:cxn modelId="{49411B2B-CD88-4793-946A-9AD89B023F01}" type="presOf" srcId="{020F1A26-75C9-4AE5-9022-1C2A9676E1FD}" destId="{86ABF833-2911-4779-90BB-BA9E11E7B4B4}" srcOrd="1" destOrd="1" presId="urn:microsoft.com/office/officeart/2005/8/layout/cycle4"/>
    <dgm:cxn modelId="{1C8EE53A-30B2-4BF2-B741-3528BB6C430B}" type="presOf" srcId="{701C5393-6135-4046-A4C8-437E7715C4A0}" destId="{ADFD74E1-3406-41FB-A550-DE6DF95E9D8D}" srcOrd="1" destOrd="8" presId="urn:microsoft.com/office/officeart/2005/8/layout/cycle4"/>
    <dgm:cxn modelId="{664C2032-83CB-4D14-BA2F-36CBE9B85248}" srcId="{0330AA80-5C79-4EE6-BF07-4B7F699A63A0}" destId="{020F1A26-75C9-4AE5-9022-1C2A9676E1FD}" srcOrd="1" destOrd="0" parTransId="{6BA25849-8E7B-4B51-BA39-1E542189D669}" sibTransId="{621BD5D0-9ABD-406B-AD78-BB5B5AE6C67D}"/>
    <dgm:cxn modelId="{0D8B665B-F441-4B78-892D-9CB8672C2C4C}" type="presOf" srcId="{F9BC30CE-31DE-4D4B-B488-B40086632ABE}" destId="{1CEDA07C-E53E-47D1-89C9-6A3ADC07D9DB}" srcOrd="0" destOrd="0" presId="urn:microsoft.com/office/officeart/2005/8/layout/cycle4"/>
    <dgm:cxn modelId="{4D382E62-363A-4882-9A51-24192BC90A14}" srcId="{8EDCD223-5BE5-41DC-A24A-7E90B977A134}" destId="{F3A87E2F-E00D-4138-BE86-9F752272F03D}" srcOrd="2" destOrd="0" parTransId="{55817577-1D95-471F-BECC-0F559010CC77}" sibTransId="{5D3A8274-5D31-4729-893C-4A19795D4AE8}"/>
    <dgm:cxn modelId="{A44E8D38-79B1-436D-B6E3-B1037CAB11B0}" type="presOf" srcId="{020F1A26-75C9-4AE5-9022-1C2A9676E1FD}" destId="{A9B3929A-ED35-4A58-8563-1DFD697A382B}" srcOrd="0" destOrd="1" presId="urn:microsoft.com/office/officeart/2005/8/layout/cycle4"/>
    <dgm:cxn modelId="{6C5850EB-6A07-4F84-92A4-DEB2422FABA7}" type="presOf" srcId="{A249E999-CE7B-4765-8518-309117FB001A}" destId="{56C83C47-EBC1-417F-9C07-15F8373D2DDC}" srcOrd="0" destOrd="1" presId="urn:microsoft.com/office/officeart/2005/8/layout/cycle4"/>
    <dgm:cxn modelId="{E71A206A-0FC6-4F88-B9D3-F38D7FAF6E11}" type="presOf" srcId="{54803889-18BD-4290-9429-25AF3AE0F6A3}" destId="{86ABF833-2911-4779-90BB-BA9E11E7B4B4}" srcOrd="1" destOrd="0" presId="urn:microsoft.com/office/officeart/2005/8/layout/cycle4"/>
    <dgm:cxn modelId="{04FC00FB-1E17-44D4-9A2C-520E2A3EE403}" srcId="{0DFB4B8F-73B1-426A-BC9C-D1AA5FB70A81}" destId="{A7C614A4-121C-412E-82C0-EE3B66A954B1}" srcOrd="3" destOrd="0" parTransId="{02919FB3-32AA-482F-A44A-42D416206796}" sibTransId="{38173EAE-4FF5-48F6-A9E4-D3CE95331C99}"/>
    <dgm:cxn modelId="{7AA95007-AB89-4360-AA58-1DB5DA32847F}" srcId="{0330AA80-5C79-4EE6-BF07-4B7F699A63A0}" destId="{45142F8F-4C88-468C-8EC4-A268FB65647C}" srcOrd="3" destOrd="0" parTransId="{E44ADD84-605C-4096-91E9-EB61CCA8F51F}" sibTransId="{80B3CA27-805F-4F25-8544-025BF5BCCD27}"/>
    <dgm:cxn modelId="{0028351F-F48E-4C2F-ACE1-7209D92C84C6}" srcId="{F9BC30CE-31DE-4D4B-B488-B40086632ABE}" destId="{0956C57E-2F77-4EA4-A7BA-BBACBFA87F03}" srcOrd="5" destOrd="0" parTransId="{3B27B634-228E-4271-BF8C-CD3A85A92897}" sibTransId="{7306D531-ED16-434E-BBBC-236FC148410B}"/>
    <dgm:cxn modelId="{A4D36CF6-3F56-411C-97D2-F086748BDD01}" type="presOf" srcId="{6758ED3A-C5EF-40A5-A7D9-2A85D635F029}" destId="{797F05DF-51CC-42F7-89C8-CC8A4BA15D9A}" srcOrd="1" destOrd="4" presId="urn:microsoft.com/office/officeart/2005/8/layout/cycle4"/>
    <dgm:cxn modelId="{70D99FD5-1A78-4E5E-AD98-649D925372B5}" type="presOf" srcId="{193A6481-5DA4-405C-8945-7ADC5D6D73EF}" destId="{797F05DF-51CC-42F7-89C8-CC8A4BA15D9A}" srcOrd="1" destOrd="0" presId="urn:microsoft.com/office/officeart/2005/8/layout/cycle4"/>
    <dgm:cxn modelId="{AB5CC1D0-5289-4647-82C8-0654B4D146BF}" type="presOf" srcId="{0DFB4B8F-73B1-426A-BC9C-D1AA5FB70A81}" destId="{D1B8DEF2-65AD-4B46-9F97-FCC145CC4237}" srcOrd="0" destOrd="0" presId="urn:microsoft.com/office/officeart/2005/8/layout/cycle4"/>
    <dgm:cxn modelId="{C0BC3783-3FBC-479C-B5BA-55341D422ECB}" type="presOf" srcId="{45142F8F-4C88-468C-8EC4-A268FB65647C}" destId="{A9B3929A-ED35-4A58-8563-1DFD697A382B}" srcOrd="0" destOrd="3" presId="urn:microsoft.com/office/officeart/2005/8/layout/cycle4"/>
    <dgm:cxn modelId="{01CE7644-BF16-43AB-801C-BD0E91AB2959}" srcId="{F9BC30CE-31DE-4D4B-B488-B40086632ABE}" destId="{DF6D1F5C-52A6-41F8-872E-EB36E1D8E433}" srcOrd="0" destOrd="0" parTransId="{D295CFCE-6924-4D7C-834F-8E4E0161A1D3}" sibTransId="{D439D618-82C4-4E12-8563-E26EF28BE846}"/>
    <dgm:cxn modelId="{267A14BF-B8BE-440E-9B04-F9D40770DBED}" type="presOf" srcId="{8A1924F7-2073-4719-8A49-1A714AF77FE9}" destId="{A9B3929A-ED35-4A58-8563-1DFD697A382B}" srcOrd="0" destOrd="2" presId="urn:microsoft.com/office/officeart/2005/8/layout/cycle4"/>
    <dgm:cxn modelId="{673DBDB0-7A90-42FB-BBD8-A390F971F8D5}" type="presOf" srcId="{E494C470-C32C-4C8A-8556-DAB50FE48DE2}" destId="{36C7040F-F53D-4143-A27C-FAF93BC572A3}" srcOrd="0" destOrd="0" presId="urn:microsoft.com/office/officeart/2005/8/layout/cycle4"/>
    <dgm:cxn modelId="{A1E4A7F7-9374-4369-818C-7ADD1686DBFA}" type="presOf" srcId="{8EDCD223-5BE5-41DC-A24A-7E90B977A134}" destId="{BD2D94E8-21B4-4B48-B1F5-D7E255F92853}" srcOrd="0" destOrd="0" presId="urn:microsoft.com/office/officeart/2005/8/layout/cycle4"/>
    <dgm:cxn modelId="{8174C281-F685-4D98-A2A3-2C04D1FF6D95}" type="presOf" srcId="{0E1066EF-4A0E-43B0-8C0C-3A681D04E2C5}" destId="{F50BB730-4A42-4B85-B295-BE9CA4720EE8}" srcOrd="0" destOrd="1" presId="urn:microsoft.com/office/officeart/2005/8/layout/cycle4"/>
    <dgm:cxn modelId="{FA28046A-8DE7-4201-A07D-37CE0819A4FC}" type="presOf" srcId="{0330AA80-5C79-4EE6-BF07-4B7F699A63A0}" destId="{28360F4B-FD6A-45B5-B62B-3CDAE2312BEB}" srcOrd="0" destOrd="0" presId="urn:microsoft.com/office/officeart/2005/8/layout/cycle4"/>
    <dgm:cxn modelId="{E0BC71A9-B4DD-4D6F-B026-C53C28BAC8D1}" type="presOf" srcId="{50190A41-86A6-435B-8F64-359A3D883A46}" destId="{F50BB730-4A42-4B85-B295-BE9CA4720EE8}" srcOrd="0" destOrd="4" presId="urn:microsoft.com/office/officeart/2005/8/layout/cycle4"/>
    <dgm:cxn modelId="{E4218A25-A0E3-4C4F-9634-027EFE7B2959}" type="presOf" srcId="{BF6451E3-CBDF-4EC8-90B9-03433D0DF174}" destId="{82B624E3-60A0-46D8-B30F-2ED528C67E5E}" srcOrd="0" destOrd="2" presId="urn:microsoft.com/office/officeart/2005/8/layout/cycle4"/>
    <dgm:cxn modelId="{03A96477-6A64-453E-90E6-9AFEA3E72837}" srcId="{0330AA80-5C79-4EE6-BF07-4B7F699A63A0}" destId="{8A1924F7-2073-4719-8A49-1A714AF77FE9}" srcOrd="2" destOrd="0" parTransId="{434EB9DB-AE3F-4D0A-9144-D7FE6A4EE996}" sibTransId="{1DA66B91-1B8F-4522-8C11-C2B09FB8D09B}"/>
    <dgm:cxn modelId="{F7DD2BD4-B4D0-4EEF-B0B3-C97F17AE3334}" srcId="{F9BC30CE-31DE-4D4B-B488-B40086632ABE}" destId="{50190A41-86A6-435B-8F64-359A3D883A46}" srcOrd="4" destOrd="0" parTransId="{F903960A-9338-4DB3-91BE-3EA981BA08AE}" sibTransId="{9BBA89A9-7A3E-452E-92D3-C664E6E9D5E9}"/>
    <dgm:cxn modelId="{8839C0CD-F35F-4070-982F-D2381AF47E7B}" type="presOf" srcId="{224E123B-BE96-4743-A1F1-EF220F902D31}" destId="{F50BB730-4A42-4B85-B295-BE9CA4720EE8}" srcOrd="0" destOrd="7" presId="urn:microsoft.com/office/officeart/2005/8/layout/cycle4"/>
    <dgm:cxn modelId="{030A58C1-B41A-4E12-AE66-42B5D481604A}" type="presOf" srcId="{224E123B-BE96-4743-A1F1-EF220F902D31}" destId="{ADFD74E1-3406-41FB-A550-DE6DF95E9D8D}" srcOrd="1" destOrd="7" presId="urn:microsoft.com/office/officeart/2005/8/layout/cycle4"/>
    <dgm:cxn modelId="{CC89580D-3DCD-4E3E-ADD6-B377D665393B}" type="presOf" srcId="{BB1F0129-19AE-4885-9735-7225DA0C61CA}" destId="{ADFD74E1-3406-41FB-A550-DE6DF95E9D8D}" srcOrd="1" destOrd="6" presId="urn:microsoft.com/office/officeart/2005/8/layout/cycle4"/>
    <dgm:cxn modelId="{9B21EAA5-4F89-4AF9-830D-37D67C74313E}" type="presOf" srcId="{45B4BA6D-DCBB-4AD7-B16A-94163706A457}" destId="{86ABF833-2911-4779-90BB-BA9E11E7B4B4}" srcOrd="1" destOrd="7" presId="urn:microsoft.com/office/officeart/2005/8/layout/cycle4"/>
    <dgm:cxn modelId="{FD6FE105-0529-4182-A5C2-587611DCA259}" type="presOf" srcId="{A249E999-CE7B-4765-8518-309117FB001A}" destId="{EDFB9F92-0CE2-4589-8197-54550624DE59}" srcOrd="1" destOrd="1" presId="urn:microsoft.com/office/officeart/2005/8/layout/cycle4"/>
    <dgm:cxn modelId="{E227FAB0-DD80-4B42-9994-6D3E2D923D37}" type="presOf" srcId="{193A6481-5DA4-405C-8945-7ADC5D6D73EF}" destId="{82B624E3-60A0-46D8-B30F-2ED528C67E5E}" srcOrd="0" destOrd="0" presId="urn:microsoft.com/office/officeart/2005/8/layout/cycle4"/>
    <dgm:cxn modelId="{23F6586C-FEC1-4A5B-9609-5470C5E32C93}" type="presOf" srcId="{DF6D1F5C-52A6-41F8-872E-EB36E1D8E433}" destId="{F50BB730-4A42-4B85-B295-BE9CA4720EE8}" srcOrd="0" destOrd="0" presId="urn:microsoft.com/office/officeart/2005/8/layout/cycle4"/>
    <dgm:cxn modelId="{1E255715-1D55-4741-9267-8FFA85CF1D4F}" type="presOf" srcId="{C32DAF34-81D9-4256-BAF0-4049BBE76363}" destId="{82B624E3-60A0-46D8-B30F-2ED528C67E5E}" srcOrd="0" destOrd="5" presId="urn:microsoft.com/office/officeart/2005/8/layout/cycle4"/>
    <dgm:cxn modelId="{0FC641B3-4519-4CD1-BDDB-EC91891242A4}" type="presOf" srcId="{50190A41-86A6-435B-8F64-359A3D883A46}" destId="{ADFD74E1-3406-41FB-A550-DE6DF95E9D8D}" srcOrd="1" destOrd="4" presId="urn:microsoft.com/office/officeart/2005/8/layout/cycle4"/>
    <dgm:cxn modelId="{70D2F0DA-0DAA-4F9A-9055-0E111709C630}" type="presOf" srcId="{54803889-18BD-4290-9429-25AF3AE0F6A3}" destId="{A9B3929A-ED35-4A58-8563-1DFD697A382B}" srcOrd="0" destOrd="0" presId="urn:microsoft.com/office/officeart/2005/8/layout/cycle4"/>
    <dgm:cxn modelId="{90D62DE0-9030-4437-8ADF-62427E973349}" srcId="{0330AA80-5C79-4EE6-BF07-4B7F699A63A0}" destId="{54803889-18BD-4290-9429-25AF3AE0F6A3}" srcOrd="0" destOrd="0" parTransId="{F69FA14C-CFE3-4982-A0A2-268066461F2F}" sibTransId="{E7716E41-8DCF-4823-A34A-BB80D37BCCAE}"/>
    <dgm:cxn modelId="{F23EF5AC-DBA7-4F4D-8049-B04F2014A6C4}" type="presOf" srcId="{0E1066EF-4A0E-43B0-8C0C-3A681D04E2C5}" destId="{ADFD74E1-3406-41FB-A550-DE6DF95E9D8D}" srcOrd="1" destOrd="1" presId="urn:microsoft.com/office/officeart/2005/8/layout/cycle4"/>
    <dgm:cxn modelId="{BDC183D1-7357-49D0-8A9D-59FBC3B9EAA1}" srcId="{0DFB4B8F-73B1-426A-BC9C-D1AA5FB70A81}" destId="{C32DAF34-81D9-4256-BAF0-4049BBE76363}" srcOrd="5" destOrd="0" parTransId="{A256363B-4BE4-4BA0-8574-FC40F4299BD6}" sibTransId="{2E75DBE3-4EAD-4DFB-A60C-71F0EEA1DBB1}"/>
    <dgm:cxn modelId="{157B3B05-6E37-4ACF-8A9A-A0A1B90E528A}" srcId="{F9BC30CE-31DE-4D4B-B488-B40086632ABE}" destId="{224E123B-BE96-4743-A1F1-EF220F902D31}" srcOrd="7" destOrd="0" parTransId="{620781CA-4B86-465A-BCF7-49B8303CF74E}" sibTransId="{EEA00D7A-50F6-4993-8247-31CF007769DA}"/>
    <dgm:cxn modelId="{C4AC39D4-068B-4EC8-B36E-8521AF37ACB4}" srcId="{F9BC30CE-31DE-4D4B-B488-B40086632ABE}" destId="{CAB59D05-8B44-4F15-BFCE-CF195C0BEC32}" srcOrd="2" destOrd="0" parTransId="{B34E84E2-A19E-422B-8E4E-DAB70FB4F7AD}" sibTransId="{54FF0415-D2E6-49E5-841D-205F85098D30}"/>
    <dgm:cxn modelId="{35C3B86A-294C-456E-93FA-2C7F88D9E8FE}" type="presOf" srcId="{701C5393-6135-4046-A4C8-437E7715C4A0}" destId="{F50BB730-4A42-4B85-B295-BE9CA4720EE8}" srcOrd="0" destOrd="8" presId="urn:microsoft.com/office/officeart/2005/8/layout/cycle4"/>
    <dgm:cxn modelId="{10A4BDA8-3867-485F-84F5-4D020B1C0BCD}" srcId="{0DFB4B8F-73B1-426A-BC9C-D1AA5FB70A81}" destId="{BF6451E3-CBDF-4EC8-90B9-03433D0DF174}" srcOrd="2" destOrd="0" parTransId="{CB60882D-B1D1-4F50-8F78-B650E9F6D35C}" sibTransId="{775278B7-78D5-412F-B48A-3E949C3DA87A}"/>
    <dgm:cxn modelId="{A97B13A7-BA1E-43B6-8ED0-601528CE496F}" type="presOf" srcId="{A5424CB9-4F3A-40FA-9BD8-0219095AF611}" destId="{A9B3929A-ED35-4A58-8563-1DFD697A382B}" srcOrd="0" destOrd="5" presId="urn:microsoft.com/office/officeart/2005/8/layout/cycle4"/>
    <dgm:cxn modelId="{12B75EAF-CC28-404E-97F3-67A09C371FE3}" srcId="{E494C470-C32C-4C8A-8556-DAB50FE48DE2}" destId="{8EDCD223-5BE5-41DC-A24A-7E90B977A134}" srcOrd="2" destOrd="0" parTransId="{8FD41DE5-22AB-4E34-BCCD-3E04C7CC2270}" sibTransId="{D0652C60-A942-4E00-BB49-9F3A5BEAE129}"/>
    <dgm:cxn modelId="{3B3E6458-53CD-4E03-898F-9DE822140EEC}" type="presOf" srcId="{A5424CB9-4F3A-40FA-9BD8-0219095AF611}" destId="{86ABF833-2911-4779-90BB-BA9E11E7B4B4}" srcOrd="1" destOrd="5" presId="urn:microsoft.com/office/officeart/2005/8/layout/cycle4"/>
    <dgm:cxn modelId="{01C6EA83-8EDF-44E4-8DB6-D79F61543917}" type="presParOf" srcId="{36C7040F-F53D-4143-A27C-FAF93BC572A3}" destId="{CDBFC3A4-CDD6-49EB-82B9-AD7EAD6E5AC1}" srcOrd="0" destOrd="0" presId="urn:microsoft.com/office/officeart/2005/8/layout/cycle4"/>
    <dgm:cxn modelId="{B87F4F0E-EAB6-4588-BCF2-BC6A3F0B4B34}" type="presParOf" srcId="{CDBFC3A4-CDD6-49EB-82B9-AD7EAD6E5AC1}" destId="{DBB9B68C-8230-40C1-9325-FDBC00266F8B}" srcOrd="0" destOrd="0" presId="urn:microsoft.com/office/officeart/2005/8/layout/cycle4"/>
    <dgm:cxn modelId="{7520C770-DB64-4EA2-8C0D-586602698F04}" type="presParOf" srcId="{DBB9B68C-8230-40C1-9325-FDBC00266F8B}" destId="{A9B3929A-ED35-4A58-8563-1DFD697A382B}" srcOrd="0" destOrd="0" presId="urn:microsoft.com/office/officeart/2005/8/layout/cycle4"/>
    <dgm:cxn modelId="{FE75A282-67DE-4E2C-A728-E00020A9FB06}" type="presParOf" srcId="{DBB9B68C-8230-40C1-9325-FDBC00266F8B}" destId="{86ABF833-2911-4779-90BB-BA9E11E7B4B4}" srcOrd="1" destOrd="0" presId="urn:microsoft.com/office/officeart/2005/8/layout/cycle4"/>
    <dgm:cxn modelId="{9A58DDDE-CD28-4C53-BB84-242C8B737528}" type="presParOf" srcId="{CDBFC3A4-CDD6-49EB-82B9-AD7EAD6E5AC1}" destId="{568FC66A-C38F-4DBA-8EA3-D9F57A580EA8}" srcOrd="1" destOrd="0" presId="urn:microsoft.com/office/officeart/2005/8/layout/cycle4"/>
    <dgm:cxn modelId="{1CA75AD3-1D5C-4EDC-BD54-C3CA1DEF229E}" type="presParOf" srcId="{568FC66A-C38F-4DBA-8EA3-D9F57A580EA8}" destId="{82B624E3-60A0-46D8-B30F-2ED528C67E5E}" srcOrd="0" destOrd="0" presId="urn:microsoft.com/office/officeart/2005/8/layout/cycle4"/>
    <dgm:cxn modelId="{D47683C2-A327-4388-A235-BBA1B9D8C91F}" type="presParOf" srcId="{568FC66A-C38F-4DBA-8EA3-D9F57A580EA8}" destId="{797F05DF-51CC-42F7-89C8-CC8A4BA15D9A}" srcOrd="1" destOrd="0" presId="urn:microsoft.com/office/officeart/2005/8/layout/cycle4"/>
    <dgm:cxn modelId="{14BE4741-7AF6-4CE7-9F39-91141E29A95D}" type="presParOf" srcId="{CDBFC3A4-CDD6-49EB-82B9-AD7EAD6E5AC1}" destId="{C5C32BA2-180E-4A91-99F5-4EB74CFEB028}" srcOrd="2" destOrd="0" presId="urn:microsoft.com/office/officeart/2005/8/layout/cycle4"/>
    <dgm:cxn modelId="{5BD66B99-34CE-45DD-8EE5-140840896FE2}" type="presParOf" srcId="{C5C32BA2-180E-4A91-99F5-4EB74CFEB028}" destId="{56C83C47-EBC1-417F-9C07-15F8373D2DDC}" srcOrd="0" destOrd="0" presId="urn:microsoft.com/office/officeart/2005/8/layout/cycle4"/>
    <dgm:cxn modelId="{F4C90D2B-E5B7-437B-BE51-43AFC8A9E07A}" type="presParOf" srcId="{C5C32BA2-180E-4A91-99F5-4EB74CFEB028}" destId="{EDFB9F92-0CE2-4589-8197-54550624DE59}" srcOrd="1" destOrd="0" presId="urn:microsoft.com/office/officeart/2005/8/layout/cycle4"/>
    <dgm:cxn modelId="{0F5581FC-F820-4AF6-92BF-5F5AB8DB16B5}" type="presParOf" srcId="{CDBFC3A4-CDD6-49EB-82B9-AD7EAD6E5AC1}" destId="{1D7F9B14-D234-441C-8DFF-4E61B99FBE34}" srcOrd="3" destOrd="0" presId="urn:microsoft.com/office/officeart/2005/8/layout/cycle4"/>
    <dgm:cxn modelId="{7A7B19CC-2621-4C01-AFCE-E9DD33030C4D}" type="presParOf" srcId="{1D7F9B14-D234-441C-8DFF-4E61B99FBE34}" destId="{F50BB730-4A42-4B85-B295-BE9CA4720EE8}" srcOrd="0" destOrd="0" presId="urn:microsoft.com/office/officeart/2005/8/layout/cycle4"/>
    <dgm:cxn modelId="{FB270E99-0199-49CA-8690-FE11283FDABE}" type="presParOf" srcId="{1D7F9B14-D234-441C-8DFF-4E61B99FBE34}" destId="{ADFD74E1-3406-41FB-A550-DE6DF95E9D8D}" srcOrd="1" destOrd="0" presId="urn:microsoft.com/office/officeart/2005/8/layout/cycle4"/>
    <dgm:cxn modelId="{3FFB3525-A317-413E-93FB-80B281992700}" type="presParOf" srcId="{CDBFC3A4-CDD6-49EB-82B9-AD7EAD6E5AC1}" destId="{C683DAAC-1A99-43F5-92D7-6D4ED5489FBE}" srcOrd="4" destOrd="0" presId="urn:microsoft.com/office/officeart/2005/8/layout/cycle4"/>
    <dgm:cxn modelId="{69907BC6-C7DB-4052-BF1A-6BFFAB821443}" type="presParOf" srcId="{36C7040F-F53D-4143-A27C-FAF93BC572A3}" destId="{2E9785C0-FC48-4D3C-B842-B2FEE181CBA5}" srcOrd="1" destOrd="0" presId="urn:microsoft.com/office/officeart/2005/8/layout/cycle4"/>
    <dgm:cxn modelId="{1C7267B9-44AA-4B9E-AADB-DFE565715E63}" type="presParOf" srcId="{2E9785C0-FC48-4D3C-B842-B2FEE181CBA5}" destId="{28360F4B-FD6A-45B5-B62B-3CDAE2312BEB}" srcOrd="0" destOrd="0" presId="urn:microsoft.com/office/officeart/2005/8/layout/cycle4"/>
    <dgm:cxn modelId="{605896B8-D4FA-44A9-933B-53F48A6A3183}" type="presParOf" srcId="{2E9785C0-FC48-4D3C-B842-B2FEE181CBA5}" destId="{D1B8DEF2-65AD-4B46-9F97-FCC145CC4237}" srcOrd="1" destOrd="0" presId="urn:microsoft.com/office/officeart/2005/8/layout/cycle4"/>
    <dgm:cxn modelId="{58AB4D40-1F20-4FD4-9689-05B8BDA0273A}" type="presParOf" srcId="{2E9785C0-FC48-4D3C-B842-B2FEE181CBA5}" destId="{BD2D94E8-21B4-4B48-B1F5-D7E255F92853}" srcOrd="2" destOrd="0" presId="urn:microsoft.com/office/officeart/2005/8/layout/cycle4"/>
    <dgm:cxn modelId="{84FF1213-3188-4A89-B795-8B9B2546D772}" type="presParOf" srcId="{2E9785C0-FC48-4D3C-B842-B2FEE181CBA5}" destId="{1CEDA07C-E53E-47D1-89C9-6A3ADC07D9DB}" srcOrd="3" destOrd="0" presId="urn:microsoft.com/office/officeart/2005/8/layout/cycle4"/>
    <dgm:cxn modelId="{B87D7024-811F-4EE5-87B7-46826FB020ED}" type="presParOf" srcId="{2E9785C0-FC48-4D3C-B842-B2FEE181CBA5}" destId="{7076408C-9A08-4DFC-9E3D-BF7964383A27}" srcOrd="4" destOrd="0" presId="urn:microsoft.com/office/officeart/2005/8/layout/cycle4"/>
    <dgm:cxn modelId="{816C2EF4-5D68-41BB-A5D5-D321671471D7}" type="presParOf" srcId="{36C7040F-F53D-4143-A27C-FAF93BC572A3}" destId="{84847BAA-3AA5-4E61-A5D3-1180C5BB345C}" srcOrd="2" destOrd="0" presId="urn:microsoft.com/office/officeart/2005/8/layout/cycle4"/>
    <dgm:cxn modelId="{84D2BF1F-521A-4F08-90B3-C090B90CD66A}" type="presParOf" srcId="{36C7040F-F53D-4143-A27C-FAF93BC572A3}" destId="{C09E6F09-A72E-4AA4-9B7C-F6FEBF8F05CB}" srcOrd="3" destOrd="0" presId="urn:microsoft.com/office/officeart/2005/8/layout/cycle4"/>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2.xml><?xml version="1.0" encoding="utf-8"?>
<dgm:dataModel xmlns:dgm="http://schemas.openxmlformats.org/drawingml/2006/diagram" xmlns:a="http://schemas.openxmlformats.org/drawingml/2006/main">
  <dgm:ptLst>
    <dgm:pt modelId="{350691EF-0177-44A2-95B0-22DB7B5AED59}" type="doc">
      <dgm:prSet loTypeId="urn:microsoft.com/office/officeart/2005/8/layout/default" loCatId="list" qsTypeId="urn:microsoft.com/office/officeart/2005/8/quickstyle/simple1" qsCatId="simple" csTypeId="urn:microsoft.com/office/officeart/2005/8/colors/accent1_2" csCatId="accent1" phldr="1"/>
      <dgm:spPr/>
      <dgm:t>
        <a:bodyPr/>
        <a:lstStyle/>
        <a:p>
          <a:pPr rtl="1"/>
          <a:endParaRPr lang="he-IL"/>
        </a:p>
      </dgm:t>
    </dgm:pt>
    <dgm:pt modelId="{08236C7E-FDD8-44F4-B576-B2A5CC1E66E5}">
      <dgm:prSet phldrT="[טקסט]" custT="1"/>
      <dgm:spPr>
        <a:solidFill>
          <a:srgbClr val="0070C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dgm:spPr>
      <dgm:t>
        <a:bodyPr/>
        <a:lstStyle/>
        <a:p>
          <a:pPr rtl="1"/>
          <a:endParaRPr lang="he-IL" sz="1800" dirty="0" smtClean="0"/>
        </a:p>
        <a:p>
          <a:pPr rtl="1"/>
          <a:r>
            <a:rPr lang="he-IL" sz="4000" b="1" dirty="0" smtClean="0">
              <a:latin typeface="Narkisim" panose="020E0502050101010101" pitchFamily="34" charset="-79"/>
              <a:cs typeface="Narkisim" panose="020E0502050101010101" pitchFamily="34" charset="-79"/>
            </a:rPr>
            <a:t>המאבק המדיני</a:t>
          </a:r>
        </a:p>
        <a:p>
          <a:pPr rtl="1"/>
          <a:r>
            <a:rPr lang="he-IL" sz="1800" dirty="0" smtClean="0">
              <a:latin typeface="Narkisim" panose="020E0502050101010101" pitchFamily="34" charset="-79"/>
              <a:cs typeface="Narkisim" panose="020E0502050101010101" pitchFamily="34" charset="-79"/>
            </a:rPr>
            <a:t>הסדר (שלבי, מלא), </a:t>
          </a:r>
          <a:r>
            <a:rPr lang="he-IL" sz="1800" dirty="0" err="1" smtClean="0">
              <a:latin typeface="Narkisim" panose="020E0502050101010101" pitchFamily="34" charset="-79"/>
              <a:cs typeface="Narkisim" panose="020E0502050101010101" pitchFamily="34" charset="-79"/>
            </a:rPr>
            <a:t>פיאדיזם</a:t>
          </a:r>
          <a:r>
            <a:rPr lang="he-IL" sz="1800" dirty="0" smtClean="0">
              <a:latin typeface="Narkisim" panose="020E0502050101010101" pitchFamily="34" charset="-79"/>
              <a:cs typeface="Narkisim" panose="020E0502050101010101" pitchFamily="34" charset="-79"/>
            </a:rPr>
            <a:t> (</a:t>
          </a:r>
          <a:r>
            <a:rPr lang="en-US" sz="1800" dirty="0" smtClean="0">
              <a:latin typeface="Narkisim" panose="020E0502050101010101" pitchFamily="34" charset="-79"/>
              <a:cs typeface="Narkisim" panose="020E0502050101010101" pitchFamily="34" charset="-79"/>
            </a:rPr>
            <a:t>B.U</a:t>
          </a:r>
          <a:r>
            <a:rPr lang="he-IL" sz="1800" dirty="0" smtClean="0">
              <a:latin typeface="Narkisim" panose="020E0502050101010101" pitchFamily="34" charset="-79"/>
              <a:cs typeface="Narkisim" panose="020E0502050101010101" pitchFamily="34" charset="-79"/>
            </a:rPr>
            <a:t>),</a:t>
          </a:r>
          <a:r>
            <a:rPr lang="en-US" sz="1800" dirty="0" smtClean="0">
              <a:latin typeface="Narkisim" panose="020E0502050101010101" pitchFamily="34" charset="-79"/>
              <a:cs typeface="Narkisim" panose="020E0502050101010101" pitchFamily="34" charset="-79"/>
            </a:rPr>
            <a:t> </a:t>
          </a:r>
          <a:endParaRPr lang="he-IL" sz="1800" dirty="0" smtClean="0">
            <a:latin typeface="Narkisim" panose="020E0502050101010101" pitchFamily="34" charset="-79"/>
            <a:cs typeface="Narkisim" panose="020E0502050101010101" pitchFamily="34" charset="-79"/>
          </a:endParaRPr>
        </a:p>
        <a:p>
          <a:pPr rtl="1"/>
          <a:r>
            <a:rPr lang="he-IL" sz="1800" dirty="0" smtClean="0">
              <a:latin typeface="Narkisim" panose="020E0502050101010101" pitchFamily="34" charset="-79"/>
              <a:cs typeface="Narkisim" panose="020E0502050101010101" pitchFamily="34" charset="-79"/>
            </a:rPr>
            <a:t>הסדרה ללא הכרה, חד צדדי, דו-לאומי</a:t>
          </a:r>
        </a:p>
        <a:p>
          <a:pPr rtl="1"/>
          <a:endParaRPr lang="he-IL" sz="1800" dirty="0"/>
        </a:p>
      </dgm:t>
    </dgm:pt>
    <dgm:pt modelId="{6BA9DE3A-2727-4802-94EE-4FB5B080F0BA}" type="parTrans" cxnId="{7DDABFE3-B938-4B8A-813D-5BAC6F00D6C5}">
      <dgm:prSet/>
      <dgm:spPr/>
      <dgm:t>
        <a:bodyPr/>
        <a:lstStyle/>
        <a:p>
          <a:pPr rtl="1"/>
          <a:endParaRPr lang="he-IL"/>
        </a:p>
      </dgm:t>
    </dgm:pt>
    <dgm:pt modelId="{AAE19FBB-3F29-4C4F-BD27-18AE0CAA5FDA}" type="sibTrans" cxnId="{7DDABFE3-B938-4B8A-813D-5BAC6F00D6C5}">
      <dgm:prSet/>
      <dgm:spPr/>
      <dgm:t>
        <a:bodyPr/>
        <a:lstStyle/>
        <a:p>
          <a:pPr rtl="1"/>
          <a:endParaRPr lang="he-IL"/>
        </a:p>
      </dgm:t>
    </dgm:pt>
    <dgm:pt modelId="{A1A0822B-A455-486A-A428-E42F9B403CE0}">
      <dgm:prSet phldrT="[טקסט]" custT="1"/>
      <dgm:spPr>
        <a:solidFill>
          <a:srgbClr val="0070C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dgm:spPr>
      <dgm:t>
        <a:bodyPr/>
        <a:lstStyle/>
        <a:p>
          <a:pPr rtl="1"/>
          <a:r>
            <a:rPr lang="he-IL" sz="4000" b="1" dirty="0" smtClean="0">
              <a:latin typeface="Narkisim" panose="020E0502050101010101" pitchFamily="34" charset="-79"/>
              <a:cs typeface="Narkisim" panose="020E0502050101010101" pitchFamily="34" charset="-79"/>
            </a:rPr>
            <a:t>המאבק המזוין</a:t>
          </a:r>
        </a:p>
        <a:p>
          <a:pPr rtl="1"/>
          <a:r>
            <a:rPr lang="he-IL" sz="1800" dirty="0" smtClean="0">
              <a:latin typeface="Narkisim" panose="020E0502050101010101" pitchFamily="34" charset="-79"/>
              <a:cs typeface="Narkisim" panose="020E0502050101010101" pitchFamily="34" charset="-79"/>
            </a:rPr>
            <a:t>ארגוני, צבאי, עממי ועצמאי              מהאבן ועד לרחם, מהסכין ועד </a:t>
          </a:r>
          <a:r>
            <a:rPr lang="he-IL" sz="1800" dirty="0" err="1" smtClean="0">
              <a:latin typeface="Narkisim" panose="020E0502050101010101" pitchFamily="34" charset="-79"/>
              <a:cs typeface="Narkisim" panose="020E0502050101010101" pitchFamily="34" charset="-79"/>
            </a:rPr>
            <a:t>לפג'ר</a:t>
          </a:r>
          <a:r>
            <a:rPr lang="he-IL" sz="1800" dirty="0" smtClean="0">
              <a:latin typeface="Narkisim" panose="020E0502050101010101" pitchFamily="34" charset="-79"/>
              <a:cs typeface="Narkisim" panose="020E0502050101010101" pitchFamily="34" charset="-79"/>
            </a:rPr>
            <a:t>, מהמנהרה ועד לכיפה</a:t>
          </a:r>
          <a:endParaRPr lang="he-IL" sz="1800" dirty="0">
            <a:latin typeface="Narkisim" panose="020E0502050101010101" pitchFamily="34" charset="-79"/>
            <a:cs typeface="Narkisim" panose="020E0502050101010101" pitchFamily="34" charset="-79"/>
          </a:endParaRPr>
        </a:p>
      </dgm:t>
    </dgm:pt>
    <dgm:pt modelId="{FF94D43D-1542-40FF-AB28-DC7C06075D84}" type="parTrans" cxnId="{58F94BBF-072D-4395-90BD-18DB4CF0F644}">
      <dgm:prSet/>
      <dgm:spPr/>
      <dgm:t>
        <a:bodyPr/>
        <a:lstStyle/>
        <a:p>
          <a:pPr rtl="1"/>
          <a:endParaRPr lang="he-IL"/>
        </a:p>
      </dgm:t>
    </dgm:pt>
    <dgm:pt modelId="{6157D846-FE53-4280-B767-DEEA9CCB0680}" type="sibTrans" cxnId="{58F94BBF-072D-4395-90BD-18DB4CF0F644}">
      <dgm:prSet/>
      <dgm:spPr/>
      <dgm:t>
        <a:bodyPr/>
        <a:lstStyle/>
        <a:p>
          <a:pPr rtl="1"/>
          <a:endParaRPr lang="he-IL"/>
        </a:p>
      </dgm:t>
    </dgm:pt>
    <dgm:pt modelId="{D61BDC35-AFA3-466F-89F6-BD43D3D2E101}">
      <dgm:prSet phldrT="[טקסט]" custT="1"/>
      <dgm:spPr>
        <a:solidFill>
          <a:srgbClr val="0070C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dgm:spPr>
      <dgm:t>
        <a:bodyPr/>
        <a:lstStyle/>
        <a:p>
          <a:pPr rtl="1"/>
          <a:r>
            <a:rPr lang="he-IL" sz="4000" b="1" dirty="0" smtClean="0">
              <a:latin typeface="Narkisim" panose="020E0502050101010101" pitchFamily="34" charset="-79"/>
              <a:cs typeface="Narkisim" panose="020E0502050101010101" pitchFamily="34" charset="-79"/>
            </a:rPr>
            <a:t>המעורבות החיצונית</a:t>
          </a:r>
        </a:p>
        <a:p>
          <a:pPr rtl="1"/>
          <a:r>
            <a:rPr lang="he-IL" sz="1800" dirty="0" smtClean="0">
              <a:latin typeface="Narkisim" panose="020E0502050101010101" pitchFamily="34" charset="-79"/>
              <a:cs typeface="Narkisim" panose="020E0502050101010101" pitchFamily="34" charset="-79"/>
            </a:rPr>
            <a:t>חסות, דרבון ובניין </a:t>
          </a:r>
          <a:r>
            <a:rPr lang="he-IL" sz="1800" dirty="0" err="1" smtClean="0">
              <a:latin typeface="Narkisim" panose="020E0502050101010101" pitchFamily="34" charset="-79"/>
              <a:cs typeface="Narkisim" panose="020E0502050101010101" pitchFamily="34" charset="-79"/>
            </a:rPr>
            <a:t>כח</a:t>
          </a:r>
          <a:r>
            <a:rPr lang="he-IL" sz="1800" dirty="0" smtClean="0">
              <a:latin typeface="Narkisim" panose="020E0502050101010101" pitchFamily="34" charset="-79"/>
              <a:cs typeface="Narkisim" panose="020E0502050101010101" pitchFamily="34" charset="-79"/>
            </a:rPr>
            <a:t> (שלילי וחיובי), אדישות, בינאום ודה-לגיטימציה</a:t>
          </a:r>
          <a:endParaRPr lang="he-IL" sz="1800" dirty="0">
            <a:latin typeface="Narkisim" panose="020E0502050101010101" pitchFamily="34" charset="-79"/>
            <a:cs typeface="Narkisim" panose="020E0502050101010101" pitchFamily="34" charset="-79"/>
          </a:endParaRPr>
        </a:p>
      </dgm:t>
    </dgm:pt>
    <dgm:pt modelId="{CC32BACD-C313-48B1-9511-3298F04D0EB7}" type="parTrans" cxnId="{E90867BF-CE22-4A3D-9E52-6F25973A3101}">
      <dgm:prSet/>
      <dgm:spPr/>
      <dgm:t>
        <a:bodyPr/>
        <a:lstStyle/>
        <a:p>
          <a:pPr rtl="1"/>
          <a:endParaRPr lang="he-IL"/>
        </a:p>
      </dgm:t>
    </dgm:pt>
    <dgm:pt modelId="{874BD8AC-3A53-4E9D-86AB-B13488D0305D}" type="sibTrans" cxnId="{E90867BF-CE22-4A3D-9E52-6F25973A3101}">
      <dgm:prSet/>
      <dgm:spPr/>
      <dgm:t>
        <a:bodyPr/>
        <a:lstStyle/>
        <a:p>
          <a:pPr rtl="1"/>
          <a:endParaRPr lang="he-IL"/>
        </a:p>
      </dgm:t>
    </dgm:pt>
    <dgm:pt modelId="{7F67D716-2F41-4CD0-8E83-230ABCDBAE4E}">
      <dgm:prSet phldrT="[טקסט]" custT="1"/>
      <dgm:spPr>
        <a:solidFill>
          <a:srgbClr val="0070C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dgm:spPr>
      <dgm:t>
        <a:bodyPr/>
        <a:lstStyle/>
        <a:p>
          <a:pPr rtl="1"/>
          <a:endParaRPr lang="he-IL" sz="1800" b="1" dirty="0" smtClean="0"/>
        </a:p>
        <a:p>
          <a:pPr rtl="1"/>
          <a:endParaRPr lang="he-IL" sz="1800" b="1" dirty="0" smtClean="0"/>
        </a:p>
        <a:p>
          <a:pPr rtl="1"/>
          <a:r>
            <a:rPr lang="he-IL" sz="4000" b="1" dirty="0" smtClean="0">
              <a:latin typeface="Narkisim" panose="020E0502050101010101" pitchFamily="34" charset="-79"/>
              <a:cs typeface="Narkisim" panose="020E0502050101010101" pitchFamily="34" charset="-79"/>
            </a:rPr>
            <a:t>הזירה הפנימית</a:t>
          </a:r>
        </a:p>
        <a:p>
          <a:pPr rtl="1"/>
          <a:r>
            <a:rPr lang="he-IL" sz="1800" dirty="0" smtClean="0">
              <a:latin typeface="Narkisim" panose="020E0502050101010101" pitchFamily="34" charset="-79"/>
              <a:cs typeface="Narkisim" panose="020E0502050101010101" pitchFamily="34" charset="-79"/>
            </a:rPr>
            <a:t>מחד קוטבית לדו קוטבית (רעיונית וטריטוריאלית),  </a:t>
          </a:r>
        </a:p>
        <a:p>
          <a:pPr rtl="1"/>
          <a:r>
            <a:rPr lang="he-IL" sz="1800" dirty="0" smtClean="0">
              <a:latin typeface="Narkisim" panose="020E0502050101010101" pitchFamily="34" charset="-79"/>
              <a:cs typeface="Narkisim" panose="020E0502050101010101" pitchFamily="34" charset="-79"/>
            </a:rPr>
            <a:t>התהוות מנהיגות רב-קוטבית, </a:t>
          </a:r>
        </a:p>
        <a:p>
          <a:pPr rtl="1"/>
          <a:r>
            <a:rPr lang="he-IL" sz="1800" dirty="0" smtClean="0">
              <a:latin typeface="Narkisim" panose="020E0502050101010101" pitchFamily="34" charset="-79"/>
              <a:cs typeface="Narkisim" panose="020E0502050101010101" pitchFamily="34" charset="-79"/>
            </a:rPr>
            <a:t>חברה צעירה – </a:t>
          </a:r>
          <a:r>
            <a:rPr lang="he-IL" sz="1800" dirty="0" err="1" smtClean="0">
              <a:latin typeface="Narkisim" panose="020E0502050101010101" pitchFamily="34" charset="-79"/>
              <a:cs typeface="Narkisim" panose="020E0502050101010101" pitchFamily="34" charset="-79"/>
            </a:rPr>
            <a:t>אסלאמיסטית</a:t>
          </a:r>
          <a:r>
            <a:rPr lang="he-IL" sz="1800" dirty="0" smtClean="0">
              <a:latin typeface="Narkisim" panose="020E0502050101010101" pitchFamily="34" charset="-79"/>
              <a:cs typeface="Narkisim" panose="020E0502050101010101" pitchFamily="34" charset="-79"/>
            </a:rPr>
            <a:t>, מתקדמת, משכילה, </a:t>
          </a:r>
          <a:r>
            <a:rPr lang="en-US" sz="1800" dirty="0" smtClean="0">
              <a:latin typeface="Narkisim" panose="020E0502050101010101" pitchFamily="34" charset="-79"/>
              <a:cs typeface="Narkisim" panose="020E0502050101010101" pitchFamily="34" charset="-79"/>
            </a:rPr>
            <a:t>Y</a:t>
          </a:r>
          <a:r>
            <a:rPr lang="he-IL" sz="1800" dirty="0" smtClean="0">
              <a:latin typeface="Narkisim" panose="020E0502050101010101" pitchFamily="34" charset="-79"/>
              <a:cs typeface="Narkisim" panose="020E0502050101010101" pitchFamily="34" charset="-79"/>
            </a:rPr>
            <a:t>, מתוסכלת </a:t>
          </a:r>
        </a:p>
        <a:p>
          <a:pPr rtl="1"/>
          <a:endParaRPr lang="he-IL" sz="1800" b="0" dirty="0" smtClean="0"/>
        </a:p>
        <a:p>
          <a:pPr rtl="1"/>
          <a:endParaRPr lang="he-IL" sz="1800" b="0" dirty="0" smtClean="0"/>
        </a:p>
        <a:p>
          <a:pPr rtl="1"/>
          <a:endParaRPr lang="he-IL" sz="1800" b="0" dirty="0" smtClean="0"/>
        </a:p>
      </dgm:t>
    </dgm:pt>
    <dgm:pt modelId="{B03036CF-F1B7-47E3-88D7-5105E47D9D6E}" type="parTrans" cxnId="{F08B880E-AEC1-4E98-8ECE-ECEC21798531}">
      <dgm:prSet/>
      <dgm:spPr/>
      <dgm:t>
        <a:bodyPr/>
        <a:lstStyle/>
        <a:p>
          <a:pPr rtl="1"/>
          <a:endParaRPr lang="he-IL"/>
        </a:p>
      </dgm:t>
    </dgm:pt>
    <dgm:pt modelId="{430E2D68-94C8-4D6C-BFF0-7BC019E987F3}" type="sibTrans" cxnId="{F08B880E-AEC1-4E98-8ECE-ECEC21798531}">
      <dgm:prSet/>
      <dgm:spPr/>
      <dgm:t>
        <a:bodyPr/>
        <a:lstStyle/>
        <a:p>
          <a:pPr rtl="1"/>
          <a:endParaRPr lang="he-IL"/>
        </a:p>
      </dgm:t>
    </dgm:pt>
    <dgm:pt modelId="{D664D92B-4F66-4A2C-86A7-19A1DD1FA32C}" type="pres">
      <dgm:prSet presAssocID="{350691EF-0177-44A2-95B0-22DB7B5AED59}" presName="diagram" presStyleCnt="0">
        <dgm:presLayoutVars>
          <dgm:dir/>
          <dgm:resizeHandles val="exact"/>
        </dgm:presLayoutVars>
      </dgm:prSet>
      <dgm:spPr/>
      <dgm:t>
        <a:bodyPr/>
        <a:lstStyle/>
        <a:p>
          <a:pPr rtl="1"/>
          <a:endParaRPr lang="he-IL"/>
        </a:p>
      </dgm:t>
    </dgm:pt>
    <dgm:pt modelId="{EC2A0EE4-3ACA-49BC-BA39-7EBAA763F96E}" type="pres">
      <dgm:prSet presAssocID="{08236C7E-FDD8-44F4-B576-B2A5CC1E66E5}" presName="node" presStyleLbl="node1" presStyleIdx="0" presStyleCnt="4">
        <dgm:presLayoutVars>
          <dgm:bulletEnabled val="1"/>
        </dgm:presLayoutVars>
      </dgm:prSet>
      <dgm:spPr/>
      <dgm:t>
        <a:bodyPr/>
        <a:lstStyle/>
        <a:p>
          <a:pPr rtl="1"/>
          <a:endParaRPr lang="he-IL"/>
        </a:p>
      </dgm:t>
    </dgm:pt>
    <dgm:pt modelId="{21E9F0F8-4825-4604-BA63-B211F974EB45}" type="pres">
      <dgm:prSet presAssocID="{AAE19FBB-3F29-4C4F-BD27-18AE0CAA5FDA}" presName="sibTrans" presStyleCnt="0"/>
      <dgm:spPr/>
    </dgm:pt>
    <dgm:pt modelId="{8349B4B0-C638-4CCD-B2A5-2119F04899C4}" type="pres">
      <dgm:prSet presAssocID="{A1A0822B-A455-486A-A428-E42F9B403CE0}" presName="node" presStyleLbl="node1" presStyleIdx="1" presStyleCnt="4">
        <dgm:presLayoutVars>
          <dgm:bulletEnabled val="1"/>
        </dgm:presLayoutVars>
      </dgm:prSet>
      <dgm:spPr/>
      <dgm:t>
        <a:bodyPr/>
        <a:lstStyle/>
        <a:p>
          <a:pPr rtl="1"/>
          <a:endParaRPr lang="he-IL"/>
        </a:p>
      </dgm:t>
    </dgm:pt>
    <dgm:pt modelId="{77207BC7-2CFE-4450-AB70-588C1309644C}" type="pres">
      <dgm:prSet presAssocID="{6157D846-FE53-4280-B767-DEEA9CCB0680}" presName="sibTrans" presStyleCnt="0"/>
      <dgm:spPr/>
    </dgm:pt>
    <dgm:pt modelId="{15281B01-8F05-4FA9-BFFC-3EDE1C9E6177}" type="pres">
      <dgm:prSet presAssocID="{D61BDC35-AFA3-466F-89F6-BD43D3D2E101}" presName="node" presStyleLbl="node1" presStyleIdx="2" presStyleCnt="4">
        <dgm:presLayoutVars>
          <dgm:bulletEnabled val="1"/>
        </dgm:presLayoutVars>
      </dgm:prSet>
      <dgm:spPr/>
      <dgm:t>
        <a:bodyPr/>
        <a:lstStyle/>
        <a:p>
          <a:pPr rtl="1"/>
          <a:endParaRPr lang="he-IL"/>
        </a:p>
      </dgm:t>
    </dgm:pt>
    <dgm:pt modelId="{30B1619E-5B25-4D1D-806D-1424B6F71A53}" type="pres">
      <dgm:prSet presAssocID="{874BD8AC-3A53-4E9D-86AB-B13488D0305D}" presName="sibTrans" presStyleCnt="0"/>
      <dgm:spPr/>
    </dgm:pt>
    <dgm:pt modelId="{D9E42536-4444-4359-8AAE-7D8422552913}" type="pres">
      <dgm:prSet presAssocID="{7F67D716-2F41-4CD0-8E83-230ABCDBAE4E}" presName="node" presStyleLbl="node1" presStyleIdx="3" presStyleCnt="4" custLinFactNeighborX="26" custLinFactNeighborY="419">
        <dgm:presLayoutVars>
          <dgm:bulletEnabled val="1"/>
        </dgm:presLayoutVars>
      </dgm:prSet>
      <dgm:spPr/>
      <dgm:t>
        <a:bodyPr/>
        <a:lstStyle/>
        <a:p>
          <a:pPr rtl="1"/>
          <a:endParaRPr lang="he-IL"/>
        </a:p>
      </dgm:t>
    </dgm:pt>
  </dgm:ptLst>
  <dgm:cxnLst>
    <dgm:cxn modelId="{58F94BBF-072D-4395-90BD-18DB4CF0F644}" srcId="{350691EF-0177-44A2-95B0-22DB7B5AED59}" destId="{A1A0822B-A455-486A-A428-E42F9B403CE0}" srcOrd="1" destOrd="0" parTransId="{FF94D43D-1542-40FF-AB28-DC7C06075D84}" sibTransId="{6157D846-FE53-4280-B767-DEEA9CCB0680}"/>
    <dgm:cxn modelId="{7DDABFE3-B938-4B8A-813D-5BAC6F00D6C5}" srcId="{350691EF-0177-44A2-95B0-22DB7B5AED59}" destId="{08236C7E-FDD8-44F4-B576-B2A5CC1E66E5}" srcOrd="0" destOrd="0" parTransId="{6BA9DE3A-2727-4802-94EE-4FB5B080F0BA}" sibTransId="{AAE19FBB-3F29-4C4F-BD27-18AE0CAA5FDA}"/>
    <dgm:cxn modelId="{876B0ED0-1D8C-4594-BB21-A3984DB32C5A}" type="presOf" srcId="{A1A0822B-A455-486A-A428-E42F9B403CE0}" destId="{8349B4B0-C638-4CCD-B2A5-2119F04899C4}" srcOrd="0" destOrd="0" presId="urn:microsoft.com/office/officeart/2005/8/layout/default"/>
    <dgm:cxn modelId="{B7BE3D4E-BEAD-4B8B-9BA3-3C62381C4BB6}" type="presOf" srcId="{D61BDC35-AFA3-466F-89F6-BD43D3D2E101}" destId="{15281B01-8F05-4FA9-BFFC-3EDE1C9E6177}" srcOrd="0" destOrd="0" presId="urn:microsoft.com/office/officeart/2005/8/layout/default"/>
    <dgm:cxn modelId="{2C35F733-7975-49BE-96BF-AA4B1746502A}" type="presOf" srcId="{7F67D716-2F41-4CD0-8E83-230ABCDBAE4E}" destId="{D9E42536-4444-4359-8AAE-7D8422552913}" srcOrd="0" destOrd="0" presId="urn:microsoft.com/office/officeart/2005/8/layout/default"/>
    <dgm:cxn modelId="{2C0F3EA7-274C-42AC-AF88-73CC62DD3ED3}" type="presOf" srcId="{350691EF-0177-44A2-95B0-22DB7B5AED59}" destId="{D664D92B-4F66-4A2C-86A7-19A1DD1FA32C}" srcOrd="0" destOrd="0" presId="urn:microsoft.com/office/officeart/2005/8/layout/default"/>
    <dgm:cxn modelId="{F08B880E-AEC1-4E98-8ECE-ECEC21798531}" srcId="{350691EF-0177-44A2-95B0-22DB7B5AED59}" destId="{7F67D716-2F41-4CD0-8E83-230ABCDBAE4E}" srcOrd="3" destOrd="0" parTransId="{B03036CF-F1B7-47E3-88D7-5105E47D9D6E}" sibTransId="{430E2D68-94C8-4D6C-BFF0-7BC019E987F3}"/>
    <dgm:cxn modelId="{E90867BF-CE22-4A3D-9E52-6F25973A3101}" srcId="{350691EF-0177-44A2-95B0-22DB7B5AED59}" destId="{D61BDC35-AFA3-466F-89F6-BD43D3D2E101}" srcOrd="2" destOrd="0" parTransId="{CC32BACD-C313-48B1-9511-3298F04D0EB7}" sibTransId="{874BD8AC-3A53-4E9D-86AB-B13488D0305D}"/>
    <dgm:cxn modelId="{E835BF56-3D38-4F11-A17B-0D64A9C39211}" type="presOf" srcId="{08236C7E-FDD8-44F4-B576-B2A5CC1E66E5}" destId="{EC2A0EE4-3ACA-49BC-BA39-7EBAA763F96E}" srcOrd="0" destOrd="0" presId="urn:microsoft.com/office/officeart/2005/8/layout/default"/>
    <dgm:cxn modelId="{37D6F09C-ACA4-4D8A-B2F5-FF1E19775943}" type="presParOf" srcId="{D664D92B-4F66-4A2C-86A7-19A1DD1FA32C}" destId="{EC2A0EE4-3ACA-49BC-BA39-7EBAA763F96E}" srcOrd="0" destOrd="0" presId="urn:microsoft.com/office/officeart/2005/8/layout/default"/>
    <dgm:cxn modelId="{9FF504D3-20DB-49C7-9B87-EBB486C10AF2}" type="presParOf" srcId="{D664D92B-4F66-4A2C-86A7-19A1DD1FA32C}" destId="{21E9F0F8-4825-4604-BA63-B211F974EB45}" srcOrd="1" destOrd="0" presId="urn:microsoft.com/office/officeart/2005/8/layout/default"/>
    <dgm:cxn modelId="{782D2968-9DC2-4852-9FA9-294AD9D5C9F4}" type="presParOf" srcId="{D664D92B-4F66-4A2C-86A7-19A1DD1FA32C}" destId="{8349B4B0-C638-4CCD-B2A5-2119F04899C4}" srcOrd="2" destOrd="0" presId="urn:microsoft.com/office/officeart/2005/8/layout/default"/>
    <dgm:cxn modelId="{9613E755-B960-4CD7-B1F4-E3C80F0B083E}" type="presParOf" srcId="{D664D92B-4F66-4A2C-86A7-19A1DD1FA32C}" destId="{77207BC7-2CFE-4450-AB70-588C1309644C}" srcOrd="3" destOrd="0" presId="urn:microsoft.com/office/officeart/2005/8/layout/default"/>
    <dgm:cxn modelId="{32007420-5884-4A22-9C97-D59ED2E2E5D8}" type="presParOf" srcId="{D664D92B-4F66-4A2C-86A7-19A1DD1FA32C}" destId="{15281B01-8F05-4FA9-BFFC-3EDE1C9E6177}" srcOrd="4" destOrd="0" presId="urn:microsoft.com/office/officeart/2005/8/layout/default"/>
    <dgm:cxn modelId="{F7EACB56-23F3-4FE3-8127-AD308F7CC497}" type="presParOf" srcId="{D664D92B-4F66-4A2C-86A7-19A1DD1FA32C}" destId="{30B1619E-5B25-4D1D-806D-1424B6F71A53}" srcOrd="5" destOrd="0" presId="urn:microsoft.com/office/officeart/2005/8/layout/default"/>
    <dgm:cxn modelId="{DB0F36A6-5446-424E-9450-B20C252DBE07}" type="presParOf" srcId="{D664D92B-4F66-4A2C-86A7-19A1DD1FA32C}" destId="{D9E42536-4444-4359-8AAE-7D8422552913}" srcOrd="6" destOrd="0" presId="urn:microsoft.com/office/officeart/2005/8/layout/default"/>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ata13.xml><?xml version="1.0" encoding="utf-8"?>
<dgm:dataModel xmlns:dgm="http://schemas.openxmlformats.org/drawingml/2006/diagram" xmlns:a="http://schemas.openxmlformats.org/drawingml/2006/main">
  <dgm:ptLst>
    <dgm:pt modelId="{350691EF-0177-44A2-95B0-22DB7B5AED59}" type="doc">
      <dgm:prSet loTypeId="urn:microsoft.com/office/officeart/2005/8/layout/default" loCatId="list" qsTypeId="urn:microsoft.com/office/officeart/2005/8/quickstyle/simple1" qsCatId="simple" csTypeId="urn:microsoft.com/office/officeart/2005/8/colors/accent1_2" csCatId="accent1" phldr="1"/>
      <dgm:spPr/>
      <dgm:t>
        <a:bodyPr/>
        <a:lstStyle/>
        <a:p>
          <a:pPr rtl="1"/>
          <a:endParaRPr lang="he-IL"/>
        </a:p>
      </dgm:t>
    </dgm:pt>
    <dgm:pt modelId="{08236C7E-FDD8-44F4-B576-B2A5CC1E66E5}">
      <dgm:prSet phldrT="[טקסט]" custT="1"/>
      <dgm:spPr>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dgm:spPr>
      <dgm:t>
        <a:bodyPr/>
        <a:lstStyle/>
        <a:p>
          <a:pPr rtl="1"/>
          <a:endParaRPr lang="he-IL" sz="2800" dirty="0" smtClean="0">
            <a:latin typeface="Narkisim" panose="020E0502050101010101" pitchFamily="34" charset="-79"/>
            <a:cs typeface="Narkisim" panose="020E0502050101010101" pitchFamily="34" charset="-79"/>
          </a:endParaRPr>
        </a:p>
        <a:p>
          <a:pPr rtl="1"/>
          <a:endParaRPr lang="he-IL" sz="2800" dirty="0" smtClean="0">
            <a:latin typeface="Narkisim" panose="020E0502050101010101" pitchFamily="34" charset="-79"/>
            <a:cs typeface="Narkisim" panose="020E0502050101010101" pitchFamily="34" charset="-79"/>
          </a:endParaRPr>
        </a:p>
        <a:p>
          <a:pPr rtl="1"/>
          <a:r>
            <a:rPr lang="he-IL" sz="2800" dirty="0" smtClean="0">
              <a:latin typeface="Narkisim" panose="020E0502050101010101" pitchFamily="34" charset="-79"/>
              <a:cs typeface="Narkisim" panose="020E0502050101010101" pitchFamily="34" charset="-79"/>
            </a:rPr>
            <a:t>"ניהול הסכסוך"</a:t>
          </a:r>
        </a:p>
        <a:p>
          <a:pPr rtl="1"/>
          <a:r>
            <a:rPr lang="he-IL" sz="2800" dirty="0" smtClean="0">
              <a:latin typeface="Narkisim" panose="020E0502050101010101" pitchFamily="34" charset="-79"/>
              <a:cs typeface="Narkisim" panose="020E0502050101010101" pitchFamily="34" charset="-79"/>
            </a:rPr>
            <a:t>"אין פרטנר"</a:t>
          </a:r>
        </a:p>
        <a:p>
          <a:pPr rtl="1"/>
          <a:r>
            <a:rPr lang="he-IL" sz="2800" dirty="0" smtClean="0">
              <a:latin typeface="Narkisim" panose="020E0502050101010101" pitchFamily="34" charset="-79"/>
              <a:cs typeface="Narkisim" panose="020E0502050101010101" pitchFamily="34" charset="-79"/>
            </a:rPr>
            <a:t>"בין הסדר למשבר" </a:t>
          </a:r>
        </a:p>
        <a:p>
          <a:pPr rtl="1"/>
          <a:endParaRPr lang="he-IL" sz="2800" dirty="0">
            <a:latin typeface="Narkisim" panose="020E0502050101010101" pitchFamily="34" charset="-79"/>
            <a:cs typeface="Narkisim" panose="020E0502050101010101" pitchFamily="34" charset="-79"/>
          </a:endParaRPr>
        </a:p>
      </dgm:t>
    </dgm:pt>
    <dgm:pt modelId="{6BA9DE3A-2727-4802-94EE-4FB5B080F0BA}" type="parTrans" cxnId="{7DDABFE3-B938-4B8A-813D-5BAC6F00D6C5}">
      <dgm:prSet/>
      <dgm:spPr/>
      <dgm:t>
        <a:bodyPr/>
        <a:lstStyle/>
        <a:p>
          <a:pPr rtl="1"/>
          <a:endParaRPr lang="he-IL" sz="2800">
            <a:latin typeface="Narkisim" panose="020E0502050101010101" pitchFamily="34" charset="-79"/>
            <a:cs typeface="Narkisim" panose="020E0502050101010101" pitchFamily="34" charset="-79"/>
          </a:endParaRPr>
        </a:p>
      </dgm:t>
    </dgm:pt>
    <dgm:pt modelId="{AAE19FBB-3F29-4C4F-BD27-18AE0CAA5FDA}" type="sibTrans" cxnId="{7DDABFE3-B938-4B8A-813D-5BAC6F00D6C5}">
      <dgm:prSet/>
      <dgm:spPr/>
      <dgm:t>
        <a:bodyPr/>
        <a:lstStyle/>
        <a:p>
          <a:pPr rtl="1"/>
          <a:endParaRPr lang="he-IL" sz="2800">
            <a:latin typeface="Narkisim" panose="020E0502050101010101" pitchFamily="34" charset="-79"/>
            <a:cs typeface="Narkisim" panose="020E0502050101010101" pitchFamily="34" charset="-79"/>
          </a:endParaRPr>
        </a:p>
      </dgm:t>
    </dgm:pt>
    <dgm:pt modelId="{A1A0822B-A455-486A-A428-E42F9B403CE0}">
      <dgm:prSet phldrT="[טקסט]" custT="1"/>
      <dgm:spPr>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dgm:spPr>
      <dgm:t>
        <a:bodyPr/>
        <a:lstStyle/>
        <a:p>
          <a:pPr rtl="1"/>
          <a:endParaRPr lang="he-IL" sz="2800" dirty="0" smtClean="0">
            <a:latin typeface="Narkisim" panose="020E0502050101010101" pitchFamily="34" charset="-79"/>
            <a:cs typeface="Narkisim" panose="020E0502050101010101" pitchFamily="34" charset="-79"/>
          </a:endParaRPr>
        </a:p>
        <a:p>
          <a:pPr rtl="1"/>
          <a:r>
            <a:rPr lang="he-IL" sz="2400" dirty="0" smtClean="0">
              <a:latin typeface="Narkisim" panose="020E0502050101010101" pitchFamily="34" charset="-79"/>
              <a:cs typeface="Narkisim" panose="020E0502050101010101" pitchFamily="34" charset="-79"/>
            </a:rPr>
            <a:t>"זירה ישראלית משנית"</a:t>
          </a:r>
        </a:p>
        <a:p>
          <a:pPr rtl="1"/>
          <a:r>
            <a:rPr lang="he-IL" sz="2400" dirty="0" smtClean="0">
              <a:latin typeface="Narkisim" panose="020E0502050101010101" pitchFamily="34" charset="-79"/>
              <a:cs typeface="Narkisim" panose="020E0502050101010101" pitchFamily="34" charset="-79"/>
            </a:rPr>
            <a:t>"הכיבוש" </a:t>
          </a:r>
        </a:p>
        <a:p>
          <a:pPr rtl="1"/>
          <a:r>
            <a:rPr lang="he-IL" sz="2400" dirty="0" smtClean="0">
              <a:latin typeface="Narkisim" panose="020E0502050101010101" pitchFamily="34" charset="-79"/>
              <a:cs typeface="Narkisim" panose="020E0502050101010101" pitchFamily="34" charset="-79"/>
            </a:rPr>
            <a:t>ומעמד ישראל באזור, בעולם ובארה"ב </a:t>
          </a:r>
        </a:p>
      </dgm:t>
    </dgm:pt>
    <dgm:pt modelId="{FF94D43D-1542-40FF-AB28-DC7C06075D84}" type="parTrans" cxnId="{58F94BBF-072D-4395-90BD-18DB4CF0F644}">
      <dgm:prSet/>
      <dgm:spPr/>
      <dgm:t>
        <a:bodyPr/>
        <a:lstStyle/>
        <a:p>
          <a:pPr rtl="1"/>
          <a:endParaRPr lang="he-IL" sz="2800">
            <a:latin typeface="Narkisim" panose="020E0502050101010101" pitchFamily="34" charset="-79"/>
            <a:cs typeface="Narkisim" panose="020E0502050101010101" pitchFamily="34" charset="-79"/>
          </a:endParaRPr>
        </a:p>
      </dgm:t>
    </dgm:pt>
    <dgm:pt modelId="{6157D846-FE53-4280-B767-DEEA9CCB0680}" type="sibTrans" cxnId="{58F94BBF-072D-4395-90BD-18DB4CF0F644}">
      <dgm:prSet/>
      <dgm:spPr/>
      <dgm:t>
        <a:bodyPr/>
        <a:lstStyle/>
        <a:p>
          <a:pPr rtl="1"/>
          <a:endParaRPr lang="he-IL" sz="2800">
            <a:latin typeface="Narkisim" panose="020E0502050101010101" pitchFamily="34" charset="-79"/>
            <a:cs typeface="Narkisim" panose="020E0502050101010101" pitchFamily="34" charset="-79"/>
          </a:endParaRPr>
        </a:p>
      </dgm:t>
    </dgm:pt>
    <dgm:pt modelId="{D61BDC35-AFA3-466F-89F6-BD43D3D2E101}">
      <dgm:prSet phldrT="[טקסט]" custT="1"/>
      <dgm:spPr>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dgm:spPr>
      <dgm:t>
        <a:bodyPr/>
        <a:lstStyle/>
        <a:p>
          <a:pPr rtl="1"/>
          <a:r>
            <a:rPr lang="he-IL" sz="2400" dirty="0" smtClean="0">
              <a:latin typeface="Narkisim" panose="020E0502050101010101" pitchFamily="34" charset="-79"/>
              <a:cs typeface="Narkisim" panose="020E0502050101010101" pitchFamily="34" charset="-79"/>
            </a:rPr>
            <a:t>"ירושלים מאוחדת" </a:t>
          </a:r>
        </a:p>
        <a:p>
          <a:pPr rtl="1"/>
          <a:r>
            <a:rPr lang="he-IL" sz="2400" dirty="0" smtClean="0">
              <a:latin typeface="Narkisim" panose="020E0502050101010101" pitchFamily="34" charset="-79"/>
              <a:cs typeface="Narkisim" panose="020E0502050101010101" pitchFamily="34" charset="-79"/>
            </a:rPr>
            <a:t>ערביי ישראל</a:t>
          </a:r>
        </a:p>
        <a:p>
          <a:pPr rtl="1"/>
          <a:r>
            <a:rPr lang="he-IL" sz="2400" dirty="0" smtClean="0">
              <a:latin typeface="Narkisim" panose="020E0502050101010101" pitchFamily="34" charset="-79"/>
              <a:cs typeface="Narkisim" panose="020E0502050101010101" pitchFamily="34" charset="-79"/>
            </a:rPr>
            <a:t>ישראל רוצה להיות </a:t>
          </a:r>
        </a:p>
        <a:p>
          <a:pPr rtl="1"/>
          <a:r>
            <a:rPr lang="he-IL" sz="2400" dirty="0" smtClean="0">
              <a:latin typeface="Narkisim" panose="020E0502050101010101" pitchFamily="34" charset="-79"/>
              <a:cs typeface="Narkisim" panose="020E0502050101010101" pitchFamily="34" charset="-79"/>
            </a:rPr>
            <a:t>יהודית ודמוקרטית</a:t>
          </a:r>
          <a:endParaRPr lang="he-IL" sz="2400" dirty="0">
            <a:latin typeface="Narkisim" panose="020E0502050101010101" pitchFamily="34" charset="-79"/>
            <a:cs typeface="Narkisim" panose="020E0502050101010101" pitchFamily="34" charset="-79"/>
          </a:endParaRPr>
        </a:p>
      </dgm:t>
    </dgm:pt>
    <dgm:pt modelId="{CC32BACD-C313-48B1-9511-3298F04D0EB7}" type="parTrans" cxnId="{E90867BF-CE22-4A3D-9E52-6F25973A3101}">
      <dgm:prSet/>
      <dgm:spPr/>
      <dgm:t>
        <a:bodyPr/>
        <a:lstStyle/>
        <a:p>
          <a:pPr rtl="1"/>
          <a:endParaRPr lang="he-IL" sz="2800">
            <a:latin typeface="Narkisim" panose="020E0502050101010101" pitchFamily="34" charset="-79"/>
            <a:cs typeface="Narkisim" panose="020E0502050101010101" pitchFamily="34" charset="-79"/>
          </a:endParaRPr>
        </a:p>
      </dgm:t>
    </dgm:pt>
    <dgm:pt modelId="{874BD8AC-3A53-4E9D-86AB-B13488D0305D}" type="sibTrans" cxnId="{E90867BF-CE22-4A3D-9E52-6F25973A3101}">
      <dgm:prSet/>
      <dgm:spPr/>
      <dgm:t>
        <a:bodyPr/>
        <a:lstStyle/>
        <a:p>
          <a:pPr rtl="1"/>
          <a:endParaRPr lang="he-IL" sz="2800">
            <a:latin typeface="Narkisim" panose="020E0502050101010101" pitchFamily="34" charset="-79"/>
            <a:cs typeface="Narkisim" panose="020E0502050101010101" pitchFamily="34" charset="-79"/>
          </a:endParaRPr>
        </a:p>
      </dgm:t>
    </dgm:pt>
    <dgm:pt modelId="{7F67D716-2F41-4CD0-8E83-230ABCDBAE4E}">
      <dgm:prSet phldrT="[טקסט]" custT="1"/>
      <dgm:spPr>
        <a:solidFill>
          <a:srgbClr val="00206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dgm:spPr>
      <dgm:t>
        <a:bodyPr/>
        <a:lstStyle/>
        <a:p>
          <a:pPr rtl="1"/>
          <a:r>
            <a:rPr lang="he-IL" sz="2800" dirty="0" smtClean="0">
              <a:latin typeface="Narkisim" panose="020E0502050101010101" pitchFamily="34" charset="-79"/>
              <a:cs typeface="Narkisim" panose="020E0502050101010101" pitchFamily="34" charset="-79"/>
            </a:rPr>
            <a:t>"הבידול והפיוס"</a:t>
          </a:r>
        </a:p>
        <a:p>
          <a:pPr rtl="1"/>
          <a:r>
            <a:rPr lang="he-IL" sz="2800" dirty="0" smtClean="0">
              <a:latin typeface="Narkisim" panose="020E0502050101010101" pitchFamily="34" charset="-79"/>
              <a:cs typeface="Narkisim" panose="020E0502050101010101" pitchFamily="34" charset="-79"/>
            </a:rPr>
            <a:t>"מרקם החיים"</a:t>
          </a:r>
        </a:p>
        <a:p>
          <a:pPr rtl="1"/>
          <a:r>
            <a:rPr lang="he-IL" sz="2800" dirty="0" smtClean="0">
              <a:latin typeface="Narkisim" panose="020E0502050101010101" pitchFamily="34" charset="-79"/>
              <a:cs typeface="Narkisim" panose="020E0502050101010101" pitchFamily="34" charset="-79"/>
            </a:rPr>
            <a:t>"כתובת מוחלשת"</a:t>
          </a:r>
        </a:p>
        <a:p>
          <a:pPr rtl="1"/>
          <a:r>
            <a:rPr lang="he-IL" sz="2800" dirty="0" smtClean="0">
              <a:latin typeface="Narkisim" panose="020E0502050101010101" pitchFamily="34" charset="-79"/>
              <a:cs typeface="Narkisim" panose="020E0502050101010101" pitchFamily="34" charset="-79"/>
            </a:rPr>
            <a:t>"עזה תחילה" או בסוף</a:t>
          </a:r>
        </a:p>
      </dgm:t>
    </dgm:pt>
    <dgm:pt modelId="{B03036CF-F1B7-47E3-88D7-5105E47D9D6E}" type="parTrans" cxnId="{F08B880E-AEC1-4E98-8ECE-ECEC21798531}">
      <dgm:prSet/>
      <dgm:spPr/>
      <dgm:t>
        <a:bodyPr/>
        <a:lstStyle/>
        <a:p>
          <a:pPr rtl="1"/>
          <a:endParaRPr lang="he-IL" sz="2800">
            <a:latin typeface="Narkisim" panose="020E0502050101010101" pitchFamily="34" charset="-79"/>
            <a:cs typeface="Narkisim" panose="020E0502050101010101" pitchFamily="34" charset="-79"/>
          </a:endParaRPr>
        </a:p>
      </dgm:t>
    </dgm:pt>
    <dgm:pt modelId="{430E2D68-94C8-4D6C-BFF0-7BC019E987F3}" type="sibTrans" cxnId="{F08B880E-AEC1-4E98-8ECE-ECEC21798531}">
      <dgm:prSet/>
      <dgm:spPr/>
      <dgm:t>
        <a:bodyPr/>
        <a:lstStyle/>
        <a:p>
          <a:pPr rtl="1"/>
          <a:endParaRPr lang="he-IL" sz="2800">
            <a:latin typeface="Narkisim" panose="020E0502050101010101" pitchFamily="34" charset="-79"/>
            <a:cs typeface="Narkisim" panose="020E0502050101010101" pitchFamily="34" charset="-79"/>
          </a:endParaRPr>
        </a:p>
      </dgm:t>
    </dgm:pt>
    <dgm:pt modelId="{D664D92B-4F66-4A2C-86A7-19A1DD1FA32C}" type="pres">
      <dgm:prSet presAssocID="{350691EF-0177-44A2-95B0-22DB7B5AED59}" presName="diagram" presStyleCnt="0">
        <dgm:presLayoutVars>
          <dgm:dir/>
          <dgm:resizeHandles val="exact"/>
        </dgm:presLayoutVars>
      </dgm:prSet>
      <dgm:spPr/>
      <dgm:t>
        <a:bodyPr/>
        <a:lstStyle/>
        <a:p>
          <a:pPr rtl="1"/>
          <a:endParaRPr lang="he-IL"/>
        </a:p>
      </dgm:t>
    </dgm:pt>
    <dgm:pt modelId="{EC2A0EE4-3ACA-49BC-BA39-7EBAA763F96E}" type="pres">
      <dgm:prSet presAssocID="{08236C7E-FDD8-44F4-B576-B2A5CC1E66E5}" presName="node" presStyleLbl="node1" presStyleIdx="0" presStyleCnt="4" custScaleX="82670" custScaleY="92603" custLinFactNeighborX="-13419" custLinFactNeighborY="-558">
        <dgm:presLayoutVars>
          <dgm:bulletEnabled val="1"/>
        </dgm:presLayoutVars>
      </dgm:prSet>
      <dgm:spPr/>
      <dgm:t>
        <a:bodyPr/>
        <a:lstStyle/>
        <a:p>
          <a:pPr rtl="1"/>
          <a:endParaRPr lang="he-IL"/>
        </a:p>
      </dgm:t>
    </dgm:pt>
    <dgm:pt modelId="{21E9F0F8-4825-4604-BA63-B211F974EB45}" type="pres">
      <dgm:prSet presAssocID="{AAE19FBB-3F29-4C4F-BD27-18AE0CAA5FDA}" presName="sibTrans" presStyleCnt="0"/>
      <dgm:spPr/>
      <dgm:t>
        <a:bodyPr/>
        <a:lstStyle/>
        <a:p>
          <a:pPr rtl="1"/>
          <a:endParaRPr lang="he-IL"/>
        </a:p>
      </dgm:t>
    </dgm:pt>
    <dgm:pt modelId="{8349B4B0-C638-4CCD-B2A5-2119F04899C4}" type="pres">
      <dgm:prSet presAssocID="{A1A0822B-A455-486A-A428-E42F9B403CE0}" presName="node" presStyleLbl="node1" presStyleIdx="1" presStyleCnt="4" custScaleX="68014" custScaleY="93635" custLinFactNeighborX="13419" custLinFactNeighborY="-42">
        <dgm:presLayoutVars>
          <dgm:bulletEnabled val="1"/>
        </dgm:presLayoutVars>
      </dgm:prSet>
      <dgm:spPr/>
      <dgm:t>
        <a:bodyPr/>
        <a:lstStyle/>
        <a:p>
          <a:pPr rtl="1"/>
          <a:endParaRPr lang="he-IL"/>
        </a:p>
      </dgm:t>
    </dgm:pt>
    <dgm:pt modelId="{77207BC7-2CFE-4450-AB70-588C1309644C}" type="pres">
      <dgm:prSet presAssocID="{6157D846-FE53-4280-B767-DEEA9CCB0680}" presName="sibTrans" presStyleCnt="0"/>
      <dgm:spPr/>
      <dgm:t>
        <a:bodyPr/>
        <a:lstStyle/>
        <a:p>
          <a:pPr rtl="1"/>
          <a:endParaRPr lang="he-IL"/>
        </a:p>
      </dgm:t>
    </dgm:pt>
    <dgm:pt modelId="{15281B01-8F05-4FA9-BFFC-3EDE1C9E6177}" type="pres">
      <dgm:prSet presAssocID="{D61BDC35-AFA3-466F-89F6-BD43D3D2E101}" presName="node" presStyleLbl="node1" presStyleIdx="2" presStyleCnt="4" custScaleX="71231" custScaleY="115645">
        <dgm:presLayoutVars>
          <dgm:bulletEnabled val="1"/>
        </dgm:presLayoutVars>
      </dgm:prSet>
      <dgm:spPr/>
      <dgm:t>
        <a:bodyPr/>
        <a:lstStyle/>
        <a:p>
          <a:pPr rtl="1"/>
          <a:endParaRPr lang="he-IL"/>
        </a:p>
      </dgm:t>
    </dgm:pt>
    <dgm:pt modelId="{30B1619E-5B25-4D1D-806D-1424B6F71A53}" type="pres">
      <dgm:prSet presAssocID="{874BD8AC-3A53-4E9D-86AB-B13488D0305D}" presName="sibTrans" presStyleCnt="0"/>
      <dgm:spPr/>
      <dgm:t>
        <a:bodyPr/>
        <a:lstStyle/>
        <a:p>
          <a:pPr rtl="1"/>
          <a:endParaRPr lang="he-IL"/>
        </a:p>
      </dgm:t>
    </dgm:pt>
    <dgm:pt modelId="{D9E42536-4444-4359-8AAE-7D8422552913}" type="pres">
      <dgm:prSet presAssocID="{7F67D716-2F41-4CD0-8E83-230ABCDBAE4E}" presName="node" presStyleLbl="node1" presStyleIdx="3" presStyleCnt="4">
        <dgm:presLayoutVars>
          <dgm:bulletEnabled val="1"/>
        </dgm:presLayoutVars>
      </dgm:prSet>
      <dgm:spPr/>
      <dgm:t>
        <a:bodyPr/>
        <a:lstStyle/>
        <a:p>
          <a:pPr rtl="1"/>
          <a:endParaRPr lang="he-IL"/>
        </a:p>
      </dgm:t>
    </dgm:pt>
  </dgm:ptLst>
  <dgm:cxnLst>
    <dgm:cxn modelId="{E90867BF-CE22-4A3D-9E52-6F25973A3101}" srcId="{350691EF-0177-44A2-95B0-22DB7B5AED59}" destId="{D61BDC35-AFA3-466F-89F6-BD43D3D2E101}" srcOrd="2" destOrd="0" parTransId="{CC32BACD-C313-48B1-9511-3298F04D0EB7}" sibTransId="{874BD8AC-3A53-4E9D-86AB-B13488D0305D}"/>
    <dgm:cxn modelId="{F08B880E-AEC1-4E98-8ECE-ECEC21798531}" srcId="{350691EF-0177-44A2-95B0-22DB7B5AED59}" destId="{7F67D716-2F41-4CD0-8E83-230ABCDBAE4E}" srcOrd="3" destOrd="0" parTransId="{B03036CF-F1B7-47E3-88D7-5105E47D9D6E}" sibTransId="{430E2D68-94C8-4D6C-BFF0-7BC019E987F3}"/>
    <dgm:cxn modelId="{5F0DDBAC-58FF-4149-AA43-2AC352728BF4}" type="presOf" srcId="{08236C7E-FDD8-44F4-B576-B2A5CC1E66E5}" destId="{EC2A0EE4-3ACA-49BC-BA39-7EBAA763F96E}" srcOrd="0" destOrd="0" presId="urn:microsoft.com/office/officeart/2005/8/layout/default"/>
    <dgm:cxn modelId="{7DDABFE3-B938-4B8A-813D-5BAC6F00D6C5}" srcId="{350691EF-0177-44A2-95B0-22DB7B5AED59}" destId="{08236C7E-FDD8-44F4-B576-B2A5CC1E66E5}" srcOrd="0" destOrd="0" parTransId="{6BA9DE3A-2727-4802-94EE-4FB5B080F0BA}" sibTransId="{AAE19FBB-3F29-4C4F-BD27-18AE0CAA5FDA}"/>
    <dgm:cxn modelId="{57D71C7E-0FE9-4921-B397-AFD166509BFA}" type="presOf" srcId="{D61BDC35-AFA3-466F-89F6-BD43D3D2E101}" destId="{15281B01-8F05-4FA9-BFFC-3EDE1C9E6177}" srcOrd="0" destOrd="0" presId="urn:microsoft.com/office/officeart/2005/8/layout/default"/>
    <dgm:cxn modelId="{58F94BBF-072D-4395-90BD-18DB4CF0F644}" srcId="{350691EF-0177-44A2-95B0-22DB7B5AED59}" destId="{A1A0822B-A455-486A-A428-E42F9B403CE0}" srcOrd="1" destOrd="0" parTransId="{FF94D43D-1542-40FF-AB28-DC7C06075D84}" sibTransId="{6157D846-FE53-4280-B767-DEEA9CCB0680}"/>
    <dgm:cxn modelId="{17A07294-D241-44E3-BDCA-75108A970173}" type="presOf" srcId="{7F67D716-2F41-4CD0-8E83-230ABCDBAE4E}" destId="{D9E42536-4444-4359-8AAE-7D8422552913}" srcOrd="0" destOrd="0" presId="urn:microsoft.com/office/officeart/2005/8/layout/default"/>
    <dgm:cxn modelId="{C3139003-70D2-40D0-A6B4-8C05B7E2CF32}" type="presOf" srcId="{A1A0822B-A455-486A-A428-E42F9B403CE0}" destId="{8349B4B0-C638-4CCD-B2A5-2119F04899C4}" srcOrd="0" destOrd="0" presId="urn:microsoft.com/office/officeart/2005/8/layout/default"/>
    <dgm:cxn modelId="{1121C737-D149-4A00-B14A-8E30F5073B24}" type="presOf" srcId="{350691EF-0177-44A2-95B0-22DB7B5AED59}" destId="{D664D92B-4F66-4A2C-86A7-19A1DD1FA32C}" srcOrd="0" destOrd="0" presId="urn:microsoft.com/office/officeart/2005/8/layout/default"/>
    <dgm:cxn modelId="{706473C8-0319-41A3-88F3-4429541DA438}" type="presParOf" srcId="{D664D92B-4F66-4A2C-86A7-19A1DD1FA32C}" destId="{EC2A0EE4-3ACA-49BC-BA39-7EBAA763F96E}" srcOrd="0" destOrd="0" presId="urn:microsoft.com/office/officeart/2005/8/layout/default"/>
    <dgm:cxn modelId="{25F7BD96-D940-4577-955D-FE36B4915ED2}" type="presParOf" srcId="{D664D92B-4F66-4A2C-86A7-19A1DD1FA32C}" destId="{21E9F0F8-4825-4604-BA63-B211F974EB45}" srcOrd="1" destOrd="0" presId="urn:microsoft.com/office/officeart/2005/8/layout/default"/>
    <dgm:cxn modelId="{8176D489-BF26-453C-93D0-F4620B52ECCB}" type="presParOf" srcId="{D664D92B-4F66-4A2C-86A7-19A1DD1FA32C}" destId="{8349B4B0-C638-4CCD-B2A5-2119F04899C4}" srcOrd="2" destOrd="0" presId="urn:microsoft.com/office/officeart/2005/8/layout/default"/>
    <dgm:cxn modelId="{D897AEC5-04D3-4500-9A6B-95BDD18AC41F}" type="presParOf" srcId="{D664D92B-4F66-4A2C-86A7-19A1DD1FA32C}" destId="{77207BC7-2CFE-4450-AB70-588C1309644C}" srcOrd="3" destOrd="0" presId="urn:microsoft.com/office/officeart/2005/8/layout/default"/>
    <dgm:cxn modelId="{BF08E951-89E6-41CC-ADCF-A121AE5FFAB3}" type="presParOf" srcId="{D664D92B-4F66-4A2C-86A7-19A1DD1FA32C}" destId="{15281B01-8F05-4FA9-BFFC-3EDE1C9E6177}" srcOrd="4" destOrd="0" presId="urn:microsoft.com/office/officeart/2005/8/layout/default"/>
    <dgm:cxn modelId="{B33A66DB-0D1E-4CEF-BC8D-7DC7EE6C3A49}" type="presParOf" srcId="{D664D92B-4F66-4A2C-86A7-19A1DD1FA32C}" destId="{30B1619E-5B25-4D1D-806D-1424B6F71A53}" srcOrd="5" destOrd="0" presId="urn:microsoft.com/office/officeart/2005/8/layout/default"/>
    <dgm:cxn modelId="{2953A62C-C7A6-46CC-871C-2604AC84743B}" type="presParOf" srcId="{D664D92B-4F66-4A2C-86A7-19A1DD1FA32C}" destId="{D9E42536-4444-4359-8AAE-7D8422552913}" srcOrd="6" destOrd="0" presId="urn:microsoft.com/office/officeart/2005/8/layout/default"/>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22D9774F-D8DC-4DFB-ACAA-61B3F7050D4B}" type="doc">
      <dgm:prSet loTypeId="urn:microsoft.com/office/officeart/2005/8/layout/hProcess11" loCatId="process" qsTypeId="urn:microsoft.com/office/officeart/2005/8/quickstyle/simple1" qsCatId="simple" csTypeId="urn:microsoft.com/office/officeart/2005/8/colors/accent1_2" csCatId="accent1" phldr="1"/>
      <dgm:spPr/>
      <dgm:t>
        <a:bodyPr/>
        <a:lstStyle/>
        <a:p>
          <a:pPr rtl="1"/>
          <a:endParaRPr lang="he-IL"/>
        </a:p>
      </dgm:t>
    </dgm:pt>
    <dgm:pt modelId="{F82A7C1D-0750-4AA3-9003-940E3973D274}">
      <dgm:prSet phldrT="[טקסט]"/>
      <dgm:spPr/>
      <dgm:t>
        <a:bodyPr/>
        <a:lstStyle/>
        <a:p>
          <a:pPr rtl="1"/>
          <a:r>
            <a:rPr lang="he-IL" dirty="0" smtClean="0"/>
            <a:t>קורס מודיעין</a:t>
          </a:r>
          <a:endParaRPr lang="he-IL" dirty="0"/>
        </a:p>
      </dgm:t>
    </dgm:pt>
    <dgm:pt modelId="{65B4BBAB-511F-467B-BC7F-3E5CB1DC237C}" type="parTrans" cxnId="{94516CB3-0B3F-4CD8-AB2C-7C30FD88CAF0}">
      <dgm:prSet/>
      <dgm:spPr/>
      <dgm:t>
        <a:bodyPr/>
        <a:lstStyle/>
        <a:p>
          <a:pPr rtl="1"/>
          <a:endParaRPr lang="he-IL"/>
        </a:p>
      </dgm:t>
    </dgm:pt>
    <dgm:pt modelId="{FE420BB9-BB5E-461C-B5E6-94377028F987}" type="sibTrans" cxnId="{94516CB3-0B3F-4CD8-AB2C-7C30FD88CAF0}">
      <dgm:prSet/>
      <dgm:spPr/>
      <dgm:t>
        <a:bodyPr/>
        <a:lstStyle/>
        <a:p>
          <a:pPr rtl="1"/>
          <a:endParaRPr lang="he-IL"/>
        </a:p>
      </dgm:t>
    </dgm:pt>
    <dgm:pt modelId="{6C740251-3E5B-4200-9247-40FB92E50910}">
      <dgm:prSet phldrT="[טקסט]"/>
      <dgm:spPr/>
      <dgm:t>
        <a:bodyPr/>
        <a:lstStyle/>
        <a:p>
          <a:pPr rtl="1"/>
          <a:r>
            <a:rPr lang="he-IL" dirty="0" smtClean="0"/>
            <a:t>קורס </a:t>
          </a:r>
          <a:r>
            <a:rPr lang="he-IL" dirty="0" err="1" smtClean="0"/>
            <a:t>מז"ת</a:t>
          </a:r>
          <a:endParaRPr lang="he-IL" dirty="0"/>
        </a:p>
      </dgm:t>
    </dgm:pt>
    <dgm:pt modelId="{795ADCAA-A005-4E0E-AA9A-F24C3DA54A7A}" type="parTrans" cxnId="{0100FD41-01E9-4F24-A459-1DEB3FDF540B}">
      <dgm:prSet/>
      <dgm:spPr/>
      <dgm:t>
        <a:bodyPr/>
        <a:lstStyle/>
        <a:p>
          <a:pPr rtl="1"/>
          <a:endParaRPr lang="he-IL"/>
        </a:p>
      </dgm:t>
    </dgm:pt>
    <dgm:pt modelId="{A0703211-B1ED-497D-B67D-572D03C7F174}" type="sibTrans" cxnId="{0100FD41-01E9-4F24-A459-1DEB3FDF540B}">
      <dgm:prSet/>
      <dgm:spPr/>
      <dgm:t>
        <a:bodyPr/>
        <a:lstStyle/>
        <a:p>
          <a:pPr rtl="1"/>
          <a:endParaRPr lang="he-IL"/>
        </a:p>
      </dgm:t>
    </dgm:pt>
    <dgm:pt modelId="{E51B2254-B7E2-44A5-AFAE-AEB97995C593}">
      <dgm:prSet phldrT="[טקסט]"/>
      <dgm:spPr/>
      <dgm:t>
        <a:bodyPr/>
        <a:lstStyle/>
        <a:p>
          <a:pPr rtl="1"/>
          <a:r>
            <a:rPr lang="he-IL" dirty="0" smtClean="0"/>
            <a:t>ביקור </a:t>
          </a:r>
          <a:r>
            <a:rPr lang="he-IL" dirty="0" err="1" smtClean="0"/>
            <a:t>במשה"ח</a:t>
          </a:r>
          <a:endParaRPr lang="he-IL" dirty="0"/>
        </a:p>
      </dgm:t>
    </dgm:pt>
    <dgm:pt modelId="{3A52F5A8-4F1A-4E47-84FB-AD5B3B27766C}" type="parTrans" cxnId="{8E407B1B-7550-4A9D-83E4-D185F2F8B602}">
      <dgm:prSet/>
      <dgm:spPr/>
      <dgm:t>
        <a:bodyPr/>
        <a:lstStyle/>
        <a:p>
          <a:pPr rtl="1"/>
          <a:endParaRPr lang="he-IL"/>
        </a:p>
      </dgm:t>
    </dgm:pt>
    <dgm:pt modelId="{25359311-4F86-4B7B-AFEF-47116354EC31}" type="sibTrans" cxnId="{8E407B1B-7550-4A9D-83E4-D185F2F8B602}">
      <dgm:prSet/>
      <dgm:spPr/>
      <dgm:t>
        <a:bodyPr/>
        <a:lstStyle/>
        <a:p>
          <a:pPr rtl="1"/>
          <a:endParaRPr lang="he-IL"/>
        </a:p>
      </dgm:t>
    </dgm:pt>
    <dgm:pt modelId="{1CB9845C-59D6-4692-B3E2-20A173367E61}">
      <dgm:prSet phldrT="[טקסט]"/>
      <dgm:spPr/>
      <dgm:t>
        <a:bodyPr/>
        <a:lstStyle/>
        <a:p>
          <a:pPr rtl="1"/>
          <a:r>
            <a:rPr lang="he-IL" dirty="0" smtClean="0"/>
            <a:t>סדנת </a:t>
          </a:r>
          <a:r>
            <a:rPr lang="he-IL" dirty="0" err="1" smtClean="0"/>
            <a:t>מו"ם</a:t>
          </a:r>
          <a:r>
            <a:rPr lang="he-IL" dirty="0" smtClean="0"/>
            <a:t> 1-3/3</a:t>
          </a:r>
        </a:p>
      </dgm:t>
    </dgm:pt>
    <dgm:pt modelId="{6CEB2262-C928-4729-BA03-C475BCF18B8B}" type="parTrans" cxnId="{B3F7B4FB-8C1C-459A-829F-955F4A273812}">
      <dgm:prSet/>
      <dgm:spPr/>
      <dgm:t>
        <a:bodyPr/>
        <a:lstStyle/>
        <a:p>
          <a:pPr rtl="1"/>
          <a:endParaRPr lang="he-IL"/>
        </a:p>
      </dgm:t>
    </dgm:pt>
    <dgm:pt modelId="{63A45049-A5D5-42A8-87CA-907A42C78F47}" type="sibTrans" cxnId="{B3F7B4FB-8C1C-459A-829F-955F4A273812}">
      <dgm:prSet/>
      <dgm:spPr/>
      <dgm:t>
        <a:bodyPr/>
        <a:lstStyle/>
        <a:p>
          <a:pPr rtl="1"/>
          <a:endParaRPr lang="he-IL"/>
        </a:p>
      </dgm:t>
    </dgm:pt>
    <dgm:pt modelId="{6C0BC34E-A2AC-4385-A90F-61AA9CC89A18}">
      <dgm:prSet phldrT="[טקסט]"/>
      <dgm:spPr/>
      <dgm:t>
        <a:bodyPr/>
        <a:lstStyle/>
        <a:p>
          <a:pPr rtl="1"/>
          <a:endParaRPr lang="he-IL" dirty="0"/>
        </a:p>
      </dgm:t>
    </dgm:pt>
    <dgm:pt modelId="{BCE3FB1F-C419-442D-A300-D24518653669}" type="parTrans" cxnId="{C14C0E70-F81F-4977-B0A2-920F5CD9A2EE}">
      <dgm:prSet/>
      <dgm:spPr/>
      <dgm:t>
        <a:bodyPr/>
        <a:lstStyle/>
        <a:p>
          <a:pPr rtl="1"/>
          <a:endParaRPr lang="he-IL"/>
        </a:p>
      </dgm:t>
    </dgm:pt>
    <dgm:pt modelId="{C39DCD92-2746-483F-A78A-7B7AA0B669D2}" type="sibTrans" cxnId="{C14C0E70-F81F-4977-B0A2-920F5CD9A2EE}">
      <dgm:prSet/>
      <dgm:spPr/>
      <dgm:t>
        <a:bodyPr/>
        <a:lstStyle/>
        <a:p>
          <a:pPr rtl="1"/>
          <a:endParaRPr lang="he-IL"/>
        </a:p>
      </dgm:t>
    </dgm:pt>
    <dgm:pt modelId="{BC0C1C89-BA04-4F27-A001-DE3B352F44E7}">
      <dgm:prSet phldrT="[טקסט]" custT="1"/>
      <dgm:spPr/>
      <dgm:t>
        <a:bodyPr/>
        <a:lstStyle/>
        <a:p>
          <a:pPr rtl="1"/>
          <a:r>
            <a:rPr lang="he-IL" sz="1800" dirty="0" smtClean="0"/>
            <a:t>סיורי </a:t>
          </a:r>
          <a:r>
            <a:rPr lang="he-IL" sz="1800" dirty="0" err="1" smtClean="0"/>
            <a:t>בטל"מ</a:t>
          </a:r>
          <a:endParaRPr lang="he-IL" sz="1800" dirty="0"/>
        </a:p>
      </dgm:t>
    </dgm:pt>
    <dgm:pt modelId="{F92C3665-E4BB-4C3A-804E-098A32616D08}" type="parTrans" cxnId="{3E65CC26-9C44-4322-89F1-AEC268677C7D}">
      <dgm:prSet/>
      <dgm:spPr/>
      <dgm:t>
        <a:bodyPr/>
        <a:lstStyle/>
        <a:p>
          <a:pPr rtl="1"/>
          <a:endParaRPr lang="he-IL"/>
        </a:p>
      </dgm:t>
    </dgm:pt>
    <dgm:pt modelId="{5BDC8B9D-20DE-41DD-A7F8-AEAAB99B9463}" type="sibTrans" cxnId="{3E65CC26-9C44-4322-89F1-AEC268677C7D}">
      <dgm:prSet/>
      <dgm:spPr/>
      <dgm:t>
        <a:bodyPr/>
        <a:lstStyle/>
        <a:p>
          <a:pPr rtl="1"/>
          <a:endParaRPr lang="he-IL"/>
        </a:p>
      </dgm:t>
    </dgm:pt>
    <dgm:pt modelId="{D2DD0C95-2378-467A-A0D3-BD1E8BF13EA1}" type="pres">
      <dgm:prSet presAssocID="{22D9774F-D8DC-4DFB-ACAA-61B3F7050D4B}" presName="Name0" presStyleCnt="0">
        <dgm:presLayoutVars>
          <dgm:dir/>
          <dgm:resizeHandles val="exact"/>
        </dgm:presLayoutVars>
      </dgm:prSet>
      <dgm:spPr/>
      <dgm:t>
        <a:bodyPr/>
        <a:lstStyle/>
        <a:p>
          <a:pPr rtl="1"/>
          <a:endParaRPr lang="he-IL"/>
        </a:p>
      </dgm:t>
    </dgm:pt>
    <dgm:pt modelId="{0FFFBE4A-6652-4F87-8006-869213A758AC}" type="pres">
      <dgm:prSet presAssocID="{22D9774F-D8DC-4DFB-ACAA-61B3F7050D4B}" presName="arrow" presStyleLbl="bgShp" presStyleIdx="0" presStyleCnt="1" custLinFactY="99146" custLinFactNeighborX="-2596" custLinFactNeighborY="100000"/>
      <dgm:spPr/>
      <dgm:t>
        <a:bodyPr/>
        <a:lstStyle/>
        <a:p>
          <a:pPr rtl="1"/>
          <a:endParaRPr lang="he-IL"/>
        </a:p>
      </dgm:t>
    </dgm:pt>
    <dgm:pt modelId="{8E53DDD8-8632-440F-89AB-F5D97F506872}" type="pres">
      <dgm:prSet presAssocID="{22D9774F-D8DC-4DFB-ACAA-61B3F7050D4B}" presName="points" presStyleCnt="0"/>
      <dgm:spPr/>
    </dgm:pt>
    <dgm:pt modelId="{8C5A19A0-1343-47BC-86C4-865AEC415C92}" type="pres">
      <dgm:prSet presAssocID="{F82A7C1D-0750-4AA3-9003-940E3973D274}" presName="compositeA" presStyleCnt="0"/>
      <dgm:spPr/>
    </dgm:pt>
    <dgm:pt modelId="{C2313BE9-9F97-4575-B44A-1DA40AA15139}" type="pres">
      <dgm:prSet presAssocID="{F82A7C1D-0750-4AA3-9003-940E3973D274}" presName="textA" presStyleLbl="revTx" presStyleIdx="0" presStyleCnt="6" custScaleX="172364" custLinFactNeighborX="29112" custLinFactNeighborY="89213">
        <dgm:presLayoutVars>
          <dgm:bulletEnabled val="1"/>
        </dgm:presLayoutVars>
      </dgm:prSet>
      <dgm:spPr/>
      <dgm:t>
        <a:bodyPr/>
        <a:lstStyle/>
        <a:p>
          <a:pPr rtl="1"/>
          <a:endParaRPr lang="he-IL"/>
        </a:p>
      </dgm:t>
    </dgm:pt>
    <dgm:pt modelId="{A5A9C167-812C-4413-9DFC-7996CD81CB95}" type="pres">
      <dgm:prSet presAssocID="{F82A7C1D-0750-4AA3-9003-940E3973D274}" presName="circleA" presStyleLbl="node1" presStyleIdx="0" presStyleCnt="6" custLinFactX="42775" custLinFactY="118881" custLinFactNeighborX="100000" custLinFactNeighborY="200000"/>
      <dgm:spPr/>
    </dgm:pt>
    <dgm:pt modelId="{CAD2F78D-6854-4110-8206-FFAD72910BC6}" type="pres">
      <dgm:prSet presAssocID="{F82A7C1D-0750-4AA3-9003-940E3973D274}" presName="spaceA" presStyleCnt="0"/>
      <dgm:spPr/>
    </dgm:pt>
    <dgm:pt modelId="{D59DB497-73C6-46AF-AD39-D1721CD2C0B6}" type="pres">
      <dgm:prSet presAssocID="{FE420BB9-BB5E-461C-B5E6-94377028F987}" presName="space" presStyleCnt="0"/>
      <dgm:spPr/>
    </dgm:pt>
    <dgm:pt modelId="{8D9D8B56-67E1-4720-AE40-F21D87F2A50B}" type="pres">
      <dgm:prSet presAssocID="{6C740251-3E5B-4200-9247-40FB92E50910}" presName="compositeB" presStyleCnt="0"/>
      <dgm:spPr/>
    </dgm:pt>
    <dgm:pt modelId="{EC5DC4F4-70A6-4EF4-BE55-AB97F578926A}" type="pres">
      <dgm:prSet presAssocID="{6C740251-3E5B-4200-9247-40FB92E50910}" presName="textB" presStyleLbl="revTx" presStyleIdx="1" presStyleCnt="6" custScaleX="142037" custLinFactNeighborX="24167" custLinFactNeighborY="-23246">
        <dgm:presLayoutVars>
          <dgm:bulletEnabled val="1"/>
        </dgm:presLayoutVars>
      </dgm:prSet>
      <dgm:spPr/>
      <dgm:t>
        <a:bodyPr/>
        <a:lstStyle/>
        <a:p>
          <a:pPr rtl="1"/>
          <a:endParaRPr lang="he-IL"/>
        </a:p>
      </dgm:t>
    </dgm:pt>
    <dgm:pt modelId="{E9E74DD4-9D80-4F5B-B2E4-5C5A33F033CE}" type="pres">
      <dgm:prSet presAssocID="{6C740251-3E5B-4200-9247-40FB92E50910}" presName="circleB" presStyleLbl="node1" presStyleIdx="1" presStyleCnt="6" custLinFactX="22606" custLinFactY="128200" custLinFactNeighborX="100000" custLinFactNeighborY="200000"/>
      <dgm:spPr/>
    </dgm:pt>
    <dgm:pt modelId="{C03ECB09-0AF5-4938-ACE3-91F240A46E45}" type="pres">
      <dgm:prSet presAssocID="{6C740251-3E5B-4200-9247-40FB92E50910}" presName="spaceB" presStyleCnt="0"/>
      <dgm:spPr/>
    </dgm:pt>
    <dgm:pt modelId="{9609BE52-C599-437B-BEF9-3DB017EAEB46}" type="pres">
      <dgm:prSet presAssocID="{A0703211-B1ED-497D-B67D-572D03C7F174}" presName="space" presStyleCnt="0"/>
      <dgm:spPr/>
    </dgm:pt>
    <dgm:pt modelId="{C54C5418-3040-41F3-9782-3E8E7C29C5A1}" type="pres">
      <dgm:prSet presAssocID="{E51B2254-B7E2-44A5-AFAE-AEB97995C593}" presName="compositeA" presStyleCnt="0"/>
      <dgm:spPr/>
    </dgm:pt>
    <dgm:pt modelId="{286C3BAC-782A-4C7E-A921-D5569BA65DD9}" type="pres">
      <dgm:prSet presAssocID="{E51B2254-B7E2-44A5-AFAE-AEB97995C593}" presName="textA" presStyleLbl="revTx" presStyleIdx="2" presStyleCnt="6" custScaleX="149945" custLinFactNeighborX="19622" custLinFactNeighborY="89587">
        <dgm:presLayoutVars>
          <dgm:bulletEnabled val="1"/>
        </dgm:presLayoutVars>
      </dgm:prSet>
      <dgm:spPr/>
      <dgm:t>
        <a:bodyPr/>
        <a:lstStyle/>
        <a:p>
          <a:pPr rtl="1"/>
          <a:endParaRPr lang="he-IL"/>
        </a:p>
      </dgm:t>
    </dgm:pt>
    <dgm:pt modelId="{682FE366-C000-41C9-9EEB-B1F529CAD5C3}" type="pres">
      <dgm:prSet presAssocID="{E51B2254-B7E2-44A5-AFAE-AEB97995C593}" presName="circleA" presStyleLbl="node1" presStyleIdx="2" presStyleCnt="6" custLinFactY="106853" custLinFactNeighborX="79204" custLinFactNeighborY="200000"/>
      <dgm:spPr/>
      <dgm:t>
        <a:bodyPr/>
        <a:lstStyle/>
        <a:p>
          <a:pPr rtl="1"/>
          <a:endParaRPr lang="he-IL"/>
        </a:p>
      </dgm:t>
    </dgm:pt>
    <dgm:pt modelId="{D9D144D7-43A1-4FCA-BEB0-76262F2118B0}" type="pres">
      <dgm:prSet presAssocID="{E51B2254-B7E2-44A5-AFAE-AEB97995C593}" presName="spaceA" presStyleCnt="0"/>
      <dgm:spPr/>
    </dgm:pt>
    <dgm:pt modelId="{9647E923-59D0-4642-879E-07AD4207008A}" type="pres">
      <dgm:prSet presAssocID="{25359311-4F86-4B7B-AFEF-47116354EC31}" presName="space" presStyleCnt="0"/>
      <dgm:spPr/>
    </dgm:pt>
    <dgm:pt modelId="{DCDDC560-23D6-4D3E-BAD6-19B49680387E}" type="pres">
      <dgm:prSet presAssocID="{1CB9845C-59D6-4692-B3E2-20A173367E61}" presName="compositeB" presStyleCnt="0"/>
      <dgm:spPr/>
    </dgm:pt>
    <dgm:pt modelId="{280BF636-56C2-4D74-9CC3-B9E90F49E574}" type="pres">
      <dgm:prSet presAssocID="{1CB9845C-59D6-4692-B3E2-20A173367E61}" presName="textB" presStyleLbl="revTx" presStyleIdx="3" presStyleCnt="6" custScaleX="174762" custLinFactNeighborX="71271" custLinFactNeighborY="-22385">
        <dgm:presLayoutVars>
          <dgm:bulletEnabled val="1"/>
        </dgm:presLayoutVars>
      </dgm:prSet>
      <dgm:spPr/>
      <dgm:t>
        <a:bodyPr/>
        <a:lstStyle/>
        <a:p>
          <a:pPr rtl="1"/>
          <a:endParaRPr lang="he-IL"/>
        </a:p>
      </dgm:t>
    </dgm:pt>
    <dgm:pt modelId="{E76B3D1B-AAFE-465C-BFA5-BBBE20E5BFFB}" type="pres">
      <dgm:prSet presAssocID="{1CB9845C-59D6-4692-B3E2-20A173367E61}" presName="circleB" presStyleLbl="node1" presStyleIdx="3" presStyleCnt="6" custLinFactX="219877" custLinFactY="118132" custLinFactNeighborX="300000" custLinFactNeighborY="200000"/>
      <dgm:spPr/>
    </dgm:pt>
    <dgm:pt modelId="{074C7155-7647-4740-A8CD-0FC74C41F86E}" type="pres">
      <dgm:prSet presAssocID="{1CB9845C-59D6-4692-B3E2-20A173367E61}" presName="spaceB" presStyleCnt="0"/>
      <dgm:spPr/>
    </dgm:pt>
    <dgm:pt modelId="{F38FCA80-6474-4ADB-82B7-DA4C7EEFEA2A}" type="pres">
      <dgm:prSet presAssocID="{63A45049-A5D5-42A8-87CA-907A42C78F47}" presName="space" presStyleCnt="0"/>
      <dgm:spPr/>
    </dgm:pt>
    <dgm:pt modelId="{C86206EC-A795-488B-8C3A-74A18B619D28}" type="pres">
      <dgm:prSet presAssocID="{6C0BC34E-A2AC-4385-A90F-61AA9CC89A18}" presName="compositeA" presStyleCnt="0"/>
      <dgm:spPr/>
    </dgm:pt>
    <dgm:pt modelId="{A237C98D-5B85-420A-97A8-DC2EF16E949F}" type="pres">
      <dgm:prSet presAssocID="{6C0BC34E-A2AC-4385-A90F-61AA9CC89A18}" presName="textA" presStyleLbl="revTx" presStyleIdx="4" presStyleCnt="6">
        <dgm:presLayoutVars>
          <dgm:bulletEnabled val="1"/>
        </dgm:presLayoutVars>
      </dgm:prSet>
      <dgm:spPr/>
      <dgm:t>
        <a:bodyPr/>
        <a:lstStyle/>
        <a:p>
          <a:pPr rtl="1"/>
          <a:endParaRPr lang="he-IL"/>
        </a:p>
      </dgm:t>
    </dgm:pt>
    <dgm:pt modelId="{8D195FBB-886B-4612-B0C9-361404C1B53C}" type="pres">
      <dgm:prSet presAssocID="{6C0BC34E-A2AC-4385-A90F-61AA9CC89A18}" presName="circleA" presStyleLbl="node1" presStyleIdx="4" presStyleCnt="6" custLinFactX="246557" custLinFactY="106852" custLinFactNeighborX="300000" custLinFactNeighborY="200000"/>
      <dgm:spPr/>
    </dgm:pt>
    <dgm:pt modelId="{D665FCE4-0FE1-41A5-9A10-F7A8F3A69205}" type="pres">
      <dgm:prSet presAssocID="{6C0BC34E-A2AC-4385-A90F-61AA9CC89A18}" presName="spaceA" presStyleCnt="0"/>
      <dgm:spPr/>
    </dgm:pt>
    <dgm:pt modelId="{C01DDCD2-7FB6-475A-BFBF-953F1E27DDE8}" type="pres">
      <dgm:prSet presAssocID="{C39DCD92-2746-483F-A78A-7B7AA0B669D2}" presName="space" presStyleCnt="0"/>
      <dgm:spPr/>
    </dgm:pt>
    <dgm:pt modelId="{7D0F4DE7-8141-470C-A389-6685940AA272}" type="pres">
      <dgm:prSet presAssocID="{BC0C1C89-BA04-4F27-A001-DE3B352F44E7}" presName="compositeB" presStyleCnt="0"/>
      <dgm:spPr/>
    </dgm:pt>
    <dgm:pt modelId="{5A145D61-B26B-4023-AF13-09127DC233B7}" type="pres">
      <dgm:prSet presAssocID="{BC0C1C89-BA04-4F27-A001-DE3B352F44E7}" presName="textB" presStyleLbl="revTx" presStyleIdx="5" presStyleCnt="6" custScaleX="209692" custLinFactNeighborX="-30414" custLinFactNeighborY="-22534">
        <dgm:presLayoutVars>
          <dgm:bulletEnabled val="1"/>
        </dgm:presLayoutVars>
      </dgm:prSet>
      <dgm:spPr/>
      <dgm:t>
        <a:bodyPr/>
        <a:lstStyle/>
        <a:p>
          <a:pPr rtl="1"/>
          <a:endParaRPr lang="he-IL"/>
        </a:p>
      </dgm:t>
    </dgm:pt>
    <dgm:pt modelId="{46B6076A-8910-47D7-AF53-BCF019F092C5}" type="pres">
      <dgm:prSet presAssocID="{BC0C1C89-BA04-4F27-A001-DE3B352F44E7}" presName="circleB" presStyleLbl="node1" presStyleIdx="5" presStyleCnt="6" custLinFactY="106852" custLinFactNeighborX="65054" custLinFactNeighborY="200000"/>
      <dgm:spPr/>
    </dgm:pt>
    <dgm:pt modelId="{F5E919BA-1C1B-4041-A675-5D7CAFBF3CF1}" type="pres">
      <dgm:prSet presAssocID="{BC0C1C89-BA04-4F27-A001-DE3B352F44E7}" presName="spaceB" presStyleCnt="0"/>
      <dgm:spPr/>
    </dgm:pt>
  </dgm:ptLst>
  <dgm:cxnLst>
    <dgm:cxn modelId="{3E65CC26-9C44-4322-89F1-AEC268677C7D}" srcId="{22D9774F-D8DC-4DFB-ACAA-61B3F7050D4B}" destId="{BC0C1C89-BA04-4F27-A001-DE3B352F44E7}" srcOrd="5" destOrd="0" parTransId="{F92C3665-E4BB-4C3A-804E-098A32616D08}" sibTransId="{5BDC8B9D-20DE-41DD-A7F8-AEAAB99B9463}"/>
    <dgm:cxn modelId="{D420146D-3D0C-4459-A8A4-024455C8A2FD}" type="presOf" srcId="{6C740251-3E5B-4200-9247-40FB92E50910}" destId="{EC5DC4F4-70A6-4EF4-BE55-AB97F578926A}" srcOrd="0" destOrd="0" presId="urn:microsoft.com/office/officeart/2005/8/layout/hProcess11"/>
    <dgm:cxn modelId="{B3F7B4FB-8C1C-459A-829F-955F4A273812}" srcId="{22D9774F-D8DC-4DFB-ACAA-61B3F7050D4B}" destId="{1CB9845C-59D6-4692-B3E2-20A173367E61}" srcOrd="3" destOrd="0" parTransId="{6CEB2262-C928-4729-BA03-C475BCF18B8B}" sibTransId="{63A45049-A5D5-42A8-87CA-907A42C78F47}"/>
    <dgm:cxn modelId="{C2C7D55F-8C27-4164-996C-E4680CC1DC77}" type="presOf" srcId="{22D9774F-D8DC-4DFB-ACAA-61B3F7050D4B}" destId="{D2DD0C95-2378-467A-A0D3-BD1E8BF13EA1}" srcOrd="0" destOrd="0" presId="urn:microsoft.com/office/officeart/2005/8/layout/hProcess11"/>
    <dgm:cxn modelId="{94516CB3-0B3F-4CD8-AB2C-7C30FD88CAF0}" srcId="{22D9774F-D8DC-4DFB-ACAA-61B3F7050D4B}" destId="{F82A7C1D-0750-4AA3-9003-940E3973D274}" srcOrd="0" destOrd="0" parTransId="{65B4BBAB-511F-467B-BC7F-3E5CB1DC237C}" sibTransId="{FE420BB9-BB5E-461C-B5E6-94377028F987}"/>
    <dgm:cxn modelId="{8C02870D-F306-4B27-B009-17D8FDE14E7D}" type="presOf" srcId="{6C0BC34E-A2AC-4385-A90F-61AA9CC89A18}" destId="{A237C98D-5B85-420A-97A8-DC2EF16E949F}" srcOrd="0" destOrd="0" presId="urn:microsoft.com/office/officeart/2005/8/layout/hProcess11"/>
    <dgm:cxn modelId="{8F25D784-FA2E-4BD8-90BE-4651D07302BF}" type="presOf" srcId="{1CB9845C-59D6-4692-B3E2-20A173367E61}" destId="{280BF636-56C2-4D74-9CC3-B9E90F49E574}" srcOrd="0" destOrd="0" presId="urn:microsoft.com/office/officeart/2005/8/layout/hProcess11"/>
    <dgm:cxn modelId="{BC82A8C0-7079-44BE-80B7-E27DC9198052}" type="presOf" srcId="{F82A7C1D-0750-4AA3-9003-940E3973D274}" destId="{C2313BE9-9F97-4575-B44A-1DA40AA15139}" srcOrd="0" destOrd="0" presId="urn:microsoft.com/office/officeart/2005/8/layout/hProcess11"/>
    <dgm:cxn modelId="{8E407B1B-7550-4A9D-83E4-D185F2F8B602}" srcId="{22D9774F-D8DC-4DFB-ACAA-61B3F7050D4B}" destId="{E51B2254-B7E2-44A5-AFAE-AEB97995C593}" srcOrd="2" destOrd="0" parTransId="{3A52F5A8-4F1A-4E47-84FB-AD5B3B27766C}" sibTransId="{25359311-4F86-4B7B-AFEF-47116354EC31}"/>
    <dgm:cxn modelId="{A5B902CA-FB82-4E9B-8FEB-66C1C4E55FFC}" type="presOf" srcId="{BC0C1C89-BA04-4F27-A001-DE3B352F44E7}" destId="{5A145D61-B26B-4023-AF13-09127DC233B7}" srcOrd="0" destOrd="0" presId="urn:microsoft.com/office/officeart/2005/8/layout/hProcess11"/>
    <dgm:cxn modelId="{C14C0E70-F81F-4977-B0A2-920F5CD9A2EE}" srcId="{22D9774F-D8DC-4DFB-ACAA-61B3F7050D4B}" destId="{6C0BC34E-A2AC-4385-A90F-61AA9CC89A18}" srcOrd="4" destOrd="0" parTransId="{BCE3FB1F-C419-442D-A300-D24518653669}" sibTransId="{C39DCD92-2746-483F-A78A-7B7AA0B669D2}"/>
    <dgm:cxn modelId="{AC68F14C-5884-46C3-90C9-38199F55592C}" type="presOf" srcId="{E51B2254-B7E2-44A5-AFAE-AEB97995C593}" destId="{286C3BAC-782A-4C7E-A921-D5569BA65DD9}" srcOrd="0" destOrd="0" presId="urn:microsoft.com/office/officeart/2005/8/layout/hProcess11"/>
    <dgm:cxn modelId="{0100FD41-01E9-4F24-A459-1DEB3FDF540B}" srcId="{22D9774F-D8DC-4DFB-ACAA-61B3F7050D4B}" destId="{6C740251-3E5B-4200-9247-40FB92E50910}" srcOrd="1" destOrd="0" parTransId="{795ADCAA-A005-4E0E-AA9A-F24C3DA54A7A}" sibTransId="{A0703211-B1ED-497D-B67D-572D03C7F174}"/>
    <dgm:cxn modelId="{4988F714-F960-4139-AB7A-835F5B2A6871}" type="presParOf" srcId="{D2DD0C95-2378-467A-A0D3-BD1E8BF13EA1}" destId="{0FFFBE4A-6652-4F87-8006-869213A758AC}" srcOrd="0" destOrd="0" presId="urn:microsoft.com/office/officeart/2005/8/layout/hProcess11"/>
    <dgm:cxn modelId="{63468F63-E235-4B07-8216-DE210347B8AF}" type="presParOf" srcId="{D2DD0C95-2378-467A-A0D3-BD1E8BF13EA1}" destId="{8E53DDD8-8632-440F-89AB-F5D97F506872}" srcOrd="1" destOrd="0" presId="urn:microsoft.com/office/officeart/2005/8/layout/hProcess11"/>
    <dgm:cxn modelId="{149B57E1-E808-45AA-90C0-DBAE5DA2A4B5}" type="presParOf" srcId="{8E53DDD8-8632-440F-89AB-F5D97F506872}" destId="{8C5A19A0-1343-47BC-86C4-865AEC415C92}" srcOrd="0" destOrd="0" presId="urn:microsoft.com/office/officeart/2005/8/layout/hProcess11"/>
    <dgm:cxn modelId="{03DEC8F3-F3CB-44BF-B2B7-DF63F01F17A6}" type="presParOf" srcId="{8C5A19A0-1343-47BC-86C4-865AEC415C92}" destId="{C2313BE9-9F97-4575-B44A-1DA40AA15139}" srcOrd="0" destOrd="0" presId="urn:microsoft.com/office/officeart/2005/8/layout/hProcess11"/>
    <dgm:cxn modelId="{8B30B02B-03F9-4352-A685-ED77D0397B94}" type="presParOf" srcId="{8C5A19A0-1343-47BC-86C4-865AEC415C92}" destId="{A5A9C167-812C-4413-9DFC-7996CD81CB95}" srcOrd="1" destOrd="0" presId="urn:microsoft.com/office/officeart/2005/8/layout/hProcess11"/>
    <dgm:cxn modelId="{CDF24A7C-5EE3-447B-9326-D2214B831EC6}" type="presParOf" srcId="{8C5A19A0-1343-47BC-86C4-865AEC415C92}" destId="{CAD2F78D-6854-4110-8206-FFAD72910BC6}" srcOrd="2" destOrd="0" presId="urn:microsoft.com/office/officeart/2005/8/layout/hProcess11"/>
    <dgm:cxn modelId="{5FADA509-93AD-4A0C-8DB8-C51FFA3C25E1}" type="presParOf" srcId="{8E53DDD8-8632-440F-89AB-F5D97F506872}" destId="{D59DB497-73C6-46AF-AD39-D1721CD2C0B6}" srcOrd="1" destOrd="0" presId="urn:microsoft.com/office/officeart/2005/8/layout/hProcess11"/>
    <dgm:cxn modelId="{F357EA9E-0B22-400F-AC71-E0E3CDB23446}" type="presParOf" srcId="{8E53DDD8-8632-440F-89AB-F5D97F506872}" destId="{8D9D8B56-67E1-4720-AE40-F21D87F2A50B}" srcOrd="2" destOrd="0" presId="urn:microsoft.com/office/officeart/2005/8/layout/hProcess11"/>
    <dgm:cxn modelId="{2D14633D-990B-43E5-8722-208264B370A6}" type="presParOf" srcId="{8D9D8B56-67E1-4720-AE40-F21D87F2A50B}" destId="{EC5DC4F4-70A6-4EF4-BE55-AB97F578926A}" srcOrd="0" destOrd="0" presId="urn:microsoft.com/office/officeart/2005/8/layout/hProcess11"/>
    <dgm:cxn modelId="{69F96328-5A60-4DE7-80FB-C991392946D7}" type="presParOf" srcId="{8D9D8B56-67E1-4720-AE40-F21D87F2A50B}" destId="{E9E74DD4-9D80-4F5B-B2E4-5C5A33F033CE}" srcOrd="1" destOrd="0" presId="urn:microsoft.com/office/officeart/2005/8/layout/hProcess11"/>
    <dgm:cxn modelId="{91D8D89D-E0F4-40AB-9171-7B0AEDABF83A}" type="presParOf" srcId="{8D9D8B56-67E1-4720-AE40-F21D87F2A50B}" destId="{C03ECB09-0AF5-4938-ACE3-91F240A46E45}" srcOrd="2" destOrd="0" presId="urn:microsoft.com/office/officeart/2005/8/layout/hProcess11"/>
    <dgm:cxn modelId="{317D2E2F-5F66-40C2-A32B-D89911CB8A57}" type="presParOf" srcId="{8E53DDD8-8632-440F-89AB-F5D97F506872}" destId="{9609BE52-C599-437B-BEF9-3DB017EAEB46}" srcOrd="3" destOrd="0" presId="urn:microsoft.com/office/officeart/2005/8/layout/hProcess11"/>
    <dgm:cxn modelId="{C94D8682-5626-446B-AC0C-7F4D411CB81F}" type="presParOf" srcId="{8E53DDD8-8632-440F-89AB-F5D97F506872}" destId="{C54C5418-3040-41F3-9782-3E8E7C29C5A1}" srcOrd="4" destOrd="0" presId="urn:microsoft.com/office/officeart/2005/8/layout/hProcess11"/>
    <dgm:cxn modelId="{A2CB567A-2B73-48C5-9B53-A2824377DE5D}" type="presParOf" srcId="{C54C5418-3040-41F3-9782-3E8E7C29C5A1}" destId="{286C3BAC-782A-4C7E-A921-D5569BA65DD9}" srcOrd="0" destOrd="0" presId="urn:microsoft.com/office/officeart/2005/8/layout/hProcess11"/>
    <dgm:cxn modelId="{446F30EC-BFC0-47E0-B724-E4E001C8A686}" type="presParOf" srcId="{C54C5418-3040-41F3-9782-3E8E7C29C5A1}" destId="{682FE366-C000-41C9-9EEB-B1F529CAD5C3}" srcOrd="1" destOrd="0" presId="urn:microsoft.com/office/officeart/2005/8/layout/hProcess11"/>
    <dgm:cxn modelId="{4E810ECB-B207-4594-8B2A-116FEFDB6100}" type="presParOf" srcId="{C54C5418-3040-41F3-9782-3E8E7C29C5A1}" destId="{D9D144D7-43A1-4FCA-BEB0-76262F2118B0}" srcOrd="2" destOrd="0" presId="urn:microsoft.com/office/officeart/2005/8/layout/hProcess11"/>
    <dgm:cxn modelId="{AD4991AC-3D77-4238-A966-852BEC118555}" type="presParOf" srcId="{8E53DDD8-8632-440F-89AB-F5D97F506872}" destId="{9647E923-59D0-4642-879E-07AD4207008A}" srcOrd="5" destOrd="0" presId="urn:microsoft.com/office/officeart/2005/8/layout/hProcess11"/>
    <dgm:cxn modelId="{5FBE933A-9A7C-4514-B1DB-DCF3C6150984}" type="presParOf" srcId="{8E53DDD8-8632-440F-89AB-F5D97F506872}" destId="{DCDDC560-23D6-4D3E-BAD6-19B49680387E}" srcOrd="6" destOrd="0" presId="urn:microsoft.com/office/officeart/2005/8/layout/hProcess11"/>
    <dgm:cxn modelId="{B1A6628F-0C5B-4DD1-B433-E5D71B1EDD03}" type="presParOf" srcId="{DCDDC560-23D6-4D3E-BAD6-19B49680387E}" destId="{280BF636-56C2-4D74-9CC3-B9E90F49E574}" srcOrd="0" destOrd="0" presId="urn:microsoft.com/office/officeart/2005/8/layout/hProcess11"/>
    <dgm:cxn modelId="{B562898F-962B-4001-9192-D169BAE7E3E4}" type="presParOf" srcId="{DCDDC560-23D6-4D3E-BAD6-19B49680387E}" destId="{E76B3D1B-AAFE-465C-BFA5-BBBE20E5BFFB}" srcOrd="1" destOrd="0" presId="urn:microsoft.com/office/officeart/2005/8/layout/hProcess11"/>
    <dgm:cxn modelId="{5ED45AA5-D205-4A8C-B561-80A75BEB27D0}" type="presParOf" srcId="{DCDDC560-23D6-4D3E-BAD6-19B49680387E}" destId="{074C7155-7647-4740-A8CD-0FC74C41F86E}" srcOrd="2" destOrd="0" presId="urn:microsoft.com/office/officeart/2005/8/layout/hProcess11"/>
    <dgm:cxn modelId="{36EE9F02-C042-4DA8-9D96-CE87154012DE}" type="presParOf" srcId="{8E53DDD8-8632-440F-89AB-F5D97F506872}" destId="{F38FCA80-6474-4ADB-82B7-DA4C7EEFEA2A}" srcOrd="7" destOrd="0" presId="urn:microsoft.com/office/officeart/2005/8/layout/hProcess11"/>
    <dgm:cxn modelId="{413B6B14-BC2F-4CE5-908D-4717EAE01CF9}" type="presParOf" srcId="{8E53DDD8-8632-440F-89AB-F5D97F506872}" destId="{C86206EC-A795-488B-8C3A-74A18B619D28}" srcOrd="8" destOrd="0" presId="urn:microsoft.com/office/officeart/2005/8/layout/hProcess11"/>
    <dgm:cxn modelId="{74CB07AC-A799-4C3A-B8C8-A078A0B2FBC8}" type="presParOf" srcId="{C86206EC-A795-488B-8C3A-74A18B619D28}" destId="{A237C98D-5B85-420A-97A8-DC2EF16E949F}" srcOrd="0" destOrd="0" presId="urn:microsoft.com/office/officeart/2005/8/layout/hProcess11"/>
    <dgm:cxn modelId="{AB2D82F5-D33D-4FC7-99C7-59BC1D0B570C}" type="presParOf" srcId="{C86206EC-A795-488B-8C3A-74A18B619D28}" destId="{8D195FBB-886B-4612-B0C9-361404C1B53C}" srcOrd="1" destOrd="0" presId="urn:microsoft.com/office/officeart/2005/8/layout/hProcess11"/>
    <dgm:cxn modelId="{5522D3C5-7B38-42B6-87DE-9ED612B69FB6}" type="presParOf" srcId="{C86206EC-A795-488B-8C3A-74A18B619D28}" destId="{D665FCE4-0FE1-41A5-9A10-F7A8F3A69205}" srcOrd="2" destOrd="0" presId="urn:microsoft.com/office/officeart/2005/8/layout/hProcess11"/>
    <dgm:cxn modelId="{875630B1-A8AF-4C69-B736-F15B101E2EC0}" type="presParOf" srcId="{8E53DDD8-8632-440F-89AB-F5D97F506872}" destId="{C01DDCD2-7FB6-475A-BFBF-953F1E27DDE8}" srcOrd="9" destOrd="0" presId="urn:microsoft.com/office/officeart/2005/8/layout/hProcess11"/>
    <dgm:cxn modelId="{47390F14-7264-4A4B-B70F-1AC927DBF619}" type="presParOf" srcId="{8E53DDD8-8632-440F-89AB-F5D97F506872}" destId="{7D0F4DE7-8141-470C-A389-6685940AA272}" srcOrd="10" destOrd="0" presId="urn:microsoft.com/office/officeart/2005/8/layout/hProcess11"/>
    <dgm:cxn modelId="{94D781C2-D0DB-4333-AD9E-3A1B6EB6C25D}" type="presParOf" srcId="{7D0F4DE7-8141-470C-A389-6685940AA272}" destId="{5A145D61-B26B-4023-AF13-09127DC233B7}" srcOrd="0" destOrd="0" presId="urn:microsoft.com/office/officeart/2005/8/layout/hProcess11"/>
    <dgm:cxn modelId="{193F99C2-618F-4F36-A093-4BEE1C7756F4}" type="presParOf" srcId="{7D0F4DE7-8141-470C-A389-6685940AA272}" destId="{46B6076A-8910-47D7-AF53-BCF019F092C5}" srcOrd="1" destOrd="0" presId="urn:microsoft.com/office/officeart/2005/8/layout/hProcess11"/>
    <dgm:cxn modelId="{0E67C3E8-75E3-4EEC-8B6C-43F6268BC298}" type="presParOf" srcId="{7D0F4DE7-8141-470C-A389-6685940AA272}" destId="{F5E919BA-1C1B-4041-A675-5D7CAFBF3CF1}" srcOrd="2" destOrd="0" presId="urn:microsoft.com/office/officeart/2005/8/layout/hProcess11"/>
  </dgm:cxnLst>
  <dgm:bg/>
  <dgm:whole/>
  <dgm:extLst>
    <a:ext uri="http://schemas.microsoft.com/office/drawing/2008/diagram">
      <dsp:dataModelExt xmlns:dsp="http://schemas.microsoft.com/office/drawing/2008/diagram" relId="rId75"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5AAFF8B7-D923-42B0-AA53-9CEC93C92EA0}" type="doc">
      <dgm:prSet loTypeId="urn:microsoft.com/office/officeart/2005/8/layout/bProcess2" loCatId="process" qsTypeId="urn:microsoft.com/office/officeart/2005/8/quickstyle/simple1" qsCatId="simple" csTypeId="urn:microsoft.com/office/officeart/2005/8/colors/accent0_3" csCatId="mainScheme" phldr="1"/>
      <dgm:spPr/>
      <dgm:t>
        <a:bodyPr/>
        <a:lstStyle/>
        <a:p>
          <a:pPr rtl="1"/>
          <a:endParaRPr lang="he-IL"/>
        </a:p>
      </dgm:t>
    </dgm:pt>
    <dgm:pt modelId="{5ED7EE90-BA11-4D09-A99E-B97BC4DE8638}">
      <dgm:prSet phldrT="[טקסט]" custT="1"/>
      <dgm:spPr/>
      <dgm:t>
        <a:bodyPr/>
        <a:lstStyle/>
        <a:p>
          <a:pPr rtl="1"/>
          <a:r>
            <a:rPr lang="he-IL" sz="3600" dirty="0" smtClean="0">
              <a:latin typeface="Narkisim" panose="020E0502050101010101" pitchFamily="34" charset="-79"/>
              <a:cs typeface="Narkisim" panose="020E0502050101010101" pitchFamily="34" charset="-79"/>
            </a:rPr>
            <a:t>הבניית הלמידה</a:t>
          </a:r>
          <a:endParaRPr lang="he-IL" sz="3600" dirty="0">
            <a:latin typeface="Narkisim" panose="020E0502050101010101" pitchFamily="34" charset="-79"/>
            <a:cs typeface="Narkisim" panose="020E0502050101010101" pitchFamily="34" charset="-79"/>
          </a:endParaRPr>
        </a:p>
      </dgm:t>
    </dgm:pt>
    <dgm:pt modelId="{D4186E28-B9C7-42E2-BD4E-DAB5507A48C4}" type="parTrans" cxnId="{C2F14CAB-0838-4FB8-83E7-DBE8C8A86B4E}">
      <dgm:prSet/>
      <dgm:spPr/>
      <dgm:t>
        <a:bodyPr/>
        <a:lstStyle/>
        <a:p>
          <a:pPr rtl="1"/>
          <a:endParaRPr lang="he-IL" sz="3200">
            <a:latin typeface="Narkisim" panose="020E0502050101010101" pitchFamily="34" charset="-79"/>
            <a:cs typeface="Narkisim" panose="020E0502050101010101" pitchFamily="34" charset="-79"/>
          </a:endParaRPr>
        </a:p>
      </dgm:t>
    </dgm:pt>
    <dgm:pt modelId="{536B70FC-CA2C-4FB0-95ED-437E535F2A65}" type="sibTrans" cxnId="{C2F14CAB-0838-4FB8-83E7-DBE8C8A86B4E}">
      <dgm:prSet/>
      <dgm:spPr/>
      <dgm:t>
        <a:bodyPr/>
        <a:lstStyle/>
        <a:p>
          <a:pPr rtl="1"/>
          <a:endParaRPr lang="he-IL" sz="3200">
            <a:latin typeface="Narkisim" panose="020E0502050101010101" pitchFamily="34" charset="-79"/>
            <a:cs typeface="Narkisim" panose="020E0502050101010101" pitchFamily="34" charset="-79"/>
          </a:endParaRPr>
        </a:p>
      </dgm:t>
    </dgm:pt>
    <dgm:pt modelId="{3D92CD52-E935-4D58-8C65-760947DB5C61}">
      <dgm:prSet phldrT="[טקסט]" custT="1"/>
      <dgm:spPr/>
      <dgm:t>
        <a:bodyPr/>
        <a:lstStyle/>
        <a:p>
          <a:pPr rtl="1"/>
          <a:r>
            <a:rPr lang="he-IL" sz="2000" dirty="0" smtClean="0">
              <a:latin typeface="Narkisim" panose="020E0502050101010101" pitchFamily="34" charset="-79"/>
              <a:cs typeface="Narkisim" panose="020E0502050101010101" pitchFamily="34" charset="-79"/>
            </a:rPr>
            <a:t>גנאלוגיה</a:t>
          </a:r>
          <a:endParaRPr lang="he-IL" sz="2000" dirty="0">
            <a:latin typeface="Narkisim" panose="020E0502050101010101" pitchFamily="34" charset="-79"/>
            <a:cs typeface="Narkisim" panose="020E0502050101010101" pitchFamily="34" charset="-79"/>
          </a:endParaRPr>
        </a:p>
      </dgm:t>
    </dgm:pt>
    <dgm:pt modelId="{928717C1-3A7C-4918-8051-76F67FCEAF30}" type="parTrans" cxnId="{615FEAEA-38A6-4285-825C-FC47C55B540D}">
      <dgm:prSet/>
      <dgm:spPr/>
      <dgm:t>
        <a:bodyPr/>
        <a:lstStyle/>
        <a:p>
          <a:pPr rtl="1"/>
          <a:endParaRPr lang="he-IL" sz="3200">
            <a:latin typeface="Narkisim" panose="020E0502050101010101" pitchFamily="34" charset="-79"/>
            <a:cs typeface="Narkisim" panose="020E0502050101010101" pitchFamily="34" charset="-79"/>
          </a:endParaRPr>
        </a:p>
      </dgm:t>
    </dgm:pt>
    <dgm:pt modelId="{4E4DA148-EE97-4367-B3DD-0E5700FD0E99}" type="sibTrans" cxnId="{615FEAEA-38A6-4285-825C-FC47C55B540D}">
      <dgm:prSet/>
      <dgm:spPr/>
      <dgm:t>
        <a:bodyPr/>
        <a:lstStyle/>
        <a:p>
          <a:pPr rtl="1"/>
          <a:endParaRPr lang="he-IL" sz="3200">
            <a:latin typeface="Narkisim" panose="020E0502050101010101" pitchFamily="34" charset="-79"/>
            <a:cs typeface="Narkisim" panose="020E0502050101010101" pitchFamily="34" charset="-79"/>
          </a:endParaRPr>
        </a:p>
      </dgm:t>
    </dgm:pt>
    <dgm:pt modelId="{192CDF5F-915A-4F01-A301-EE06FEBB2504}">
      <dgm:prSet phldrT="[טקסט]" custT="1"/>
      <dgm:spPr/>
      <dgm:t>
        <a:bodyPr/>
        <a:lstStyle/>
        <a:p>
          <a:pPr rtl="1"/>
          <a:r>
            <a:rPr lang="he-IL" sz="2000" dirty="0" smtClean="0">
              <a:latin typeface="Narkisim" panose="020E0502050101010101" pitchFamily="34" charset="-79"/>
              <a:cs typeface="Narkisim" panose="020E0502050101010101" pitchFamily="34" charset="-79"/>
            </a:rPr>
            <a:t>תצפית</a:t>
          </a:r>
          <a:endParaRPr lang="he-IL" sz="2000" dirty="0">
            <a:latin typeface="Narkisim" panose="020E0502050101010101" pitchFamily="34" charset="-79"/>
            <a:cs typeface="Narkisim" panose="020E0502050101010101" pitchFamily="34" charset="-79"/>
          </a:endParaRPr>
        </a:p>
      </dgm:t>
    </dgm:pt>
    <dgm:pt modelId="{0AC0DD7B-5E37-49D1-BA5F-0F5995400E56}" type="parTrans" cxnId="{63BFCB94-926A-48EC-9741-DC4EECB380E9}">
      <dgm:prSet/>
      <dgm:spPr/>
      <dgm:t>
        <a:bodyPr/>
        <a:lstStyle/>
        <a:p>
          <a:pPr rtl="1"/>
          <a:endParaRPr lang="he-IL" sz="3200">
            <a:latin typeface="Narkisim" panose="020E0502050101010101" pitchFamily="34" charset="-79"/>
            <a:cs typeface="Narkisim" panose="020E0502050101010101" pitchFamily="34" charset="-79"/>
          </a:endParaRPr>
        </a:p>
      </dgm:t>
    </dgm:pt>
    <dgm:pt modelId="{95660868-128E-4894-BF7C-F8FEDB3C592E}" type="sibTrans" cxnId="{63BFCB94-926A-48EC-9741-DC4EECB380E9}">
      <dgm:prSet/>
      <dgm:spPr/>
      <dgm:t>
        <a:bodyPr/>
        <a:lstStyle/>
        <a:p>
          <a:pPr rtl="1"/>
          <a:endParaRPr lang="he-IL" sz="3200">
            <a:latin typeface="Narkisim" panose="020E0502050101010101" pitchFamily="34" charset="-79"/>
            <a:cs typeface="Narkisim" panose="020E0502050101010101" pitchFamily="34" charset="-79"/>
          </a:endParaRPr>
        </a:p>
      </dgm:t>
    </dgm:pt>
    <dgm:pt modelId="{D589C13A-FE5A-4FCB-BF4D-FBE5ED3B2990}">
      <dgm:prSet phldrT="[טקסט]" custT="1"/>
      <dgm:spPr/>
      <dgm:t>
        <a:bodyPr/>
        <a:lstStyle/>
        <a:p>
          <a:pPr rtl="1"/>
          <a:r>
            <a:rPr lang="he-IL" sz="2000" dirty="0" smtClean="0">
              <a:latin typeface="Narkisim" panose="020E0502050101010101" pitchFamily="34" charset="-79"/>
              <a:cs typeface="Narkisim" panose="020E0502050101010101" pitchFamily="34" charset="-79"/>
            </a:rPr>
            <a:t>תובנות בצוות</a:t>
          </a:r>
          <a:endParaRPr lang="he-IL" sz="2000" dirty="0">
            <a:latin typeface="Narkisim" panose="020E0502050101010101" pitchFamily="34" charset="-79"/>
            <a:cs typeface="Narkisim" panose="020E0502050101010101" pitchFamily="34" charset="-79"/>
          </a:endParaRPr>
        </a:p>
      </dgm:t>
    </dgm:pt>
    <dgm:pt modelId="{E7EF00DD-26ED-4153-B247-A7219B019FC6}" type="parTrans" cxnId="{B7A1CF51-E000-4984-82E2-EE792B4A9C9B}">
      <dgm:prSet/>
      <dgm:spPr/>
      <dgm:t>
        <a:bodyPr/>
        <a:lstStyle/>
        <a:p>
          <a:pPr rtl="1"/>
          <a:endParaRPr lang="he-IL" sz="3200">
            <a:latin typeface="Narkisim" panose="020E0502050101010101" pitchFamily="34" charset="-79"/>
            <a:cs typeface="Narkisim" panose="020E0502050101010101" pitchFamily="34" charset="-79"/>
          </a:endParaRPr>
        </a:p>
      </dgm:t>
    </dgm:pt>
    <dgm:pt modelId="{AA9BAC90-7D2E-4D4A-AA48-F1AD518E6C57}" type="sibTrans" cxnId="{B7A1CF51-E000-4984-82E2-EE792B4A9C9B}">
      <dgm:prSet/>
      <dgm:spPr/>
      <dgm:t>
        <a:bodyPr/>
        <a:lstStyle/>
        <a:p>
          <a:pPr rtl="1"/>
          <a:endParaRPr lang="he-IL" sz="3200">
            <a:latin typeface="Narkisim" panose="020E0502050101010101" pitchFamily="34" charset="-79"/>
            <a:cs typeface="Narkisim" panose="020E0502050101010101" pitchFamily="34" charset="-79"/>
          </a:endParaRPr>
        </a:p>
      </dgm:t>
    </dgm:pt>
    <dgm:pt modelId="{3AF307AB-FCAA-45BB-A490-5BB83348A845}">
      <dgm:prSet phldrT="[טקסט]" custT="1"/>
      <dgm:spPr/>
      <dgm:t>
        <a:bodyPr/>
        <a:lstStyle/>
        <a:p>
          <a:pPr rtl="1"/>
          <a:r>
            <a:rPr lang="he-IL" sz="2000" dirty="0" smtClean="0">
              <a:latin typeface="Narkisim" panose="020E0502050101010101" pitchFamily="34" charset="-79"/>
              <a:cs typeface="Narkisim" panose="020E0502050101010101" pitchFamily="34" charset="-79"/>
            </a:rPr>
            <a:t>למידה עצמית</a:t>
          </a:r>
          <a:endParaRPr lang="he-IL" sz="2000" dirty="0">
            <a:latin typeface="Narkisim" panose="020E0502050101010101" pitchFamily="34" charset="-79"/>
            <a:cs typeface="Narkisim" panose="020E0502050101010101" pitchFamily="34" charset="-79"/>
          </a:endParaRPr>
        </a:p>
      </dgm:t>
    </dgm:pt>
    <dgm:pt modelId="{536A9C3D-ADE3-4A94-A991-3BD8D13F48FC}" type="parTrans" cxnId="{F5A3E5C3-30CD-441A-BAE2-13656E90AD7A}">
      <dgm:prSet/>
      <dgm:spPr/>
      <dgm:t>
        <a:bodyPr/>
        <a:lstStyle/>
        <a:p>
          <a:pPr rtl="1"/>
          <a:endParaRPr lang="he-IL" sz="3200">
            <a:latin typeface="Narkisim" panose="020E0502050101010101" pitchFamily="34" charset="-79"/>
            <a:cs typeface="Narkisim" panose="020E0502050101010101" pitchFamily="34" charset="-79"/>
          </a:endParaRPr>
        </a:p>
      </dgm:t>
    </dgm:pt>
    <dgm:pt modelId="{4B995C0C-2F94-4A78-95E7-238855890A71}" type="sibTrans" cxnId="{F5A3E5C3-30CD-441A-BAE2-13656E90AD7A}">
      <dgm:prSet/>
      <dgm:spPr/>
      <dgm:t>
        <a:bodyPr/>
        <a:lstStyle/>
        <a:p>
          <a:pPr rtl="1"/>
          <a:endParaRPr lang="he-IL" sz="3200">
            <a:latin typeface="Narkisim" panose="020E0502050101010101" pitchFamily="34" charset="-79"/>
            <a:cs typeface="Narkisim" panose="020E0502050101010101" pitchFamily="34" charset="-79"/>
          </a:endParaRPr>
        </a:p>
      </dgm:t>
    </dgm:pt>
    <dgm:pt modelId="{A46D1D2E-181F-45FD-8976-607A89A3548B}">
      <dgm:prSet phldrT="[טקסט]" custT="1"/>
      <dgm:spPr/>
      <dgm:t>
        <a:bodyPr/>
        <a:lstStyle/>
        <a:p>
          <a:pPr rtl="1"/>
          <a:r>
            <a:rPr lang="he-IL" sz="3600" dirty="0" smtClean="0">
              <a:latin typeface="Narkisim" panose="020E0502050101010101" pitchFamily="34" charset="-79"/>
              <a:cs typeface="Narkisim" panose="020E0502050101010101" pitchFamily="34" charset="-79"/>
            </a:rPr>
            <a:t>ממשקים</a:t>
          </a:r>
          <a:endParaRPr lang="he-IL" sz="3600" dirty="0">
            <a:latin typeface="Narkisim" panose="020E0502050101010101" pitchFamily="34" charset="-79"/>
            <a:cs typeface="Narkisim" panose="020E0502050101010101" pitchFamily="34" charset="-79"/>
          </a:endParaRPr>
        </a:p>
      </dgm:t>
    </dgm:pt>
    <dgm:pt modelId="{E9FC20BB-C08D-4BC1-93DA-7384F5341ECE}" type="parTrans" cxnId="{7AF5DE10-07D5-4783-BA79-66CE98404FBD}">
      <dgm:prSet/>
      <dgm:spPr/>
      <dgm:t>
        <a:bodyPr/>
        <a:lstStyle/>
        <a:p>
          <a:pPr rtl="1"/>
          <a:endParaRPr lang="he-IL" sz="3200">
            <a:latin typeface="Narkisim" panose="020E0502050101010101" pitchFamily="34" charset="-79"/>
            <a:cs typeface="Narkisim" panose="020E0502050101010101" pitchFamily="34" charset="-79"/>
          </a:endParaRPr>
        </a:p>
      </dgm:t>
    </dgm:pt>
    <dgm:pt modelId="{C100E008-6431-4798-A294-D915138A1F9A}" type="sibTrans" cxnId="{7AF5DE10-07D5-4783-BA79-66CE98404FBD}">
      <dgm:prSet/>
      <dgm:spPr/>
      <dgm:t>
        <a:bodyPr/>
        <a:lstStyle/>
        <a:p>
          <a:pPr rtl="1"/>
          <a:endParaRPr lang="he-IL" sz="3200">
            <a:latin typeface="Narkisim" panose="020E0502050101010101" pitchFamily="34" charset="-79"/>
            <a:cs typeface="Narkisim" panose="020E0502050101010101" pitchFamily="34" charset="-79"/>
          </a:endParaRPr>
        </a:p>
      </dgm:t>
    </dgm:pt>
    <dgm:pt modelId="{D8D1F3D0-CFD5-428C-BFD6-25571AF85DD8}">
      <dgm:prSet phldrT="[טקסט]" custT="1"/>
      <dgm:spPr/>
      <dgm:t>
        <a:bodyPr/>
        <a:lstStyle/>
        <a:p>
          <a:pPr rtl="1"/>
          <a:r>
            <a:rPr lang="he-IL" sz="2000" dirty="0" smtClean="0">
              <a:latin typeface="Narkisim" panose="020E0502050101010101" pitchFamily="34" charset="-79"/>
              <a:cs typeface="Narkisim" panose="020E0502050101010101" pitchFamily="34" charset="-79"/>
            </a:rPr>
            <a:t>תובנות רוחב</a:t>
          </a:r>
          <a:endParaRPr lang="he-IL" sz="2000" dirty="0">
            <a:latin typeface="Narkisim" panose="020E0502050101010101" pitchFamily="34" charset="-79"/>
            <a:cs typeface="Narkisim" panose="020E0502050101010101" pitchFamily="34" charset="-79"/>
          </a:endParaRPr>
        </a:p>
      </dgm:t>
    </dgm:pt>
    <dgm:pt modelId="{A0401A3D-FEC9-4FE4-AACC-D9944F4C64CE}" type="parTrans" cxnId="{7A303DA5-2A4C-4439-925F-4FAFAB0CD269}">
      <dgm:prSet/>
      <dgm:spPr/>
      <dgm:t>
        <a:bodyPr/>
        <a:lstStyle/>
        <a:p>
          <a:pPr rtl="1"/>
          <a:endParaRPr lang="he-IL" sz="3200">
            <a:latin typeface="Narkisim" panose="020E0502050101010101" pitchFamily="34" charset="-79"/>
            <a:cs typeface="Narkisim" panose="020E0502050101010101" pitchFamily="34" charset="-79"/>
          </a:endParaRPr>
        </a:p>
      </dgm:t>
    </dgm:pt>
    <dgm:pt modelId="{AC9E4C2C-06F3-45CB-BCFE-C5AFE6AD6CD3}" type="sibTrans" cxnId="{7A303DA5-2A4C-4439-925F-4FAFAB0CD269}">
      <dgm:prSet/>
      <dgm:spPr/>
      <dgm:t>
        <a:bodyPr/>
        <a:lstStyle/>
        <a:p>
          <a:pPr rtl="1"/>
          <a:endParaRPr lang="he-IL" sz="3200">
            <a:latin typeface="Narkisim" panose="020E0502050101010101" pitchFamily="34" charset="-79"/>
            <a:cs typeface="Narkisim" panose="020E0502050101010101" pitchFamily="34" charset="-79"/>
          </a:endParaRPr>
        </a:p>
      </dgm:t>
    </dgm:pt>
    <dgm:pt modelId="{E9DA6214-EBBD-4A5D-BAC4-2F1FD24AA43C}">
      <dgm:prSet phldrT="[טקסט]" custT="1"/>
      <dgm:spPr>
        <a:solidFill>
          <a:srgbClr val="250A56"/>
        </a:solidFill>
      </dgm:spPr>
      <dgm:t>
        <a:bodyPr/>
        <a:lstStyle/>
        <a:p>
          <a:pPr rtl="1"/>
          <a:r>
            <a:rPr lang="he-IL" sz="3600" dirty="0" smtClean="0">
              <a:latin typeface="Narkisim" panose="020E0502050101010101" pitchFamily="34" charset="-79"/>
              <a:cs typeface="Narkisim" panose="020E0502050101010101" pitchFamily="34" charset="-79"/>
            </a:rPr>
            <a:t>חקירה</a:t>
          </a:r>
        </a:p>
        <a:p>
          <a:pPr rtl="1"/>
          <a:endParaRPr lang="he-IL" sz="3600" dirty="0" smtClean="0">
            <a:latin typeface="Narkisim" panose="020E0502050101010101" pitchFamily="34" charset="-79"/>
            <a:cs typeface="Narkisim" panose="020E0502050101010101" pitchFamily="34" charset="-79"/>
          </a:endParaRPr>
        </a:p>
        <a:p>
          <a:pPr rtl="1"/>
          <a:r>
            <a:rPr lang="he-IL" sz="3600" dirty="0" smtClean="0">
              <a:latin typeface="Narkisim" panose="020E0502050101010101" pitchFamily="34" charset="-79"/>
              <a:cs typeface="Narkisim" panose="020E0502050101010101" pitchFamily="34" charset="-79"/>
            </a:rPr>
            <a:t>תכלית אסטרטגית</a:t>
          </a:r>
          <a:endParaRPr lang="he-IL" sz="3600" dirty="0">
            <a:latin typeface="Narkisim" panose="020E0502050101010101" pitchFamily="34" charset="-79"/>
            <a:cs typeface="Narkisim" panose="020E0502050101010101" pitchFamily="34" charset="-79"/>
          </a:endParaRPr>
        </a:p>
      </dgm:t>
    </dgm:pt>
    <dgm:pt modelId="{CC0BFDBF-4D58-4D81-918E-A06ABBDA30CA}" type="parTrans" cxnId="{FBDFA260-2DAD-4F8C-8FD0-2B220AB22FAF}">
      <dgm:prSet/>
      <dgm:spPr/>
      <dgm:t>
        <a:bodyPr/>
        <a:lstStyle/>
        <a:p>
          <a:pPr rtl="1"/>
          <a:endParaRPr lang="he-IL" sz="3200">
            <a:latin typeface="Narkisim" panose="020E0502050101010101" pitchFamily="34" charset="-79"/>
            <a:cs typeface="Narkisim" panose="020E0502050101010101" pitchFamily="34" charset="-79"/>
          </a:endParaRPr>
        </a:p>
      </dgm:t>
    </dgm:pt>
    <dgm:pt modelId="{EF71DB51-28AD-4D07-B844-69AD110FF4D2}" type="sibTrans" cxnId="{FBDFA260-2DAD-4F8C-8FD0-2B220AB22FAF}">
      <dgm:prSet/>
      <dgm:spPr/>
      <dgm:t>
        <a:bodyPr/>
        <a:lstStyle/>
        <a:p>
          <a:pPr rtl="1"/>
          <a:endParaRPr lang="he-IL" sz="3200">
            <a:latin typeface="Narkisim" panose="020E0502050101010101" pitchFamily="34" charset="-79"/>
            <a:cs typeface="Narkisim" panose="020E0502050101010101" pitchFamily="34" charset="-79"/>
          </a:endParaRPr>
        </a:p>
      </dgm:t>
    </dgm:pt>
    <dgm:pt modelId="{89CED96F-5BB4-4654-9610-2EF06661A7F7}">
      <dgm:prSet phldrT="[טקסט]" custT="1"/>
      <dgm:spPr/>
      <dgm:t>
        <a:bodyPr/>
        <a:lstStyle/>
        <a:p>
          <a:pPr rtl="1"/>
          <a:r>
            <a:rPr lang="he-IL" sz="2000" dirty="0" smtClean="0">
              <a:latin typeface="Narkisim" panose="020E0502050101010101" pitchFamily="34" charset="-79"/>
              <a:cs typeface="Narkisim" panose="020E0502050101010101" pitchFamily="34" charset="-79"/>
            </a:rPr>
            <a:t>תובנות לתופעות</a:t>
          </a:r>
          <a:endParaRPr lang="he-IL" sz="2000" dirty="0">
            <a:latin typeface="Narkisim" panose="020E0502050101010101" pitchFamily="34" charset="-79"/>
            <a:cs typeface="Narkisim" panose="020E0502050101010101" pitchFamily="34" charset="-79"/>
          </a:endParaRPr>
        </a:p>
      </dgm:t>
    </dgm:pt>
    <dgm:pt modelId="{04E5CB21-A85F-492A-8201-EADDA6E38EA6}" type="parTrans" cxnId="{B4599422-44C0-46CD-9E68-FDC1A59C3F31}">
      <dgm:prSet/>
      <dgm:spPr/>
      <dgm:t>
        <a:bodyPr/>
        <a:lstStyle/>
        <a:p>
          <a:pPr rtl="1"/>
          <a:endParaRPr lang="he-IL"/>
        </a:p>
      </dgm:t>
    </dgm:pt>
    <dgm:pt modelId="{8E2624D8-919A-4B38-BA96-5D81E261875A}" type="sibTrans" cxnId="{B4599422-44C0-46CD-9E68-FDC1A59C3F31}">
      <dgm:prSet/>
      <dgm:spPr/>
      <dgm:t>
        <a:bodyPr/>
        <a:lstStyle/>
        <a:p>
          <a:pPr rtl="1"/>
          <a:endParaRPr lang="he-IL"/>
        </a:p>
      </dgm:t>
    </dgm:pt>
    <dgm:pt modelId="{FA9418A0-E1B9-44F4-BF39-0B15A0943E72}" type="pres">
      <dgm:prSet presAssocID="{5AAFF8B7-D923-42B0-AA53-9CEC93C92EA0}" presName="diagram" presStyleCnt="0">
        <dgm:presLayoutVars>
          <dgm:dir/>
          <dgm:resizeHandles/>
        </dgm:presLayoutVars>
      </dgm:prSet>
      <dgm:spPr/>
      <dgm:t>
        <a:bodyPr/>
        <a:lstStyle/>
        <a:p>
          <a:pPr rtl="1"/>
          <a:endParaRPr lang="he-IL"/>
        </a:p>
      </dgm:t>
    </dgm:pt>
    <dgm:pt modelId="{CCDD6A14-B5EE-4D28-A1BF-C27175E1E20B}" type="pres">
      <dgm:prSet presAssocID="{5ED7EE90-BA11-4D09-A99E-B97BC4DE8638}" presName="firstNode" presStyleLbl="node1" presStyleIdx="0" presStyleCnt="9" custScaleX="211111" custScaleY="132790">
        <dgm:presLayoutVars>
          <dgm:bulletEnabled val="1"/>
        </dgm:presLayoutVars>
      </dgm:prSet>
      <dgm:spPr/>
      <dgm:t>
        <a:bodyPr/>
        <a:lstStyle/>
        <a:p>
          <a:pPr rtl="1"/>
          <a:endParaRPr lang="he-IL"/>
        </a:p>
      </dgm:t>
    </dgm:pt>
    <dgm:pt modelId="{0F7E5358-42FB-48B1-B44D-0809ABAA64F9}" type="pres">
      <dgm:prSet presAssocID="{536B70FC-CA2C-4FB0-95ED-437E535F2A65}" presName="sibTrans" presStyleLbl="sibTrans2D1" presStyleIdx="0" presStyleCnt="8"/>
      <dgm:spPr/>
      <dgm:t>
        <a:bodyPr/>
        <a:lstStyle/>
        <a:p>
          <a:pPr rtl="1"/>
          <a:endParaRPr lang="he-IL"/>
        </a:p>
      </dgm:t>
    </dgm:pt>
    <dgm:pt modelId="{94D48446-AC42-4D7A-AB1E-4C17883F49DE}" type="pres">
      <dgm:prSet presAssocID="{3D92CD52-E935-4D58-8C65-760947DB5C61}" presName="middleNode" presStyleCnt="0"/>
      <dgm:spPr/>
    </dgm:pt>
    <dgm:pt modelId="{B25C68B6-20B9-418F-80BE-8BFA828F1163}" type="pres">
      <dgm:prSet presAssocID="{3D92CD52-E935-4D58-8C65-760947DB5C61}" presName="padding" presStyleLbl="node1" presStyleIdx="0" presStyleCnt="9"/>
      <dgm:spPr/>
    </dgm:pt>
    <dgm:pt modelId="{6CAFFE8C-4AFE-46B6-A82F-C0B53B3908C7}" type="pres">
      <dgm:prSet presAssocID="{3D92CD52-E935-4D58-8C65-760947DB5C61}" presName="shape" presStyleLbl="node1" presStyleIdx="1" presStyleCnt="9" custScaleX="227822" custScaleY="142186">
        <dgm:presLayoutVars>
          <dgm:bulletEnabled val="1"/>
        </dgm:presLayoutVars>
      </dgm:prSet>
      <dgm:spPr/>
      <dgm:t>
        <a:bodyPr/>
        <a:lstStyle/>
        <a:p>
          <a:pPr rtl="1"/>
          <a:endParaRPr lang="he-IL"/>
        </a:p>
      </dgm:t>
    </dgm:pt>
    <dgm:pt modelId="{1C78F3A2-D19B-4867-8C60-4AEBA4043A78}" type="pres">
      <dgm:prSet presAssocID="{4E4DA148-EE97-4367-B3DD-0E5700FD0E99}" presName="sibTrans" presStyleLbl="sibTrans2D1" presStyleIdx="1" presStyleCnt="8"/>
      <dgm:spPr/>
      <dgm:t>
        <a:bodyPr/>
        <a:lstStyle/>
        <a:p>
          <a:pPr rtl="1"/>
          <a:endParaRPr lang="he-IL"/>
        </a:p>
      </dgm:t>
    </dgm:pt>
    <dgm:pt modelId="{3442C97A-6529-4E52-B831-13336D3C6F37}" type="pres">
      <dgm:prSet presAssocID="{192CDF5F-915A-4F01-A301-EE06FEBB2504}" presName="middleNode" presStyleCnt="0"/>
      <dgm:spPr/>
    </dgm:pt>
    <dgm:pt modelId="{8BC7AACE-21D8-47D8-B7FD-7907D2BB83F6}" type="pres">
      <dgm:prSet presAssocID="{192CDF5F-915A-4F01-A301-EE06FEBB2504}" presName="padding" presStyleLbl="node1" presStyleIdx="1" presStyleCnt="9"/>
      <dgm:spPr/>
    </dgm:pt>
    <dgm:pt modelId="{EA5E29C9-EC2D-43FB-905A-257ACC79C94B}" type="pres">
      <dgm:prSet presAssocID="{192CDF5F-915A-4F01-A301-EE06FEBB2504}" presName="shape" presStyleLbl="node1" presStyleIdx="2" presStyleCnt="9" custScaleX="227931">
        <dgm:presLayoutVars>
          <dgm:bulletEnabled val="1"/>
        </dgm:presLayoutVars>
      </dgm:prSet>
      <dgm:spPr/>
      <dgm:t>
        <a:bodyPr/>
        <a:lstStyle/>
        <a:p>
          <a:pPr rtl="1"/>
          <a:endParaRPr lang="he-IL"/>
        </a:p>
      </dgm:t>
    </dgm:pt>
    <dgm:pt modelId="{9DCF591A-8A46-4DA6-9BBD-9A4B316DD984}" type="pres">
      <dgm:prSet presAssocID="{95660868-128E-4894-BF7C-F8FEDB3C592E}" presName="sibTrans" presStyleLbl="sibTrans2D1" presStyleIdx="2" presStyleCnt="8"/>
      <dgm:spPr/>
      <dgm:t>
        <a:bodyPr/>
        <a:lstStyle/>
        <a:p>
          <a:pPr rtl="1"/>
          <a:endParaRPr lang="he-IL"/>
        </a:p>
      </dgm:t>
    </dgm:pt>
    <dgm:pt modelId="{9D6E7B7C-7FB1-4BA2-AF8A-353310FF111C}" type="pres">
      <dgm:prSet presAssocID="{D589C13A-FE5A-4FCB-BF4D-FBE5ED3B2990}" presName="middleNode" presStyleCnt="0"/>
      <dgm:spPr/>
    </dgm:pt>
    <dgm:pt modelId="{1AADA5F9-85AD-4B6C-84D3-52BBAC051D1E}" type="pres">
      <dgm:prSet presAssocID="{D589C13A-FE5A-4FCB-BF4D-FBE5ED3B2990}" presName="padding" presStyleLbl="node1" presStyleIdx="2" presStyleCnt="9"/>
      <dgm:spPr/>
    </dgm:pt>
    <dgm:pt modelId="{246496C1-DFE4-47C9-ACEC-D6A8EAE26964}" type="pres">
      <dgm:prSet presAssocID="{D589C13A-FE5A-4FCB-BF4D-FBE5ED3B2990}" presName="shape" presStyleLbl="node1" presStyleIdx="3" presStyleCnt="9" custScaleX="167847">
        <dgm:presLayoutVars>
          <dgm:bulletEnabled val="1"/>
        </dgm:presLayoutVars>
      </dgm:prSet>
      <dgm:spPr/>
      <dgm:t>
        <a:bodyPr/>
        <a:lstStyle/>
        <a:p>
          <a:pPr rtl="1"/>
          <a:endParaRPr lang="he-IL"/>
        </a:p>
      </dgm:t>
    </dgm:pt>
    <dgm:pt modelId="{196D5AE5-D27F-46F9-8453-EBC4267FB4D2}" type="pres">
      <dgm:prSet presAssocID="{AA9BAC90-7D2E-4D4A-AA48-F1AD518E6C57}" presName="sibTrans" presStyleLbl="sibTrans2D1" presStyleIdx="3" presStyleCnt="8"/>
      <dgm:spPr/>
      <dgm:t>
        <a:bodyPr/>
        <a:lstStyle/>
        <a:p>
          <a:pPr rtl="1"/>
          <a:endParaRPr lang="he-IL"/>
        </a:p>
      </dgm:t>
    </dgm:pt>
    <dgm:pt modelId="{03EC8B82-F82C-49B2-A642-92748BD151D3}" type="pres">
      <dgm:prSet presAssocID="{3AF307AB-FCAA-45BB-A490-5BB83348A845}" presName="middleNode" presStyleCnt="0"/>
      <dgm:spPr/>
    </dgm:pt>
    <dgm:pt modelId="{381FE963-F610-4E81-AF3B-4376B64A2BC6}" type="pres">
      <dgm:prSet presAssocID="{3AF307AB-FCAA-45BB-A490-5BB83348A845}" presName="padding" presStyleLbl="node1" presStyleIdx="3" presStyleCnt="9"/>
      <dgm:spPr/>
    </dgm:pt>
    <dgm:pt modelId="{46CFCB0B-53A8-4CCA-9042-29C4889D2AA2}" type="pres">
      <dgm:prSet presAssocID="{3AF307AB-FCAA-45BB-A490-5BB83348A845}" presName="shape" presStyleLbl="node1" presStyleIdx="4" presStyleCnt="9" custScaleX="184177">
        <dgm:presLayoutVars>
          <dgm:bulletEnabled val="1"/>
        </dgm:presLayoutVars>
      </dgm:prSet>
      <dgm:spPr/>
      <dgm:t>
        <a:bodyPr/>
        <a:lstStyle/>
        <a:p>
          <a:pPr rtl="1"/>
          <a:endParaRPr lang="he-IL"/>
        </a:p>
      </dgm:t>
    </dgm:pt>
    <dgm:pt modelId="{6934CAF6-EA22-4A5A-8BDD-D4EDCEFF484C}" type="pres">
      <dgm:prSet presAssocID="{4B995C0C-2F94-4A78-95E7-238855890A71}" presName="sibTrans" presStyleLbl="sibTrans2D1" presStyleIdx="4" presStyleCnt="8"/>
      <dgm:spPr/>
      <dgm:t>
        <a:bodyPr/>
        <a:lstStyle/>
        <a:p>
          <a:pPr rtl="1"/>
          <a:endParaRPr lang="he-IL"/>
        </a:p>
      </dgm:t>
    </dgm:pt>
    <dgm:pt modelId="{23D110C7-56C9-45B7-9089-E49DD4E535F5}" type="pres">
      <dgm:prSet presAssocID="{A46D1D2E-181F-45FD-8976-607A89A3548B}" presName="middleNode" presStyleCnt="0"/>
      <dgm:spPr/>
    </dgm:pt>
    <dgm:pt modelId="{2413BF8B-914C-4A22-BB13-EA8BFD506609}" type="pres">
      <dgm:prSet presAssocID="{A46D1D2E-181F-45FD-8976-607A89A3548B}" presName="padding" presStyleLbl="node1" presStyleIdx="4" presStyleCnt="9"/>
      <dgm:spPr/>
    </dgm:pt>
    <dgm:pt modelId="{CCDCA351-76C7-4791-83D5-E5F91BFB543A}" type="pres">
      <dgm:prSet presAssocID="{A46D1D2E-181F-45FD-8976-607A89A3548B}" presName="shape" presStyleLbl="node1" presStyleIdx="5" presStyleCnt="9" custScaleX="339579" custScaleY="209928">
        <dgm:presLayoutVars>
          <dgm:bulletEnabled val="1"/>
        </dgm:presLayoutVars>
      </dgm:prSet>
      <dgm:spPr/>
      <dgm:t>
        <a:bodyPr/>
        <a:lstStyle/>
        <a:p>
          <a:pPr rtl="1"/>
          <a:endParaRPr lang="he-IL"/>
        </a:p>
      </dgm:t>
    </dgm:pt>
    <dgm:pt modelId="{8DB4EEA0-5FBB-4A7F-A864-F6103BECEB9E}" type="pres">
      <dgm:prSet presAssocID="{C100E008-6431-4798-A294-D915138A1F9A}" presName="sibTrans" presStyleLbl="sibTrans2D1" presStyleIdx="5" presStyleCnt="8"/>
      <dgm:spPr/>
      <dgm:t>
        <a:bodyPr/>
        <a:lstStyle/>
        <a:p>
          <a:pPr rtl="1"/>
          <a:endParaRPr lang="he-IL"/>
        </a:p>
      </dgm:t>
    </dgm:pt>
    <dgm:pt modelId="{B5ED7F0D-3032-47AB-A0AA-5C7D44D148F1}" type="pres">
      <dgm:prSet presAssocID="{D8D1F3D0-CFD5-428C-BFD6-25571AF85DD8}" presName="middleNode" presStyleCnt="0"/>
      <dgm:spPr/>
    </dgm:pt>
    <dgm:pt modelId="{3C449EE5-C979-4196-9D05-3A5947381E96}" type="pres">
      <dgm:prSet presAssocID="{D8D1F3D0-CFD5-428C-BFD6-25571AF85DD8}" presName="padding" presStyleLbl="node1" presStyleIdx="5" presStyleCnt="9"/>
      <dgm:spPr/>
    </dgm:pt>
    <dgm:pt modelId="{4B3DC7FC-E5EF-44AA-A3C2-007810D820FD}" type="pres">
      <dgm:prSet presAssocID="{D8D1F3D0-CFD5-428C-BFD6-25571AF85DD8}" presName="shape" presStyleLbl="node1" presStyleIdx="6" presStyleCnt="9" custScaleX="215117">
        <dgm:presLayoutVars>
          <dgm:bulletEnabled val="1"/>
        </dgm:presLayoutVars>
      </dgm:prSet>
      <dgm:spPr/>
      <dgm:t>
        <a:bodyPr/>
        <a:lstStyle/>
        <a:p>
          <a:pPr rtl="1"/>
          <a:endParaRPr lang="he-IL"/>
        </a:p>
      </dgm:t>
    </dgm:pt>
    <dgm:pt modelId="{22801F67-F9DB-4BE8-9041-46A385FDBD12}" type="pres">
      <dgm:prSet presAssocID="{AC9E4C2C-06F3-45CB-BCFE-C5AFE6AD6CD3}" presName="sibTrans" presStyleLbl="sibTrans2D1" presStyleIdx="6" presStyleCnt="8"/>
      <dgm:spPr/>
      <dgm:t>
        <a:bodyPr/>
        <a:lstStyle/>
        <a:p>
          <a:pPr rtl="1"/>
          <a:endParaRPr lang="he-IL"/>
        </a:p>
      </dgm:t>
    </dgm:pt>
    <dgm:pt modelId="{4FA59434-5DDE-4E64-8629-492EBEF297B4}" type="pres">
      <dgm:prSet presAssocID="{89CED96F-5BB4-4654-9610-2EF06661A7F7}" presName="middleNode" presStyleCnt="0"/>
      <dgm:spPr/>
    </dgm:pt>
    <dgm:pt modelId="{28235EF3-18CC-4E91-A056-89B352B9AEFF}" type="pres">
      <dgm:prSet presAssocID="{89CED96F-5BB4-4654-9610-2EF06661A7F7}" presName="padding" presStyleLbl="node1" presStyleIdx="6" presStyleCnt="9"/>
      <dgm:spPr/>
    </dgm:pt>
    <dgm:pt modelId="{49469378-6FE7-4735-9231-8CB165AA1512}" type="pres">
      <dgm:prSet presAssocID="{89CED96F-5BB4-4654-9610-2EF06661A7F7}" presName="shape" presStyleLbl="node1" presStyleIdx="7" presStyleCnt="9" custScaleX="228573">
        <dgm:presLayoutVars>
          <dgm:bulletEnabled val="1"/>
        </dgm:presLayoutVars>
      </dgm:prSet>
      <dgm:spPr/>
      <dgm:t>
        <a:bodyPr/>
        <a:lstStyle/>
        <a:p>
          <a:pPr rtl="1"/>
          <a:endParaRPr lang="he-IL"/>
        </a:p>
      </dgm:t>
    </dgm:pt>
    <dgm:pt modelId="{7F82953F-9EB8-4065-848A-4EC7E4B9AFC7}" type="pres">
      <dgm:prSet presAssocID="{8E2624D8-919A-4B38-BA96-5D81E261875A}" presName="sibTrans" presStyleLbl="sibTrans2D1" presStyleIdx="7" presStyleCnt="8"/>
      <dgm:spPr/>
      <dgm:t>
        <a:bodyPr/>
        <a:lstStyle/>
        <a:p>
          <a:pPr rtl="1"/>
          <a:endParaRPr lang="he-IL"/>
        </a:p>
      </dgm:t>
    </dgm:pt>
    <dgm:pt modelId="{58A9F8F2-387D-4B2D-A2A8-3071A3F8C535}" type="pres">
      <dgm:prSet presAssocID="{E9DA6214-EBBD-4A5D-BAC4-2F1FD24AA43C}" presName="lastNode" presStyleLbl="node1" presStyleIdx="8" presStyleCnt="9" custScaleX="264098" custScaleY="205951" custLinFactNeighborX="-6795" custLinFactNeighborY="-15011">
        <dgm:presLayoutVars>
          <dgm:bulletEnabled val="1"/>
        </dgm:presLayoutVars>
      </dgm:prSet>
      <dgm:spPr/>
      <dgm:t>
        <a:bodyPr/>
        <a:lstStyle/>
        <a:p>
          <a:pPr rtl="1"/>
          <a:endParaRPr lang="he-IL"/>
        </a:p>
      </dgm:t>
    </dgm:pt>
  </dgm:ptLst>
  <dgm:cxnLst>
    <dgm:cxn modelId="{1AE340F3-4A08-467E-BB89-0431FE9B820D}" type="presOf" srcId="{192CDF5F-915A-4F01-A301-EE06FEBB2504}" destId="{EA5E29C9-EC2D-43FB-905A-257ACC79C94B}" srcOrd="0" destOrd="0" presId="urn:microsoft.com/office/officeart/2005/8/layout/bProcess2"/>
    <dgm:cxn modelId="{C2F14CAB-0838-4FB8-83E7-DBE8C8A86B4E}" srcId="{5AAFF8B7-D923-42B0-AA53-9CEC93C92EA0}" destId="{5ED7EE90-BA11-4D09-A99E-B97BC4DE8638}" srcOrd="0" destOrd="0" parTransId="{D4186E28-B9C7-42E2-BD4E-DAB5507A48C4}" sibTransId="{536B70FC-CA2C-4FB0-95ED-437E535F2A65}"/>
    <dgm:cxn modelId="{60E8AA45-147A-4034-ACC9-DD4E83594D83}" type="presOf" srcId="{95660868-128E-4894-BF7C-F8FEDB3C592E}" destId="{9DCF591A-8A46-4DA6-9BBD-9A4B316DD984}" srcOrd="0" destOrd="0" presId="urn:microsoft.com/office/officeart/2005/8/layout/bProcess2"/>
    <dgm:cxn modelId="{0B541778-DADE-42D1-B5FF-8405415BEE33}" type="presOf" srcId="{D589C13A-FE5A-4FCB-BF4D-FBE5ED3B2990}" destId="{246496C1-DFE4-47C9-ACEC-D6A8EAE26964}" srcOrd="0" destOrd="0" presId="urn:microsoft.com/office/officeart/2005/8/layout/bProcess2"/>
    <dgm:cxn modelId="{BE42E877-7C01-4B02-9DE3-FC7C6A596220}" type="presOf" srcId="{89CED96F-5BB4-4654-9610-2EF06661A7F7}" destId="{49469378-6FE7-4735-9231-8CB165AA1512}" srcOrd="0" destOrd="0" presId="urn:microsoft.com/office/officeart/2005/8/layout/bProcess2"/>
    <dgm:cxn modelId="{615FEAEA-38A6-4285-825C-FC47C55B540D}" srcId="{5AAFF8B7-D923-42B0-AA53-9CEC93C92EA0}" destId="{3D92CD52-E935-4D58-8C65-760947DB5C61}" srcOrd="1" destOrd="0" parTransId="{928717C1-3A7C-4918-8051-76F67FCEAF30}" sibTransId="{4E4DA148-EE97-4367-B3DD-0E5700FD0E99}"/>
    <dgm:cxn modelId="{9A4FA8A9-82E5-42F7-97D8-3E9A40967D8D}" type="presOf" srcId="{3D92CD52-E935-4D58-8C65-760947DB5C61}" destId="{6CAFFE8C-4AFE-46B6-A82F-C0B53B3908C7}" srcOrd="0" destOrd="0" presId="urn:microsoft.com/office/officeart/2005/8/layout/bProcess2"/>
    <dgm:cxn modelId="{8CAF5F45-C9B5-4622-89A8-C214D9B5DE7C}" type="presOf" srcId="{A46D1D2E-181F-45FD-8976-607A89A3548B}" destId="{CCDCA351-76C7-4791-83D5-E5F91BFB543A}" srcOrd="0" destOrd="0" presId="urn:microsoft.com/office/officeart/2005/8/layout/bProcess2"/>
    <dgm:cxn modelId="{5191C151-9CF0-4B12-B8B0-4FCE06F81D78}" type="presOf" srcId="{C100E008-6431-4798-A294-D915138A1F9A}" destId="{8DB4EEA0-5FBB-4A7F-A864-F6103BECEB9E}" srcOrd="0" destOrd="0" presId="urn:microsoft.com/office/officeart/2005/8/layout/bProcess2"/>
    <dgm:cxn modelId="{EBFD302C-7833-403B-AD7B-591A220CC26A}" type="presOf" srcId="{AA9BAC90-7D2E-4D4A-AA48-F1AD518E6C57}" destId="{196D5AE5-D27F-46F9-8453-EBC4267FB4D2}" srcOrd="0" destOrd="0" presId="urn:microsoft.com/office/officeart/2005/8/layout/bProcess2"/>
    <dgm:cxn modelId="{D62BCA64-6ED6-471A-9819-04DA4D7F7DB1}" type="presOf" srcId="{4E4DA148-EE97-4367-B3DD-0E5700FD0E99}" destId="{1C78F3A2-D19B-4867-8C60-4AEBA4043A78}" srcOrd="0" destOrd="0" presId="urn:microsoft.com/office/officeart/2005/8/layout/bProcess2"/>
    <dgm:cxn modelId="{F5A3E5C3-30CD-441A-BAE2-13656E90AD7A}" srcId="{5AAFF8B7-D923-42B0-AA53-9CEC93C92EA0}" destId="{3AF307AB-FCAA-45BB-A490-5BB83348A845}" srcOrd="4" destOrd="0" parTransId="{536A9C3D-ADE3-4A94-A991-3BD8D13F48FC}" sibTransId="{4B995C0C-2F94-4A78-95E7-238855890A71}"/>
    <dgm:cxn modelId="{F9BF3B18-0C6B-4045-9476-B83E0391A1CE}" type="presOf" srcId="{E9DA6214-EBBD-4A5D-BAC4-2F1FD24AA43C}" destId="{58A9F8F2-387D-4B2D-A2A8-3071A3F8C535}" srcOrd="0" destOrd="0" presId="urn:microsoft.com/office/officeart/2005/8/layout/bProcess2"/>
    <dgm:cxn modelId="{AFA1197D-4340-49C0-B43F-3E794E17402D}" type="presOf" srcId="{4B995C0C-2F94-4A78-95E7-238855890A71}" destId="{6934CAF6-EA22-4A5A-8BDD-D4EDCEFF484C}" srcOrd="0" destOrd="0" presId="urn:microsoft.com/office/officeart/2005/8/layout/bProcess2"/>
    <dgm:cxn modelId="{14C123D4-3350-4CF8-BAA2-F0AF9A5344A0}" type="presOf" srcId="{536B70FC-CA2C-4FB0-95ED-437E535F2A65}" destId="{0F7E5358-42FB-48B1-B44D-0809ABAA64F9}" srcOrd="0" destOrd="0" presId="urn:microsoft.com/office/officeart/2005/8/layout/bProcess2"/>
    <dgm:cxn modelId="{FA6EA9F5-F834-456A-943C-E3FF8798A29F}" type="presOf" srcId="{5AAFF8B7-D923-42B0-AA53-9CEC93C92EA0}" destId="{FA9418A0-E1B9-44F4-BF39-0B15A0943E72}" srcOrd="0" destOrd="0" presId="urn:microsoft.com/office/officeart/2005/8/layout/bProcess2"/>
    <dgm:cxn modelId="{7AF5DE10-07D5-4783-BA79-66CE98404FBD}" srcId="{5AAFF8B7-D923-42B0-AA53-9CEC93C92EA0}" destId="{A46D1D2E-181F-45FD-8976-607A89A3548B}" srcOrd="5" destOrd="0" parTransId="{E9FC20BB-C08D-4BC1-93DA-7384F5341ECE}" sibTransId="{C100E008-6431-4798-A294-D915138A1F9A}"/>
    <dgm:cxn modelId="{236BD87D-27EA-4A91-9696-E60C6F813723}" type="presOf" srcId="{AC9E4C2C-06F3-45CB-BCFE-C5AFE6AD6CD3}" destId="{22801F67-F9DB-4BE8-9041-46A385FDBD12}" srcOrd="0" destOrd="0" presId="urn:microsoft.com/office/officeart/2005/8/layout/bProcess2"/>
    <dgm:cxn modelId="{772D6ED4-4869-406F-89AC-4B85B30CEF97}" type="presOf" srcId="{D8D1F3D0-CFD5-428C-BFD6-25571AF85DD8}" destId="{4B3DC7FC-E5EF-44AA-A3C2-007810D820FD}" srcOrd="0" destOrd="0" presId="urn:microsoft.com/office/officeart/2005/8/layout/bProcess2"/>
    <dgm:cxn modelId="{FFA0A9EC-C7E7-4B27-9F6A-89310535D791}" type="presOf" srcId="{5ED7EE90-BA11-4D09-A99E-B97BC4DE8638}" destId="{CCDD6A14-B5EE-4D28-A1BF-C27175E1E20B}" srcOrd="0" destOrd="0" presId="urn:microsoft.com/office/officeart/2005/8/layout/bProcess2"/>
    <dgm:cxn modelId="{B7A1CF51-E000-4984-82E2-EE792B4A9C9B}" srcId="{5AAFF8B7-D923-42B0-AA53-9CEC93C92EA0}" destId="{D589C13A-FE5A-4FCB-BF4D-FBE5ED3B2990}" srcOrd="3" destOrd="0" parTransId="{E7EF00DD-26ED-4153-B247-A7219B019FC6}" sibTransId="{AA9BAC90-7D2E-4D4A-AA48-F1AD518E6C57}"/>
    <dgm:cxn modelId="{16ABF484-724A-49DD-9EE4-545B16972332}" type="presOf" srcId="{3AF307AB-FCAA-45BB-A490-5BB83348A845}" destId="{46CFCB0B-53A8-4CCA-9042-29C4889D2AA2}" srcOrd="0" destOrd="0" presId="urn:microsoft.com/office/officeart/2005/8/layout/bProcess2"/>
    <dgm:cxn modelId="{B4599422-44C0-46CD-9E68-FDC1A59C3F31}" srcId="{5AAFF8B7-D923-42B0-AA53-9CEC93C92EA0}" destId="{89CED96F-5BB4-4654-9610-2EF06661A7F7}" srcOrd="7" destOrd="0" parTransId="{04E5CB21-A85F-492A-8201-EADDA6E38EA6}" sibTransId="{8E2624D8-919A-4B38-BA96-5D81E261875A}"/>
    <dgm:cxn modelId="{FBDFA260-2DAD-4F8C-8FD0-2B220AB22FAF}" srcId="{5AAFF8B7-D923-42B0-AA53-9CEC93C92EA0}" destId="{E9DA6214-EBBD-4A5D-BAC4-2F1FD24AA43C}" srcOrd="8" destOrd="0" parTransId="{CC0BFDBF-4D58-4D81-918E-A06ABBDA30CA}" sibTransId="{EF71DB51-28AD-4D07-B844-69AD110FF4D2}"/>
    <dgm:cxn modelId="{7A303DA5-2A4C-4439-925F-4FAFAB0CD269}" srcId="{5AAFF8B7-D923-42B0-AA53-9CEC93C92EA0}" destId="{D8D1F3D0-CFD5-428C-BFD6-25571AF85DD8}" srcOrd="6" destOrd="0" parTransId="{A0401A3D-FEC9-4FE4-AACC-D9944F4C64CE}" sibTransId="{AC9E4C2C-06F3-45CB-BCFE-C5AFE6AD6CD3}"/>
    <dgm:cxn modelId="{DEAF3F93-D645-486A-8803-9F0CA48DA0C5}" type="presOf" srcId="{8E2624D8-919A-4B38-BA96-5D81E261875A}" destId="{7F82953F-9EB8-4065-848A-4EC7E4B9AFC7}" srcOrd="0" destOrd="0" presId="urn:microsoft.com/office/officeart/2005/8/layout/bProcess2"/>
    <dgm:cxn modelId="{63BFCB94-926A-48EC-9741-DC4EECB380E9}" srcId="{5AAFF8B7-D923-42B0-AA53-9CEC93C92EA0}" destId="{192CDF5F-915A-4F01-A301-EE06FEBB2504}" srcOrd="2" destOrd="0" parTransId="{0AC0DD7B-5E37-49D1-BA5F-0F5995400E56}" sibTransId="{95660868-128E-4894-BF7C-F8FEDB3C592E}"/>
    <dgm:cxn modelId="{DCDFE0FF-E421-44B8-9863-F1F9B59CBA19}" type="presParOf" srcId="{FA9418A0-E1B9-44F4-BF39-0B15A0943E72}" destId="{CCDD6A14-B5EE-4D28-A1BF-C27175E1E20B}" srcOrd="0" destOrd="0" presId="urn:microsoft.com/office/officeart/2005/8/layout/bProcess2"/>
    <dgm:cxn modelId="{13209C2C-2AF1-4C41-ABCF-5EEFF46ACB87}" type="presParOf" srcId="{FA9418A0-E1B9-44F4-BF39-0B15A0943E72}" destId="{0F7E5358-42FB-48B1-B44D-0809ABAA64F9}" srcOrd="1" destOrd="0" presId="urn:microsoft.com/office/officeart/2005/8/layout/bProcess2"/>
    <dgm:cxn modelId="{FDBAD6AE-5A3E-448D-AF17-DFE25ECD7E91}" type="presParOf" srcId="{FA9418A0-E1B9-44F4-BF39-0B15A0943E72}" destId="{94D48446-AC42-4D7A-AB1E-4C17883F49DE}" srcOrd="2" destOrd="0" presId="urn:microsoft.com/office/officeart/2005/8/layout/bProcess2"/>
    <dgm:cxn modelId="{18CD3764-9398-4C5F-BDF4-CFA01EAEBA08}" type="presParOf" srcId="{94D48446-AC42-4D7A-AB1E-4C17883F49DE}" destId="{B25C68B6-20B9-418F-80BE-8BFA828F1163}" srcOrd="0" destOrd="0" presId="urn:microsoft.com/office/officeart/2005/8/layout/bProcess2"/>
    <dgm:cxn modelId="{A69D2AC8-BA3F-4AFE-B578-4017E7DC7BB5}" type="presParOf" srcId="{94D48446-AC42-4D7A-AB1E-4C17883F49DE}" destId="{6CAFFE8C-4AFE-46B6-A82F-C0B53B3908C7}" srcOrd="1" destOrd="0" presId="urn:microsoft.com/office/officeart/2005/8/layout/bProcess2"/>
    <dgm:cxn modelId="{88897B21-755E-4AAA-9DBE-F42C04DA8A3F}" type="presParOf" srcId="{FA9418A0-E1B9-44F4-BF39-0B15A0943E72}" destId="{1C78F3A2-D19B-4867-8C60-4AEBA4043A78}" srcOrd="3" destOrd="0" presId="urn:microsoft.com/office/officeart/2005/8/layout/bProcess2"/>
    <dgm:cxn modelId="{F0102870-C580-4BBF-A12B-7A70A27E914A}" type="presParOf" srcId="{FA9418A0-E1B9-44F4-BF39-0B15A0943E72}" destId="{3442C97A-6529-4E52-B831-13336D3C6F37}" srcOrd="4" destOrd="0" presId="urn:microsoft.com/office/officeart/2005/8/layout/bProcess2"/>
    <dgm:cxn modelId="{7DBD8AAC-12AF-41C6-9CAE-7D09730B81E5}" type="presParOf" srcId="{3442C97A-6529-4E52-B831-13336D3C6F37}" destId="{8BC7AACE-21D8-47D8-B7FD-7907D2BB83F6}" srcOrd="0" destOrd="0" presId="urn:microsoft.com/office/officeart/2005/8/layout/bProcess2"/>
    <dgm:cxn modelId="{5B4211F5-E8A1-4E29-A8D1-A242306298CD}" type="presParOf" srcId="{3442C97A-6529-4E52-B831-13336D3C6F37}" destId="{EA5E29C9-EC2D-43FB-905A-257ACC79C94B}" srcOrd="1" destOrd="0" presId="urn:microsoft.com/office/officeart/2005/8/layout/bProcess2"/>
    <dgm:cxn modelId="{6FDC9C11-AD73-47F1-98DD-23787A952DD6}" type="presParOf" srcId="{FA9418A0-E1B9-44F4-BF39-0B15A0943E72}" destId="{9DCF591A-8A46-4DA6-9BBD-9A4B316DD984}" srcOrd="5" destOrd="0" presId="urn:microsoft.com/office/officeart/2005/8/layout/bProcess2"/>
    <dgm:cxn modelId="{FECAA43F-93D4-49EA-9258-E0E82F9A863D}" type="presParOf" srcId="{FA9418A0-E1B9-44F4-BF39-0B15A0943E72}" destId="{9D6E7B7C-7FB1-4BA2-AF8A-353310FF111C}" srcOrd="6" destOrd="0" presId="urn:microsoft.com/office/officeart/2005/8/layout/bProcess2"/>
    <dgm:cxn modelId="{46F1C7DC-9520-4D49-B99F-BB667982CD6B}" type="presParOf" srcId="{9D6E7B7C-7FB1-4BA2-AF8A-353310FF111C}" destId="{1AADA5F9-85AD-4B6C-84D3-52BBAC051D1E}" srcOrd="0" destOrd="0" presId="urn:microsoft.com/office/officeart/2005/8/layout/bProcess2"/>
    <dgm:cxn modelId="{50F01D5B-5CE2-4055-A77A-1A2742209547}" type="presParOf" srcId="{9D6E7B7C-7FB1-4BA2-AF8A-353310FF111C}" destId="{246496C1-DFE4-47C9-ACEC-D6A8EAE26964}" srcOrd="1" destOrd="0" presId="urn:microsoft.com/office/officeart/2005/8/layout/bProcess2"/>
    <dgm:cxn modelId="{28F6E0AB-72F1-4021-91EA-1FFD8C87ACE7}" type="presParOf" srcId="{FA9418A0-E1B9-44F4-BF39-0B15A0943E72}" destId="{196D5AE5-D27F-46F9-8453-EBC4267FB4D2}" srcOrd="7" destOrd="0" presId="urn:microsoft.com/office/officeart/2005/8/layout/bProcess2"/>
    <dgm:cxn modelId="{4F9B8A40-DFEB-4000-8003-EE8DF367E71F}" type="presParOf" srcId="{FA9418A0-E1B9-44F4-BF39-0B15A0943E72}" destId="{03EC8B82-F82C-49B2-A642-92748BD151D3}" srcOrd="8" destOrd="0" presId="urn:microsoft.com/office/officeart/2005/8/layout/bProcess2"/>
    <dgm:cxn modelId="{8D3652CA-4000-4C03-85D9-AE4B55D42B90}" type="presParOf" srcId="{03EC8B82-F82C-49B2-A642-92748BD151D3}" destId="{381FE963-F610-4E81-AF3B-4376B64A2BC6}" srcOrd="0" destOrd="0" presId="urn:microsoft.com/office/officeart/2005/8/layout/bProcess2"/>
    <dgm:cxn modelId="{655DBF95-6B2C-499E-B93F-4B70585E30A2}" type="presParOf" srcId="{03EC8B82-F82C-49B2-A642-92748BD151D3}" destId="{46CFCB0B-53A8-4CCA-9042-29C4889D2AA2}" srcOrd="1" destOrd="0" presId="urn:microsoft.com/office/officeart/2005/8/layout/bProcess2"/>
    <dgm:cxn modelId="{99BA1EA7-4FF9-42F6-A3EF-937B9174E7B3}" type="presParOf" srcId="{FA9418A0-E1B9-44F4-BF39-0B15A0943E72}" destId="{6934CAF6-EA22-4A5A-8BDD-D4EDCEFF484C}" srcOrd="9" destOrd="0" presId="urn:microsoft.com/office/officeart/2005/8/layout/bProcess2"/>
    <dgm:cxn modelId="{7E54D7AC-D2FF-48E5-A5F8-28602D933E09}" type="presParOf" srcId="{FA9418A0-E1B9-44F4-BF39-0B15A0943E72}" destId="{23D110C7-56C9-45B7-9089-E49DD4E535F5}" srcOrd="10" destOrd="0" presId="urn:microsoft.com/office/officeart/2005/8/layout/bProcess2"/>
    <dgm:cxn modelId="{28D70E3C-37CD-411C-86AD-798509246F3C}" type="presParOf" srcId="{23D110C7-56C9-45B7-9089-E49DD4E535F5}" destId="{2413BF8B-914C-4A22-BB13-EA8BFD506609}" srcOrd="0" destOrd="0" presId="urn:microsoft.com/office/officeart/2005/8/layout/bProcess2"/>
    <dgm:cxn modelId="{932C2C96-B587-49BF-A839-BED0BB523EF2}" type="presParOf" srcId="{23D110C7-56C9-45B7-9089-E49DD4E535F5}" destId="{CCDCA351-76C7-4791-83D5-E5F91BFB543A}" srcOrd="1" destOrd="0" presId="urn:microsoft.com/office/officeart/2005/8/layout/bProcess2"/>
    <dgm:cxn modelId="{FC31D819-F330-4518-A49B-0714FFAB39B0}" type="presParOf" srcId="{FA9418A0-E1B9-44F4-BF39-0B15A0943E72}" destId="{8DB4EEA0-5FBB-4A7F-A864-F6103BECEB9E}" srcOrd="11" destOrd="0" presId="urn:microsoft.com/office/officeart/2005/8/layout/bProcess2"/>
    <dgm:cxn modelId="{D9DC6BBD-B860-42FC-A878-B95ECB49BBAA}" type="presParOf" srcId="{FA9418A0-E1B9-44F4-BF39-0B15A0943E72}" destId="{B5ED7F0D-3032-47AB-A0AA-5C7D44D148F1}" srcOrd="12" destOrd="0" presId="urn:microsoft.com/office/officeart/2005/8/layout/bProcess2"/>
    <dgm:cxn modelId="{EE18C49E-2610-440B-997A-52C1156E6C8E}" type="presParOf" srcId="{B5ED7F0D-3032-47AB-A0AA-5C7D44D148F1}" destId="{3C449EE5-C979-4196-9D05-3A5947381E96}" srcOrd="0" destOrd="0" presId="urn:microsoft.com/office/officeart/2005/8/layout/bProcess2"/>
    <dgm:cxn modelId="{2A751353-0FD7-4E21-BC2A-4CC03D23EADD}" type="presParOf" srcId="{B5ED7F0D-3032-47AB-A0AA-5C7D44D148F1}" destId="{4B3DC7FC-E5EF-44AA-A3C2-007810D820FD}" srcOrd="1" destOrd="0" presId="urn:microsoft.com/office/officeart/2005/8/layout/bProcess2"/>
    <dgm:cxn modelId="{E19B535C-93D4-48B6-89A1-ACFD7C94FF5A}" type="presParOf" srcId="{FA9418A0-E1B9-44F4-BF39-0B15A0943E72}" destId="{22801F67-F9DB-4BE8-9041-46A385FDBD12}" srcOrd="13" destOrd="0" presId="urn:microsoft.com/office/officeart/2005/8/layout/bProcess2"/>
    <dgm:cxn modelId="{46CD4825-97BA-40C9-AE60-926B3BB3EAC1}" type="presParOf" srcId="{FA9418A0-E1B9-44F4-BF39-0B15A0943E72}" destId="{4FA59434-5DDE-4E64-8629-492EBEF297B4}" srcOrd="14" destOrd="0" presId="urn:microsoft.com/office/officeart/2005/8/layout/bProcess2"/>
    <dgm:cxn modelId="{C06642A3-E5F0-47E4-8A61-2136160F6BDE}" type="presParOf" srcId="{4FA59434-5DDE-4E64-8629-492EBEF297B4}" destId="{28235EF3-18CC-4E91-A056-89B352B9AEFF}" srcOrd="0" destOrd="0" presId="urn:microsoft.com/office/officeart/2005/8/layout/bProcess2"/>
    <dgm:cxn modelId="{171BBBA1-CAE1-4723-9E08-1E8D0FC257D7}" type="presParOf" srcId="{4FA59434-5DDE-4E64-8629-492EBEF297B4}" destId="{49469378-6FE7-4735-9231-8CB165AA1512}" srcOrd="1" destOrd="0" presId="urn:microsoft.com/office/officeart/2005/8/layout/bProcess2"/>
    <dgm:cxn modelId="{D2AF88BC-9CD2-45A2-B16C-680E1CCB4E10}" type="presParOf" srcId="{FA9418A0-E1B9-44F4-BF39-0B15A0943E72}" destId="{7F82953F-9EB8-4065-848A-4EC7E4B9AFC7}" srcOrd="15" destOrd="0" presId="urn:microsoft.com/office/officeart/2005/8/layout/bProcess2"/>
    <dgm:cxn modelId="{91D1CD3F-279A-43A1-AEF9-DC713BB012DD}" type="presParOf" srcId="{FA9418A0-E1B9-44F4-BF39-0B15A0943E72}" destId="{58A9F8F2-387D-4B2D-A2A8-3071A3F8C535}" srcOrd="16" destOrd="0" presId="urn:microsoft.com/office/officeart/2005/8/layout/bProcess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5AAFF8B7-D923-42B0-AA53-9CEC93C92EA0}" type="doc">
      <dgm:prSet loTypeId="urn:microsoft.com/office/officeart/2005/8/layout/bProcess2" loCatId="process" qsTypeId="urn:microsoft.com/office/officeart/2005/8/quickstyle/simple1" qsCatId="simple" csTypeId="urn:microsoft.com/office/officeart/2005/8/colors/accent0_3" csCatId="mainScheme" phldr="1"/>
      <dgm:spPr/>
      <dgm:t>
        <a:bodyPr/>
        <a:lstStyle/>
        <a:p>
          <a:pPr rtl="1"/>
          <a:endParaRPr lang="he-IL"/>
        </a:p>
      </dgm:t>
    </dgm:pt>
    <dgm:pt modelId="{5ED7EE90-BA11-4D09-A99E-B97BC4DE8638}">
      <dgm:prSet phldrT="[טקסט]" custT="1"/>
      <dgm:spPr>
        <a:solidFill>
          <a:srgbClr val="00B0F0"/>
        </a:solidFill>
      </dgm:spPr>
      <dgm:t>
        <a:bodyPr/>
        <a:lstStyle/>
        <a:p>
          <a:pPr rtl="1"/>
          <a:r>
            <a:rPr lang="he-IL" sz="2800" dirty="0" smtClean="0">
              <a:latin typeface="Narkisim" panose="020E0502050101010101" pitchFamily="34" charset="-79"/>
              <a:cs typeface="Narkisim" panose="020E0502050101010101" pitchFamily="34" charset="-79"/>
            </a:rPr>
            <a:t>איתור </a:t>
          </a:r>
        </a:p>
        <a:p>
          <a:pPr rtl="1"/>
          <a:r>
            <a:rPr lang="he-IL" sz="2800" dirty="0" smtClean="0">
              <a:latin typeface="Narkisim" panose="020E0502050101010101" pitchFamily="34" charset="-79"/>
              <a:cs typeface="Narkisim" panose="020E0502050101010101" pitchFamily="34" charset="-79"/>
            </a:rPr>
            <a:t>הפוטנציאל</a:t>
          </a:r>
          <a:endParaRPr lang="he-IL" sz="2800" dirty="0">
            <a:latin typeface="Narkisim" panose="020E0502050101010101" pitchFamily="34" charset="-79"/>
            <a:cs typeface="Narkisim" panose="020E0502050101010101" pitchFamily="34" charset="-79"/>
          </a:endParaRPr>
        </a:p>
      </dgm:t>
    </dgm:pt>
    <dgm:pt modelId="{D4186E28-B9C7-42E2-BD4E-DAB5507A48C4}" type="parTrans" cxnId="{C2F14CAB-0838-4FB8-83E7-DBE8C8A86B4E}">
      <dgm:prSet/>
      <dgm:spPr/>
      <dgm:t>
        <a:bodyPr/>
        <a:lstStyle/>
        <a:p>
          <a:pPr rtl="1"/>
          <a:endParaRPr lang="he-IL" sz="3200">
            <a:latin typeface="Narkisim" panose="020E0502050101010101" pitchFamily="34" charset="-79"/>
            <a:cs typeface="Narkisim" panose="020E0502050101010101" pitchFamily="34" charset="-79"/>
          </a:endParaRPr>
        </a:p>
      </dgm:t>
    </dgm:pt>
    <dgm:pt modelId="{536B70FC-CA2C-4FB0-95ED-437E535F2A65}" type="sibTrans" cxnId="{C2F14CAB-0838-4FB8-83E7-DBE8C8A86B4E}">
      <dgm:prSet/>
      <dgm:spPr>
        <a:solidFill>
          <a:srgbClr val="00B0F0"/>
        </a:solidFill>
      </dgm:spPr>
      <dgm:t>
        <a:bodyPr/>
        <a:lstStyle/>
        <a:p>
          <a:pPr rtl="1"/>
          <a:endParaRPr lang="he-IL" sz="3200">
            <a:latin typeface="Narkisim" panose="020E0502050101010101" pitchFamily="34" charset="-79"/>
            <a:cs typeface="Narkisim" panose="020E0502050101010101" pitchFamily="34" charset="-79"/>
          </a:endParaRPr>
        </a:p>
      </dgm:t>
    </dgm:pt>
    <dgm:pt modelId="{3D92CD52-E935-4D58-8C65-760947DB5C61}">
      <dgm:prSet phldrT="[טקסט]" custT="1"/>
      <dgm:spPr>
        <a:solidFill>
          <a:srgbClr val="FFC000"/>
        </a:solidFill>
      </dgm:spPr>
      <dgm:t>
        <a:bodyPr/>
        <a:lstStyle/>
        <a:p>
          <a:pPr rtl="1"/>
          <a:r>
            <a:rPr lang="he-IL" sz="2800" dirty="0" smtClean="0">
              <a:latin typeface="Narkisim" panose="020E0502050101010101" pitchFamily="34" charset="-79"/>
              <a:cs typeface="Narkisim" panose="020E0502050101010101" pitchFamily="34" charset="-79"/>
            </a:rPr>
            <a:t>הפער</a:t>
          </a:r>
          <a:endParaRPr lang="he-IL" sz="2800" dirty="0">
            <a:latin typeface="Narkisim" panose="020E0502050101010101" pitchFamily="34" charset="-79"/>
            <a:cs typeface="Narkisim" panose="020E0502050101010101" pitchFamily="34" charset="-79"/>
          </a:endParaRPr>
        </a:p>
      </dgm:t>
    </dgm:pt>
    <dgm:pt modelId="{928717C1-3A7C-4918-8051-76F67FCEAF30}" type="parTrans" cxnId="{615FEAEA-38A6-4285-825C-FC47C55B540D}">
      <dgm:prSet/>
      <dgm:spPr/>
      <dgm:t>
        <a:bodyPr/>
        <a:lstStyle/>
        <a:p>
          <a:pPr rtl="1"/>
          <a:endParaRPr lang="he-IL" sz="3200">
            <a:latin typeface="Narkisim" panose="020E0502050101010101" pitchFamily="34" charset="-79"/>
            <a:cs typeface="Narkisim" panose="020E0502050101010101" pitchFamily="34" charset="-79"/>
          </a:endParaRPr>
        </a:p>
      </dgm:t>
    </dgm:pt>
    <dgm:pt modelId="{4E4DA148-EE97-4367-B3DD-0E5700FD0E99}" type="sibTrans" cxnId="{615FEAEA-38A6-4285-825C-FC47C55B540D}">
      <dgm:prSet/>
      <dgm:spPr>
        <a:solidFill>
          <a:srgbClr val="00B0F0"/>
        </a:solidFill>
      </dgm:spPr>
      <dgm:t>
        <a:bodyPr/>
        <a:lstStyle/>
        <a:p>
          <a:pPr rtl="1"/>
          <a:endParaRPr lang="he-IL" sz="3200">
            <a:latin typeface="Narkisim" panose="020E0502050101010101" pitchFamily="34" charset="-79"/>
            <a:cs typeface="Narkisim" panose="020E0502050101010101" pitchFamily="34" charset="-79"/>
          </a:endParaRPr>
        </a:p>
      </dgm:t>
    </dgm:pt>
    <dgm:pt modelId="{A46D1D2E-181F-45FD-8976-607A89A3548B}">
      <dgm:prSet phldrT="[טקסט]" custT="1"/>
      <dgm:spPr>
        <a:solidFill>
          <a:srgbClr val="00B0F0"/>
        </a:solidFill>
      </dgm:spPr>
      <dgm:t>
        <a:bodyPr/>
        <a:lstStyle/>
        <a:p>
          <a:pPr rtl="1"/>
          <a:r>
            <a:rPr lang="he-IL" sz="3200" dirty="0" smtClean="0">
              <a:latin typeface="Narkisim" panose="020E0502050101010101" pitchFamily="34" charset="-79"/>
              <a:cs typeface="Narkisim" panose="020E0502050101010101" pitchFamily="34" charset="-79"/>
            </a:rPr>
            <a:t>ניתוח מערכתי להבנת הסביבה החדשה</a:t>
          </a:r>
          <a:endParaRPr lang="he-IL" sz="3200" dirty="0">
            <a:latin typeface="Narkisim" panose="020E0502050101010101" pitchFamily="34" charset="-79"/>
            <a:cs typeface="Narkisim" panose="020E0502050101010101" pitchFamily="34" charset="-79"/>
          </a:endParaRPr>
        </a:p>
      </dgm:t>
    </dgm:pt>
    <dgm:pt modelId="{E9FC20BB-C08D-4BC1-93DA-7384F5341ECE}" type="parTrans" cxnId="{7AF5DE10-07D5-4783-BA79-66CE98404FBD}">
      <dgm:prSet/>
      <dgm:spPr/>
      <dgm:t>
        <a:bodyPr/>
        <a:lstStyle/>
        <a:p>
          <a:pPr rtl="1"/>
          <a:endParaRPr lang="he-IL" sz="3200">
            <a:latin typeface="Narkisim" panose="020E0502050101010101" pitchFamily="34" charset="-79"/>
            <a:cs typeface="Narkisim" panose="020E0502050101010101" pitchFamily="34" charset="-79"/>
          </a:endParaRPr>
        </a:p>
      </dgm:t>
    </dgm:pt>
    <dgm:pt modelId="{C100E008-6431-4798-A294-D915138A1F9A}" type="sibTrans" cxnId="{7AF5DE10-07D5-4783-BA79-66CE98404FBD}">
      <dgm:prSet/>
      <dgm:spPr>
        <a:solidFill>
          <a:srgbClr val="00B0F0"/>
        </a:solidFill>
      </dgm:spPr>
      <dgm:t>
        <a:bodyPr/>
        <a:lstStyle/>
        <a:p>
          <a:pPr rtl="1"/>
          <a:endParaRPr lang="he-IL" sz="3200">
            <a:latin typeface="Narkisim" panose="020E0502050101010101" pitchFamily="34" charset="-79"/>
            <a:cs typeface="Narkisim" panose="020E0502050101010101" pitchFamily="34" charset="-79"/>
          </a:endParaRPr>
        </a:p>
      </dgm:t>
    </dgm:pt>
    <dgm:pt modelId="{E9DA6214-EBBD-4A5D-BAC4-2F1FD24AA43C}">
      <dgm:prSet phldrT="[טקסט]" custT="1"/>
      <dgm:spPr>
        <a:solidFill>
          <a:srgbClr val="250A56"/>
        </a:solidFill>
      </dgm:spPr>
      <dgm:t>
        <a:bodyPr/>
        <a:lstStyle/>
        <a:p>
          <a:pPr rtl="1"/>
          <a:r>
            <a:rPr lang="he-IL" sz="2800" b="1" dirty="0" smtClean="0">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תכלית</a:t>
          </a:r>
        </a:p>
        <a:p>
          <a:pPr rtl="1"/>
          <a:r>
            <a:rPr lang="he-IL" sz="2800" b="1" dirty="0" smtClean="0">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אסטרטגית</a:t>
          </a:r>
          <a:endParaRPr lang="he-IL" sz="2800" b="1" dirty="0">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dgm:t>
    </dgm:pt>
    <dgm:pt modelId="{CC0BFDBF-4D58-4D81-918E-A06ABBDA30CA}" type="parTrans" cxnId="{FBDFA260-2DAD-4F8C-8FD0-2B220AB22FAF}">
      <dgm:prSet/>
      <dgm:spPr/>
      <dgm:t>
        <a:bodyPr/>
        <a:lstStyle/>
        <a:p>
          <a:pPr rtl="1"/>
          <a:endParaRPr lang="he-IL" sz="3200">
            <a:latin typeface="Narkisim" panose="020E0502050101010101" pitchFamily="34" charset="-79"/>
            <a:cs typeface="Narkisim" panose="020E0502050101010101" pitchFamily="34" charset="-79"/>
          </a:endParaRPr>
        </a:p>
      </dgm:t>
    </dgm:pt>
    <dgm:pt modelId="{EF71DB51-28AD-4D07-B844-69AD110FF4D2}" type="sibTrans" cxnId="{FBDFA260-2DAD-4F8C-8FD0-2B220AB22FAF}">
      <dgm:prSet/>
      <dgm:spPr/>
      <dgm:t>
        <a:bodyPr/>
        <a:lstStyle/>
        <a:p>
          <a:pPr rtl="1"/>
          <a:endParaRPr lang="he-IL" sz="3200">
            <a:latin typeface="Narkisim" panose="020E0502050101010101" pitchFamily="34" charset="-79"/>
            <a:cs typeface="Narkisim" panose="020E0502050101010101" pitchFamily="34" charset="-79"/>
          </a:endParaRPr>
        </a:p>
      </dgm:t>
    </dgm:pt>
    <dgm:pt modelId="{FA9418A0-E1B9-44F4-BF39-0B15A0943E72}" type="pres">
      <dgm:prSet presAssocID="{5AAFF8B7-D923-42B0-AA53-9CEC93C92EA0}" presName="diagram" presStyleCnt="0">
        <dgm:presLayoutVars>
          <dgm:dir/>
          <dgm:resizeHandles/>
        </dgm:presLayoutVars>
      </dgm:prSet>
      <dgm:spPr/>
      <dgm:t>
        <a:bodyPr/>
        <a:lstStyle/>
        <a:p>
          <a:pPr rtl="1"/>
          <a:endParaRPr lang="he-IL"/>
        </a:p>
      </dgm:t>
    </dgm:pt>
    <dgm:pt modelId="{CCDD6A14-B5EE-4D28-A1BF-C27175E1E20B}" type="pres">
      <dgm:prSet presAssocID="{5ED7EE90-BA11-4D09-A99E-B97BC4DE8638}" presName="firstNode" presStyleLbl="node1" presStyleIdx="0" presStyleCnt="4" custScaleX="196912" custScaleY="107173" custLinFactX="100000" custLinFactY="37487" custLinFactNeighborX="136382" custLinFactNeighborY="100000">
        <dgm:presLayoutVars>
          <dgm:bulletEnabled val="1"/>
        </dgm:presLayoutVars>
      </dgm:prSet>
      <dgm:spPr/>
      <dgm:t>
        <a:bodyPr/>
        <a:lstStyle/>
        <a:p>
          <a:pPr rtl="1"/>
          <a:endParaRPr lang="he-IL"/>
        </a:p>
      </dgm:t>
    </dgm:pt>
    <dgm:pt modelId="{0F7E5358-42FB-48B1-B44D-0809ABAA64F9}" type="pres">
      <dgm:prSet presAssocID="{536B70FC-CA2C-4FB0-95ED-437E535F2A65}" presName="sibTrans" presStyleLbl="sibTrans2D1" presStyleIdx="0" presStyleCnt="3" custAng="11176067" custScaleX="200026" custScaleY="159034" custLinFactNeighborX="-22983" custLinFactNeighborY="19094"/>
      <dgm:spPr/>
      <dgm:t>
        <a:bodyPr/>
        <a:lstStyle/>
        <a:p>
          <a:pPr rtl="1"/>
          <a:endParaRPr lang="he-IL"/>
        </a:p>
      </dgm:t>
    </dgm:pt>
    <dgm:pt modelId="{94D48446-AC42-4D7A-AB1E-4C17883F49DE}" type="pres">
      <dgm:prSet presAssocID="{3D92CD52-E935-4D58-8C65-760947DB5C61}" presName="middleNode" presStyleCnt="0"/>
      <dgm:spPr/>
    </dgm:pt>
    <dgm:pt modelId="{B25C68B6-20B9-418F-80BE-8BFA828F1163}" type="pres">
      <dgm:prSet presAssocID="{3D92CD52-E935-4D58-8C65-760947DB5C61}" presName="padding" presStyleLbl="node1" presStyleIdx="0" presStyleCnt="4"/>
      <dgm:spPr/>
    </dgm:pt>
    <dgm:pt modelId="{6CAFFE8C-4AFE-46B6-A82F-C0B53B3908C7}" type="pres">
      <dgm:prSet presAssocID="{3D92CD52-E935-4D58-8C65-760947DB5C61}" presName="shape" presStyleLbl="node1" presStyleIdx="1" presStyleCnt="4" custScaleX="227822" custScaleY="142186" custLinFactNeighborX="-16863" custLinFactNeighborY="-11904">
        <dgm:presLayoutVars>
          <dgm:bulletEnabled val="1"/>
        </dgm:presLayoutVars>
      </dgm:prSet>
      <dgm:spPr/>
      <dgm:t>
        <a:bodyPr/>
        <a:lstStyle/>
        <a:p>
          <a:pPr rtl="1"/>
          <a:endParaRPr lang="he-IL"/>
        </a:p>
      </dgm:t>
    </dgm:pt>
    <dgm:pt modelId="{1C78F3A2-D19B-4867-8C60-4AEBA4043A78}" type="pres">
      <dgm:prSet presAssocID="{4E4DA148-EE97-4367-B3DD-0E5700FD0E99}" presName="sibTrans" presStyleLbl="sibTrans2D1" presStyleIdx="1" presStyleCnt="3" custAng="18255681" custLinFactX="188898" custLinFactNeighborX="200000" custLinFactNeighborY="3949"/>
      <dgm:spPr/>
      <dgm:t>
        <a:bodyPr/>
        <a:lstStyle/>
        <a:p>
          <a:pPr rtl="1"/>
          <a:endParaRPr lang="he-IL"/>
        </a:p>
      </dgm:t>
    </dgm:pt>
    <dgm:pt modelId="{23D110C7-56C9-45B7-9089-E49DD4E535F5}" type="pres">
      <dgm:prSet presAssocID="{A46D1D2E-181F-45FD-8976-607A89A3548B}" presName="middleNode" presStyleCnt="0"/>
      <dgm:spPr/>
    </dgm:pt>
    <dgm:pt modelId="{2413BF8B-914C-4A22-BB13-EA8BFD506609}" type="pres">
      <dgm:prSet presAssocID="{A46D1D2E-181F-45FD-8976-607A89A3548B}" presName="padding" presStyleLbl="node1" presStyleIdx="1" presStyleCnt="4"/>
      <dgm:spPr/>
    </dgm:pt>
    <dgm:pt modelId="{CCDCA351-76C7-4791-83D5-E5F91BFB543A}" type="pres">
      <dgm:prSet presAssocID="{A46D1D2E-181F-45FD-8976-607A89A3548B}" presName="shape" presStyleLbl="node1" presStyleIdx="2" presStyleCnt="4" custScaleX="279217" custScaleY="168061" custLinFactY="-100000" custLinFactNeighborX="-2578" custLinFactNeighborY="-120562">
        <dgm:presLayoutVars>
          <dgm:bulletEnabled val="1"/>
        </dgm:presLayoutVars>
      </dgm:prSet>
      <dgm:spPr/>
      <dgm:t>
        <a:bodyPr/>
        <a:lstStyle/>
        <a:p>
          <a:pPr rtl="1"/>
          <a:endParaRPr lang="he-IL"/>
        </a:p>
      </dgm:t>
    </dgm:pt>
    <dgm:pt modelId="{8DB4EEA0-5FBB-4A7F-A864-F6103BECEB9E}" type="pres">
      <dgm:prSet presAssocID="{C100E008-6431-4798-A294-D915138A1F9A}" presName="sibTrans" presStyleLbl="sibTrans2D1" presStyleIdx="2" presStyleCnt="3" custAng="16063554" custScaleX="214454" custScaleY="179782" custLinFactX="-115145" custLinFactY="96807" custLinFactNeighborX="-200000" custLinFactNeighborY="100000"/>
      <dgm:spPr/>
      <dgm:t>
        <a:bodyPr/>
        <a:lstStyle/>
        <a:p>
          <a:pPr rtl="1"/>
          <a:endParaRPr lang="he-IL"/>
        </a:p>
      </dgm:t>
    </dgm:pt>
    <dgm:pt modelId="{58A9F8F2-387D-4B2D-A2A8-3071A3F8C535}" type="pres">
      <dgm:prSet presAssocID="{E9DA6214-EBBD-4A5D-BAC4-2F1FD24AA43C}" presName="lastNode" presStyleLbl="node1" presStyleIdx="3" presStyleCnt="4" custScaleX="162020" custLinFactX="-100000" custLinFactNeighborX="-139877" custLinFactNeighborY="3633">
        <dgm:presLayoutVars>
          <dgm:bulletEnabled val="1"/>
        </dgm:presLayoutVars>
      </dgm:prSet>
      <dgm:spPr/>
      <dgm:t>
        <a:bodyPr/>
        <a:lstStyle/>
        <a:p>
          <a:pPr rtl="1"/>
          <a:endParaRPr lang="he-IL"/>
        </a:p>
      </dgm:t>
    </dgm:pt>
  </dgm:ptLst>
  <dgm:cxnLst>
    <dgm:cxn modelId="{4DCC23CE-B486-451A-A618-7F685DF18092}" type="presOf" srcId="{4E4DA148-EE97-4367-B3DD-0E5700FD0E99}" destId="{1C78F3A2-D19B-4867-8C60-4AEBA4043A78}" srcOrd="0" destOrd="0" presId="urn:microsoft.com/office/officeart/2005/8/layout/bProcess2"/>
    <dgm:cxn modelId="{E11F3A04-7976-4154-A3D2-BFC910CE7E24}" type="presOf" srcId="{5AAFF8B7-D923-42B0-AA53-9CEC93C92EA0}" destId="{FA9418A0-E1B9-44F4-BF39-0B15A0943E72}" srcOrd="0" destOrd="0" presId="urn:microsoft.com/office/officeart/2005/8/layout/bProcess2"/>
    <dgm:cxn modelId="{E739E79F-BC82-4103-853A-1A1F4F473BF8}" type="presOf" srcId="{A46D1D2E-181F-45FD-8976-607A89A3548B}" destId="{CCDCA351-76C7-4791-83D5-E5F91BFB543A}" srcOrd="0" destOrd="0" presId="urn:microsoft.com/office/officeart/2005/8/layout/bProcess2"/>
    <dgm:cxn modelId="{05373DA8-78B1-42DB-9074-83B56F3517B2}" type="presOf" srcId="{C100E008-6431-4798-A294-D915138A1F9A}" destId="{8DB4EEA0-5FBB-4A7F-A864-F6103BECEB9E}" srcOrd="0" destOrd="0" presId="urn:microsoft.com/office/officeart/2005/8/layout/bProcess2"/>
    <dgm:cxn modelId="{5A8D94D1-7634-4163-BDD9-CCFDBAA75A46}" type="presOf" srcId="{5ED7EE90-BA11-4D09-A99E-B97BC4DE8638}" destId="{CCDD6A14-B5EE-4D28-A1BF-C27175E1E20B}" srcOrd="0" destOrd="0" presId="urn:microsoft.com/office/officeart/2005/8/layout/bProcess2"/>
    <dgm:cxn modelId="{C2F14CAB-0838-4FB8-83E7-DBE8C8A86B4E}" srcId="{5AAFF8B7-D923-42B0-AA53-9CEC93C92EA0}" destId="{5ED7EE90-BA11-4D09-A99E-B97BC4DE8638}" srcOrd="0" destOrd="0" parTransId="{D4186E28-B9C7-42E2-BD4E-DAB5507A48C4}" sibTransId="{536B70FC-CA2C-4FB0-95ED-437E535F2A65}"/>
    <dgm:cxn modelId="{F54B18E7-F862-400F-A65C-245E9F524724}" type="presOf" srcId="{E9DA6214-EBBD-4A5D-BAC4-2F1FD24AA43C}" destId="{58A9F8F2-387D-4B2D-A2A8-3071A3F8C535}" srcOrd="0" destOrd="0" presId="urn:microsoft.com/office/officeart/2005/8/layout/bProcess2"/>
    <dgm:cxn modelId="{615FEAEA-38A6-4285-825C-FC47C55B540D}" srcId="{5AAFF8B7-D923-42B0-AA53-9CEC93C92EA0}" destId="{3D92CD52-E935-4D58-8C65-760947DB5C61}" srcOrd="1" destOrd="0" parTransId="{928717C1-3A7C-4918-8051-76F67FCEAF30}" sibTransId="{4E4DA148-EE97-4367-B3DD-0E5700FD0E99}"/>
    <dgm:cxn modelId="{307BCD89-0CBF-4B56-89CF-945385496FD3}" type="presOf" srcId="{3D92CD52-E935-4D58-8C65-760947DB5C61}" destId="{6CAFFE8C-4AFE-46B6-A82F-C0B53B3908C7}" srcOrd="0" destOrd="0" presId="urn:microsoft.com/office/officeart/2005/8/layout/bProcess2"/>
    <dgm:cxn modelId="{7AF5DE10-07D5-4783-BA79-66CE98404FBD}" srcId="{5AAFF8B7-D923-42B0-AA53-9CEC93C92EA0}" destId="{A46D1D2E-181F-45FD-8976-607A89A3548B}" srcOrd="2" destOrd="0" parTransId="{E9FC20BB-C08D-4BC1-93DA-7384F5341ECE}" sibTransId="{C100E008-6431-4798-A294-D915138A1F9A}"/>
    <dgm:cxn modelId="{4D8F7E1C-49D4-49D3-9005-3D2D6801B59F}" type="presOf" srcId="{536B70FC-CA2C-4FB0-95ED-437E535F2A65}" destId="{0F7E5358-42FB-48B1-B44D-0809ABAA64F9}" srcOrd="0" destOrd="0" presId="urn:microsoft.com/office/officeart/2005/8/layout/bProcess2"/>
    <dgm:cxn modelId="{FBDFA260-2DAD-4F8C-8FD0-2B220AB22FAF}" srcId="{5AAFF8B7-D923-42B0-AA53-9CEC93C92EA0}" destId="{E9DA6214-EBBD-4A5D-BAC4-2F1FD24AA43C}" srcOrd="3" destOrd="0" parTransId="{CC0BFDBF-4D58-4D81-918E-A06ABBDA30CA}" sibTransId="{EF71DB51-28AD-4D07-B844-69AD110FF4D2}"/>
    <dgm:cxn modelId="{4006B94D-0BBE-40C1-99BA-B901B7185733}" type="presParOf" srcId="{FA9418A0-E1B9-44F4-BF39-0B15A0943E72}" destId="{CCDD6A14-B5EE-4D28-A1BF-C27175E1E20B}" srcOrd="0" destOrd="0" presId="urn:microsoft.com/office/officeart/2005/8/layout/bProcess2"/>
    <dgm:cxn modelId="{891A6831-9A5B-417A-B358-679B2B571120}" type="presParOf" srcId="{FA9418A0-E1B9-44F4-BF39-0B15A0943E72}" destId="{0F7E5358-42FB-48B1-B44D-0809ABAA64F9}" srcOrd="1" destOrd="0" presId="urn:microsoft.com/office/officeart/2005/8/layout/bProcess2"/>
    <dgm:cxn modelId="{2637B315-BF8E-4E63-B90B-DBE253B120EC}" type="presParOf" srcId="{FA9418A0-E1B9-44F4-BF39-0B15A0943E72}" destId="{94D48446-AC42-4D7A-AB1E-4C17883F49DE}" srcOrd="2" destOrd="0" presId="urn:microsoft.com/office/officeart/2005/8/layout/bProcess2"/>
    <dgm:cxn modelId="{048B5C3C-467A-45DD-BA8C-CC9C885774B4}" type="presParOf" srcId="{94D48446-AC42-4D7A-AB1E-4C17883F49DE}" destId="{B25C68B6-20B9-418F-80BE-8BFA828F1163}" srcOrd="0" destOrd="0" presId="urn:microsoft.com/office/officeart/2005/8/layout/bProcess2"/>
    <dgm:cxn modelId="{B33BFFA2-6202-485E-987F-87AE4897161B}" type="presParOf" srcId="{94D48446-AC42-4D7A-AB1E-4C17883F49DE}" destId="{6CAFFE8C-4AFE-46B6-A82F-C0B53B3908C7}" srcOrd="1" destOrd="0" presId="urn:microsoft.com/office/officeart/2005/8/layout/bProcess2"/>
    <dgm:cxn modelId="{45527BB6-0250-448A-B522-035F4ABEFACE}" type="presParOf" srcId="{FA9418A0-E1B9-44F4-BF39-0B15A0943E72}" destId="{1C78F3A2-D19B-4867-8C60-4AEBA4043A78}" srcOrd="3" destOrd="0" presId="urn:microsoft.com/office/officeart/2005/8/layout/bProcess2"/>
    <dgm:cxn modelId="{45BB7011-C24E-4F15-B968-CC130424FE67}" type="presParOf" srcId="{FA9418A0-E1B9-44F4-BF39-0B15A0943E72}" destId="{23D110C7-56C9-45B7-9089-E49DD4E535F5}" srcOrd="4" destOrd="0" presId="urn:microsoft.com/office/officeart/2005/8/layout/bProcess2"/>
    <dgm:cxn modelId="{57FBAC82-BD0F-47E3-B651-BA1197C40C3B}" type="presParOf" srcId="{23D110C7-56C9-45B7-9089-E49DD4E535F5}" destId="{2413BF8B-914C-4A22-BB13-EA8BFD506609}" srcOrd="0" destOrd="0" presId="urn:microsoft.com/office/officeart/2005/8/layout/bProcess2"/>
    <dgm:cxn modelId="{0116A1B2-9B03-4975-9248-D6B77B970FFF}" type="presParOf" srcId="{23D110C7-56C9-45B7-9089-E49DD4E535F5}" destId="{CCDCA351-76C7-4791-83D5-E5F91BFB543A}" srcOrd="1" destOrd="0" presId="urn:microsoft.com/office/officeart/2005/8/layout/bProcess2"/>
    <dgm:cxn modelId="{1CA27C93-760F-446F-A415-BE6D8AC0EB8F}" type="presParOf" srcId="{FA9418A0-E1B9-44F4-BF39-0B15A0943E72}" destId="{8DB4EEA0-5FBB-4A7F-A864-F6103BECEB9E}" srcOrd="5" destOrd="0" presId="urn:microsoft.com/office/officeart/2005/8/layout/bProcess2"/>
    <dgm:cxn modelId="{259BC671-41E9-48F6-9CA8-4D9F391EF65B}" type="presParOf" srcId="{FA9418A0-E1B9-44F4-BF39-0B15A0943E72}" destId="{58A9F8F2-387D-4B2D-A2A8-3071A3F8C535}" srcOrd="6" destOrd="0" presId="urn:microsoft.com/office/officeart/2005/8/layout/bProcess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AF78F62D-2D14-471E-9FA9-98096CB4A5F0}" type="doc">
      <dgm:prSet loTypeId="urn:microsoft.com/office/officeart/2008/layout/AscendingPictureAccentProcess" loCatId="picture" qsTypeId="urn:microsoft.com/office/officeart/2005/8/quickstyle/simple1" qsCatId="simple" csTypeId="urn:microsoft.com/office/officeart/2005/8/colors/accent4_2" csCatId="accent4" phldr="1"/>
      <dgm:spPr/>
      <dgm:t>
        <a:bodyPr/>
        <a:lstStyle/>
        <a:p>
          <a:pPr rtl="1"/>
          <a:endParaRPr lang="he-IL"/>
        </a:p>
      </dgm:t>
    </dgm:pt>
    <dgm:pt modelId="{9F1173B4-09C2-463E-8FF8-E0367545CF3B}">
      <dgm:prSet phldrT="[טקסט]"/>
      <dgm:spPr>
        <a:blipFill rotWithShape="0">
          <a:blip xmlns:r="http://schemas.openxmlformats.org/officeDocument/2006/relationships" r:embed="rId1"/>
          <a:stretch>
            <a:fillRect/>
          </a:stretch>
        </a:blipFill>
      </dgm:spPr>
      <dgm:t>
        <a:bodyPr/>
        <a:lstStyle/>
        <a:p>
          <a:pPr rtl="1"/>
          <a:r>
            <a:rPr lang="he-IL" dirty="0" smtClean="0">
              <a:solidFill>
                <a:schemeClr val="bg1"/>
              </a:solidFill>
              <a:latin typeface="Narkisim" panose="020E0502050101010101" pitchFamily="34" charset="-79"/>
              <a:cs typeface="Narkisim" panose="020E0502050101010101" pitchFamily="34" charset="-79"/>
            </a:rPr>
            <a:t>מנהיגות</a:t>
          </a:r>
          <a:endParaRPr lang="he-IL" dirty="0">
            <a:solidFill>
              <a:schemeClr val="bg1"/>
            </a:solidFill>
            <a:latin typeface="Narkisim" panose="020E0502050101010101" pitchFamily="34" charset="-79"/>
            <a:cs typeface="Narkisim" panose="020E0502050101010101" pitchFamily="34" charset="-79"/>
          </a:endParaRPr>
        </a:p>
      </dgm:t>
    </dgm:pt>
    <dgm:pt modelId="{D5DD5F65-EC4F-4FB6-9E3A-74A2FC1105DC}" type="parTrans" cxnId="{BD69220A-855B-45E3-8E02-C6113539637C}">
      <dgm:prSet/>
      <dgm:spPr/>
      <dgm:t>
        <a:bodyPr/>
        <a:lstStyle/>
        <a:p>
          <a:pPr rtl="1"/>
          <a:endParaRPr lang="he-IL">
            <a:solidFill>
              <a:schemeClr val="bg1"/>
            </a:solidFill>
            <a:latin typeface="Narkisim" panose="020E0502050101010101" pitchFamily="34" charset="-79"/>
            <a:cs typeface="Narkisim" panose="020E0502050101010101" pitchFamily="34" charset="-79"/>
          </a:endParaRPr>
        </a:p>
      </dgm:t>
    </dgm:pt>
    <dgm:pt modelId="{AC018F3D-5A8E-49B3-AD3D-1E1921D686BE}" type="sibTrans" cxnId="{BD69220A-855B-45E3-8E02-C6113539637C}">
      <dgm:prSet/>
      <dgm:spPr>
        <a:blipFill rotWithShape="1">
          <a:blip xmlns:r="http://schemas.openxmlformats.org/officeDocument/2006/relationships" r:embed="rId1"/>
          <a:stretch>
            <a:fillRect/>
          </a:stretch>
        </a:blipFill>
      </dgm:spPr>
      <dgm:t>
        <a:bodyPr/>
        <a:lstStyle/>
        <a:p>
          <a:pPr rtl="1"/>
          <a:endParaRPr lang="he-IL">
            <a:solidFill>
              <a:schemeClr val="bg1"/>
            </a:solidFill>
            <a:latin typeface="Narkisim" panose="020E0502050101010101" pitchFamily="34" charset="-79"/>
            <a:cs typeface="Narkisim" panose="020E0502050101010101" pitchFamily="34" charset="-79"/>
          </a:endParaRPr>
        </a:p>
      </dgm:t>
    </dgm:pt>
    <dgm:pt modelId="{06DE2D48-1BDB-496E-9212-7C16D88F01A2}">
      <dgm:prSet/>
      <dgm:spPr/>
      <dgm:t>
        <a:bodyPr/>
        <a:lstStyle/>
        <a:p>
          <a:pPr rtl="1"/>
          <a:r>
            <a:rPr lang="he-IL" dirty="0" smtClean="0">
              <a:latin typeface="Narkisim" panose="020E0502050101010101" pitchFamily="34" charset="-79"/>
              <a:cs typeface="Narkisim" panose="020E0502050101010101" pitchFamily="34" charset="-79"/>
            </a:rPr>
            <a:t>כלכלה וחברה</a:t>
          </a:r>
          <a:endParaRPr lang="he-IL" dirty="0">
            <a:latin typeface="Narkisim" panose="020E0502050101010101" pitchFamily="34" charset="-79"/>
            <a:cs typeface="Narkisim" panose="020E0502050101010101" pitchFamily="34" charset="-79"/>
          </a:endParaRPr>
        </a:p>
      </dgm:t>
    </dgm:pt>
    <dgm:pt modelId="{B00DE394-9A7E-4544-BA1B-9B7459E09F6A}" type="sibTrans" cxnId="{8FCF7047-AEC2-4461-ABC2-C8FABC8BAA11}">
      <dgm:prSet/>
      <dgm:spPr>
        <a:blipFill rotWithShape="1">
          <a:blip xmlns:r="http://schemas.openxmlformats.org/officeDocument/2006/relationships" r:embed="rId1"/>
          <a:stretch>
            <a:fillRect/>
          </a:stretch>
        </a:blipFill>
      </dgm:spPr>
      <dgm:t>
        <a:bodyPr/>
        <a:lstStyle/>
        <a:p>
          <a:pPr rtl="1"/>
          <a:endParaRPr lang="he-IL">
            <a:solidFill>
              <a:schemeClr val="bg1"/>
            </a:solidFill>
            <a:latin typeface="Narkisim" panose="020E0502050101010101" pitchFamily="34" charset="-79"/>
            <a:cs typeface="Narkisim" panose="020E0502050101010101" pitchFamily="34" charset="-79"/>
          </a:endParaRPr>
        </a:p>
      </dgm:t>
    </dgm:pt>
    <dgm:pt modelId="{BD6A995F-D54E-4CBB-88A1-86179B5A22E1}" type="parTrans" cxnId="{8FCF7047-AEC2-4461-ABC2-C8FABC8BAA11}">
      <dgm:prSet/>
      <dgm:spPr/>
      <dgm:t>
        <a:bodyPr/>
        <a:lstStyle/>
        <a:p>
          <a:pPr rtl="1"/>
          <a:endParaRPr lang="he-IL">
            <a:latin typeface="Narkisim" panose="020E0502050101010101" pitchFamily="34" charset="-79"/>
            <a:cs typeface="Narkisim" panose="020E0502050101010101" pitchFamily="34" charset="-79"/>
          </a:endParaRPr>
        </a:p>
      </dgm:t>
    </dgm:pt>
    <dgm:pt modelId="{42BE2894-EF38-432C-9416-3D7ADFD38B91}">
      <dgm:prSet/>
      <dgm:spPr/>
      <dgm:t>
        <a:bodyPr/>
        <a:lstStyle/>
        <a:p>
          <a:pPr rtl="1"/>
          <a:r>
            <a:rPr lang="he-IL" dirty="0" smtClean="0">
              <a:latin typeface="Narkisim" panose="020E0502050101010101" pitchFamily="34" charset="-79"/>
              <a:cs typeface="Narkisim" panose="020E0502050101010101" pitchFamily="34" charset="-79"/>
            </a:rPr>
            <a:t>מנגנונים</a:t>
          </a:r>
          <a:endParaRPr lang="he-IL" dirty="0">
            <a:latin typeface="Narkisim" panose="020E0502050101010101" pitchFamily="34" charset="-79"/>
            <a:cs typeface="Narkisim" panose="020E0502050101010101" pitchFamily="34" charset="-79"/>
          </a:endParaRPr>
        </a:p>
      </dgm:t>
      <dgm:extLst>
        <a:ext uri="{E40237B7-FDA0-4F09-8148-C483321AD2D9}">
          <dgm14:cNvPr xmlns:dgm14="http://schemas.microsoft.com/office/drawing/2010/diagram" id="0" name="">
            <a:hlinkClick xmlns:r="http://schemas.openxmlformats.org/officeDocument/2006/relationships" r:id="rId2" action="ppaction://hlinkfile"/>
          </dgm14:cNvPr>
        </a:ext>
      </dgm:extLst>
    </dgm:pt>
    <dgm:pt modelId="{E87FC0B4-36A8-44E7-93D6-5DD22EB203A1}" type="parTrans" cxnId="{CCF3241F-6B18-42A4-A449-246E8DF56C44}">
      <dgm:prSet/>
      <dgm:spPr/>
      <dgm:t>
        <a:bodyPr/>
        <a:lstStyle/>
        <a:p>
          <a:pPr rtl="1"/>
          <a:endParaRPr lang="he-IL">
            <a:latin typeface="Narkisim" panose="020E0502050101010101" pitchFamily="34" charset="-79"/>
            <a:cs typeface="Narkisim" panose="020E0502050101010101" pitchFamily="34" charset="-79"/>
          </a:endParaRPr>
        </a:p>
      </dgm:t>
    </dgm:pt>
    <dgm:pt modelId="{CE86D5C6-AB47-4FC2-84BD-CF98FFDF4337}" type="sibTrans" cxnId="{CCF3241F-6B18-42A4-A449-246E8DF56C44}">
      <dgm:prSet/>
      <dgm:spPr>
        <a:blipFill rotWithShape="1">
          <a:blip xmlns:r="http://schemas.openxmlformats.org/officeDocument/2006/relationships" r:embed="rId1"/>
          <a:stretch>
            <a:fillRect/>
          </a:stretch>
        </a:blipFill>
      </dgm:spPr>
      <dgm:t>
        <a:bodyPr/>
        <a:lstStyle/>
        <a:p>
          <a:pPr rtl="1"/>
          <a:endParaRPr lang="he-IL">
            <a:solidFill>
              <a:schemeClr val="bg1"/>
            </a:solidFill>
            <a:latin typeface="Narkisim" panose="020E0502050101010101" pitchFamily="34" charset="-79"/>
            <a:cs typeface="Narkisim" panose="020E0502050101010101" pitchFamily="34" charset="-79"/>
          </a:endParaRPr>
        </a:p>
      </dgm:t>
    </dgm:pt>
    <dgm:pt modelId="{0C05FD3F-4ADD-456A-A202-51C5D0F4F4E6}">
      <dgm:prSet/>
      <dgm:spPr/>
      <dgm:t>
        <a:bodyPr/>
        <a:lstStyle/>
        <a:p>
          <a:pPr rtl="1"/>
          <a:r>
            <a:rPr lang="he-IL" dirty="0" smtClean="0">
              <a:latin typeface="Narkisim" panose="020E0502050101010101" pitchFamily="34" charset="-79"/>
              <a:cs typeface="Narkisim" panose="020E0502050101010101" pitchFamily="34" charset="-79"/>
            </a:rPr>
            <a:t>"הרחוב", מ"פ</a:t>
          </a:r>
          <a:endParaRPr lang="he-IL" dirty="0">
            <a:latin typeface="Narkisim" panose="020E0502050101010101" pitchFamily="34" charset="-79"/>
            <a:cs typeface="Narkisim" panose="020E0502050101010101" pitchFamily="34" charset="-79"/>
          </a:endParaRPr>
        </a:p>
      </dgm:t>
    </dgm:pt>
    <dgm:pt modelId="{B149DA9A-3CC2-4227-9B1C-63B3E09920D7}" type="parTrans" cxnId="{55215F0D-16C6-46CA-9DD0-3080DB051B37}">
      <dgm:prSet/>
      <dgm:spPr/>
      <dgm:t>
        <a:bodyPr/>
        <a:lstStyle/>
        <a:p>
          <a:pPr rtl="1"/>
          <a:endParaRPr lang="he-IL">
            <a:latin typeface="Narkisim" panose="020E0502050101010101" pitchFamily="34" charset="-79"/>
            <a:cs typeface="Narkisim" panose="020E0502050101010101" pitchFamily="34" charset="-79"/>
          </a:endParaRPr>
        </a:p>
      </dgm:t>
    </dgm:pt>
    <dgm:pt modelId="{8302183C-0F52-4151-8D1E-CE00690D3930}" type="sibTrans" cxnId="{55215F0D-16C6-46CA-9DD0-3080DB051B37}">
      <dgm:prSet/>
      <dgm:spPr>
        <a:blipFill rotWithShape="1">
          <a:blip xmlns:r="http://schemas.openxmlformats.org/officeDocument/2006/relationships" r:embed="rId1"/>
          <a:stretch>
            <a:fillRect/>
          </a:stretch>
        </a:blipFill>
      </dgm:spPr>
      <dgm:t>
        <a:bodyPr/>
        <a:lstStyle/>
        <a:p>
          <a:pPr rtl="1"/>
          <a:endParaRPr lang="he-IL">
            <a:solidFill>
              <a:schemeClr val="bg1"/>
            </a:solidFill>
            <a:latin typeface="Narkisim" panose="020E0502050101010101" pitchFamily="34" charset="-79"/>
            <a:cs typeface="Narkisim" panose="020E0502050101010101" pitchFamily="34" charset="-79"/>
          </a:endParaRPr>
        </a:p>
      </dgm:t>
    </dgm:pt>
    <dgm:pt modelId="{DBFEC9EF-CACB-44E6-AF22-ED5254ADB7A4}">
      <dgm:prSet/>
      <dgm:spPr/>
      <dgm:t>
        <a:bodyPr/>
        <a:lstStyle/>
        <a:p>
          <a:pPr rtl="1"/>
          <a:r>
            <a:rPr lang="he-IL" dirty="0" smtClean="0">
              <a:latin typeface="Narkisim" panose="020E0502050101010101" pitchFamily="34" charset="-79"/>
              <a:cs typeface="Narkisim" panose="020E0502050101010101" pitchFamily="34" charset="-79"/>
            </a:rPr>
            <a:t>"תנזים"</a:t>
          </a:r>
          <a:endParaRPr lang="he-IL" dirty="0">
            <a:latin typeface="Narkisim" panose="020E0502050101010101" pitchFamily="34" charset="-79"/>
            <a:cs typeface="Narkisim" panose="020E0502050101010101" pitchFamily="34" charset="-79"/>
          </a:endParaRPr>
        </a:p>
      </dgm:t>
    </dgm:pt>
    <dgm:pt modelId="{5B88F0D0-F5B6-4D41-B8E2-8E45C087B83E}" type="parTrans" cxnId="{D6D899E3-9147-4890-92C1-9728DE236614}">
      <dgm:prSet/>
      <dgm:spPr/>
      <dgm:t>
        <a:bodyPr/>
        <a:lstStyle/>
        <a:p>
          <a:pPr rtl="1"/>
          <a:endParaRPr lang="he-IL">
            <a:latin typeface="Narkisim" panose="020E0502050101010101" pitchFamily="34" charset="-79"/>
            <a:cs typeface="Narkisim" panose="020E0502050101010101" pitchFamily="34" charset="-79"/>
          </a:endParaRPr>
        </a:p>
      </dgm:t>
    </dgm:pt>
    <dgm:pt modelId="{393098DC-5470-4813-A682-22354C6E78DE}" type="sibTrans" cxnId="{D6D899E3-9147-4890-92C1-9728DE236614}">
      <dgm:prSet/>
      <dgm:spPr>
        <a:blipFill rotWithShape="1">
          <a:blip xmlns:r="http://schemas.openxmlformats.org/officeDocument/2006/relationships" r:embed="rId1"/>
          <a:stretch>
            <a:fillRect/>
          </a:stretch>
        </a:blipFill>
      </dgm:spPr>
      <dgm:t>
        <a:bodyPr/>
        <a:lstStyle/>
        <a:p>
          <a:pPr rtl="1"/>
          <a:endParaRPr lang="he-IL">
            <a:solidFill>
              <a:schemeClr val="bg1"/>
            </a:solidFill>
            <a:latin typeface="Narkisim" panose="020E0502050101010101" pitchFamily="34" charset="-79"/>
            <a:cs typeface="Narkisim" panose="020E0502050101010101" pitchFamily="34" charset="-79"/>
          </a:endParaRPr>
        </a:p>
      </dgm:t>
      <dgm:extLst>
        <a:ext uri="{E40237B7-FDA0-4F09-8148-C483321AD2D9}">
          <dgm14:cNvPr xmlns:dgm14="http://schemas.microsoft.com/office/drawing/2010/diagram" id="0" name="">
            <a:hlinkClick xmlns:r="http://schemas.openxmlformats.org/officeDocument/2006/relationships" r:id="rId3" action="ppaction://hlinkfile"/>
          </dgm14:cNvPr>
        </a:ext>
      </dgm:extLst>
    </dgm:pt>
    <dgm:pt modelId="{F78C18DB-DF8B-455C-854D-4B2E4A690B93}" type="pres">
      <dgm:prSet presAssocID="{AF78F62D-2D14-471E-9FA9-98096CB4A5F0}" presName="Name0" presStyleCnt="0">
        <dgm:presLayoutVars>
          <dgm:chMax val="7"/>
          <dgm:chPref val="7"/>
          <dgm:dir/>
        </dgm:presLayoutVars>
      </dgm:prSet>
      <dgm:spPr/>
      <dgm:t>
        <a:bodyPr/>
        <a:lstStyle/>
        <a:p>
          <a:pPr rtl="1"/>
          <a:endParaRPr lang="he-IL"/>
        </a:p>
      </dgm:t>
    </dgm:pt>
    <dgm:pt modelId="{484C6123-5843-4D7F-A6A0-BC3EFCF4D33F}" type="pres">
      <dgm:prSet presAssocID="{AF78F62D-2D14-471E-9FA9-98096CB4A5F0}" presName="dot1" presStyleLbl="alignNode1" presStyleIdx="0" presStyleCnt="15"/>
      <dgm:spPr/>
    </dgm:pt>
    <dgm:pt modelId="{40359211-81BF-4EA1-9225-9FFA8D6134A2}" type="pres">
      <dgm:prSet presAssocID="{AF78F62D-2D14-471E-9FA9-98096CB4A5F0}" presName="dot2" presStyleLbl="alignNode1" presStyleIdx="1" presStyleCnt="15"/>
      <dgm:spPr/>
    </dgm:pt>
    <dgm:pt modelId="{9C97B08E-377F-4E6C-A4D1-4CA840353159}" type="pres">
      <dgm:prSet presAssocID="{AF78F62D-2D14-471E-9FA9-98096CB4A5F0}" presName="dot3" presStyleLbl="alignNode1" presStyleIdx="2" presStyleCnt="15"/>
      <dgm:spPr/>
    </dgm:pt>
    <dgm:pt modelId="{A3BC74F4-CEC5-457B-A510-6190DB810ADD}" type="pres">
      <dgm:prSet presAssocID="{AF78F62D-2D14-471E-9FA9-98096CB4A5F0}" presName="dot4" presStyleLbl="alignNode1" presStyleIdx="3" presStyleCnt="15"/>
      <dgm:spPr/>
    </dgm:pt>
    <dgm:pt modelId="{91FF8811-3BC8-4409-9BDD-9D4E132E9B99}" type="pres">
      <dgm:prSet presAssocID="{AF78F62D-2D14-471E-9FA9-98096CB4A5F0}" presName="dot5" presStyleLbl="alignNode1" presStyleIdx="4" presStyleCnt="15"/>
      <dgm:spPr/>
    </dgm:pt>
    <dgm:pt modelId="{A59D5D15-0FEE-4988-853E-521192EEA2B5}" type="pres">
      <dgm:prSet presAssocID="{AF78F62D-2D14-471E-9FA9-98096CB4A5F0}" presName="dot6" presStyleLbl="alignNode1" presStyleIdx="5" presStyleCnt="15"/>
      <dgm:spPr/>
    </dgm:pt>
    <dgm:pt modelId="{FF0B03E7-275D-4F91-ADBD-CB372BFD02DB}" type="pres">
      <dgm:prSet presAssocID="{AF78F62D-2D14-471E-9FA9-98096CB4A5F0}" presName="dot7" presStyleLbl="alignNode1" presStyleIdx="6" presStyleCnt="15"/>
      <dgm:spPr/>
    </dgm:pt>
    <dgm:pt modelId="{A32379F9-2EE9-4A5C-A434-85FC42868FE5}" type="pres">
      <dgm:prSet presAssocID="{AF78F62D-2D14-471E-9FA9-98096CB4A5F0}" presName="dot8" presStyleLbl="alignNode1" presStyleIdx="7" presStyleCnt="15"/>
      <dgm:spPr/>
    </dgm:pt>
    <dgm:pt modelId="{ED29B46F-C3BC-46F8-B65C-EF663FE8213C}" type="pres">
      <dgm:prSet presAssocID="{AF78F62D-2D14-471E-9FA9-98096CB4A5F0}" presName="dotArrow1" presStyleLbl="alignNode1" presStyleIdx="8" presStyleCnt="15"/>
      <dgm:spPr/>
    </dgm:pt>
    <dgm:pt modelId="{1A372EF2-02AC-4CCF-B0F2-E73AA078A2E0}" type="pres">
      <dgm:prSet presAssocID="{AF78F62D-2D14-471E-9FA9-98096CB4A5F0}" presName="dotArrow2" presStyleLbl="alignNode1" presStyleIdx="9" presStyleCnt="15"/>
      <dgm:spPr/>
    </dgm:pt>
    <dgm:pt modelId="{6E01ECB2-DCD1-41EB-BC4C-C6A14CCB5675}" type="pres">
      <dgm:prSet presAssocID="{AF78F62D-2D14-471E-9FA9-98096CB4A5F0}" presName="dotArrow3" presStyleLbl="alignNode1" presStyleIdx="10" presStyleCnt="15"/>
      <dgm:spPr/>
    </dgm:pt>
    <dgm:pt modelId="{E1A88188-F016-4618-BC5B-DD80EA26A808}" type="pres">
      <dgm:prSet presAssocID="{AF78F62D-2D14-471E-9FA9-98096CB4A5F0}" presName="dotArrow4" presStyleLbl="alignNode1" presStyleIdx="11" presStyleCnt="15"/>
      <dgm:spPr/>
    </dgm:pt>
    <dgm:pt modelId="{0890432E-6C1A-44EB-9714-B05ADDE079EC}" type="pres">
      <dgm:prSet presAssocID="{AF78F62D-2D14-471E-9FA9-98096CB4A5F0}" presName="dotArrow5" presStyleLbl="alignNode1" presStyleIdx="12" presStyleCnt="15"/>
      <dgm:spPr/>
    </dgm:pt>
    <dgm:pt modelId="{B3EABB0A-31C2-4BCB-A0A7-869848F4B205}" type="pres">
      <dgm:prSet presAssocID="{AF78F62D-2D14-471E-9FA9-98096CB4A5F0}" presName="dotArrow6" presStyleLbl="alignNode1" presStyleIdx="13" presStyleCnt="15"/>
      <dgm:spPr/>
    </dgm:pt>
    <dgm:pt modelId="{F978D691-12D3-4C5F-88DB-A86DAC9C7326}" type="pres">
      <dgm:prSet presAssocID="{AF78F62D-2D14-471E-9FA9-98096CB4A5F0}" presName="dotArrow7" presStyleLbl="alignNode1" presStyleIdx="14" presStyleCnt="15"/>
      <dgm:spPr/>
    </dgm:pt>
    <dgm:pt modelId="{9B8769A2-C061-43B6-8E41-9E4378809664}" type="pres">
      <dgm:prSet presAssocID="{9F1173B4-09C2-463E-8FF8-E0367545CF3B}" presName="parTx1" presStyleLbl="node1" presStyleIdx="0" presStyleCnt="5"/>
      <dgm:spPr/>
      <dgm:t>
        <a:bodyPr/>
        <a:lstStyle/>
        <a:p>
          <a:pPr rtl="1"/>
          <a:endParaRPr lang="he-IL"/>
        </a:p>
      </dgm:t>
    </dgm:pt>
    <dgm:pt modelId="{145CCF8B-856C-4664-A143-855CB21C56C7}" type="pres">
      <dgm:prSet presAssocID="{AC018F3D-5A8E-49B3-AD3D-1E1921D686BE}" presName="picture1" presStyleCnt="0"/>
      <dgm:spPr/>
    </dgm:pt>
    <dgm:pt modelId="{65F2CB19-3984-4416-87C6-C6CF15342FE3}" type="pres">
      <dgm:prSet presAssocID="{AC018F3D-5A8E-49B3-AD3D-1E1921D686BE}" presName="imageRepeatNode" presStyleLbl="fgImgPlace1" presStyleIdx="0" presStyleCnt="5" custLinFactNeighborX="-460" custLinFactNeighborY="3121"/>
      <dgm:spPr/>
      <dgm:t>
        <a:bodyPr/>
        <a:lstStyle/>
        <a:p>
          <a:pPr rtl="1"/>
          <a:endParaRPr lang="he-IL"/>
        </a:p>
      </dgm:t>
    </dgm:pt>
    <dgm:pt modelId="{8625D5BA-643B-4A6C-BA0F-FA8D0B130237}" type="pres">
      <dgm:prSet presAssocID="{06DE2D48-1BDB-496E-9212-7C16D88F01A2}" presName="parTx2" presStyleLbl="node1" presStyleIdx="1" presStyleCnt="5"/>
      <dgm:spPr/>
      <dgm:t>
        <a:bodyPr/>
        <a:lstStyle/>
        <a:p>
          <a:pPr rtl="1"/>
          <a:endParaRPr lang="he-IL"/>
        </a:p>
      </dgm:t>
    </dgm:pt>
    <dgm:pt modelId="{BC7246E8-D937-477E-B27D-13FB16DC4B43}" type="pres">
      <dgm:prSet presAssocID="{B00DE394-9A7E-4544-BA1B-9B7459E09F6A}" presName="picture2" presStyleCnt="0"/>
      <dgm:spPr/>
    </dgm:pt>
    <dgm:pt modelId="{5DF9296B-66AE-4267-927C-07EA9543ED2B}" type="pres">
      <dgm:prSet presAssocID="{B00DE394-9A7E-4544-BA1B-9B7459E09F6A}" presName="imageRepeatNode" presStyleLbl="fgImgPlace1" presStyleIdx="1" presStyleCnt="5" custLinFactNeighborX="-460" custLinFactNeighborY="3121"/>
      <dgm:spPr/>
      <dgm:t>
        <a:bodyPr/>
        <a:lstStyle/>
        <a:p>
          <a:pPr rtl="1"/>
          <a:endParaRPr lang="he-IL"/>
        </a:p>
      </dgm:t>
    </dgm:pt>
    <dgm:pt modelId="{A3AED452-3CF5-44D7-B5DB-210CFC54172E}" type="pres">
      <dgm:prSet presAssocID="{42BE2894-EF38-432C-9416-3D7ADFD38B91}" presName="parTx3" presStyleLbl="node1" presStyleIdx="2" presStyleCnt="5"/>
      <dgm:spPr/>
      <dgm:t>
        <a:bodyPr/>
        <a:lstStyle/>
        <a:p>
          <a:pPr rtl="1"/>
          <a:endParaRPr lang="he-IL"/>
        </a:p>
      </dgm:t>
    </dgm:pt>
    <dgm:pt modelId="{2220BC40-1C44-4BE1-B042-67772EC3A26B}" type="pres">
      <dgm:prSet presAssocID="{CE86D5C6-AB47-4FC2-84BD-CF98FFDF4337}" presName="picture3" presStyleCnt="0"/>
      <dgm:spPr/>
    </dgm:pt>
    <dgm:pt modelId="{ABA70C74-7AA1-414C-943E-6C78398F73CF}" type="pres">
      <dgm:prSet presAssocID="{CE86D5C6-AB47-4FC2-84BD-CF98FFDF4337}" presName="imageRepeatNode" presStyleLbl="fgImgPlace1" presStyleIdx="2" presStyleCnt="5" custLinFactNeighborX="-460" custLinFactNeighborY="3121"/>
      <dgm:spPr/>
      <dgm:t>
        <a:bodyPr/>
        <a:lstStyle/>
        <a:p>
          <a:pPr rtl="1"/>
          <a:endParaRPr lang="he-IL"/>
        </a:p>
      </dgm:t>
    </dgm:pt>
    <dgm:pt modelId="{B60D828A-78E1-4FCD-86EA-9F18F1CD4C9D}" type="pres">
      <dgm:prSet presAssocID="{0C05FD3F-4ADD-456A-A202-51C5D0F4F4E6}" presName="parTx4" presStyleLbl="node1" presStyleIdx="3" presStyleCnt="5"/>
      <dgm:spPr/>
      <dgm:t>
        <a:bodyPr/>
        <a:lstStyle/>
        <a:p>
          <a:pPr rtl="1"/>
          <a:endParaRPr lang="he-IL"/>
        </a:p>
      </dgm:t>
    </dgm:pt>
    <dgm:pt modelId="{8C1264D4-7812-4E7B-85E7-A4EE0780F24A}" type="pres">
      <dgm:prSet presAssocID="{8302183C-0F52-4151-8D1E-CE00690D3930}" presName="picture4" presStyleCnt="0"/>
      <dgm:spPr/>
    </dgm:pt>
    <dgm:pt modelId="{76746D59-0772-48EF-9EA3-3F79EC7EEF1E}" type="pres">
      <dgm:prSet presAssocID="{8302183C-0F52-4151-8D1E-CE00690D3930}" presName="imageRepeatNode" presStyleLbl="fgImgPlace1" presStyleIdx="3" presStyleCnt="5" custLinFactNeighborX="-460" custLinFactNeighborY="3121"/>
      <dgm:spPr/>
      <dgm:t>
        <a:bodyPr/>
        <a:lstStyle/>
        <a:p>
          <a:pPr rtl="1"/>
          <a:endParaRPr lang="he-IL"/>
        </a:p>
      </dgm:t>
    </dgm:pt>
    <dgm:pt modelId="{8B1B09CC-B06B-4213-8154-8C05ED62653B}" type="pres">
      <dgm:prSet presAssocID="{DBFEC9EF-CACB-44E6-AF22-ED5254ADB7A4}" presName="parTx5" presStyleLbl="node1" presStyleIdx="4" presStyleCnt="5"/>
      <dgm:spPr/>
      <dgm:t>
        <a:bodyPr/>
        <a:lstStyle/>
        <a:p>
          <a:pPr rtl="1"/>
          <a:endParaRPr lang="he-IL"/>
        </a:p>
      </dgm:t>
    </dgm:pt>
    <dgm:pt modelId="{7970455B-2709-4D07-8D94-7E348AFF3801}" type="pres">
      <dgm:prSet presAssocID="{393098DC-5470-4813-A682-22354C6E78DE}" presName="picture5" presStyleCnt="0"/>
      <dgm:spPr/>
    </dgm:pt>
    <dgm:pt modelId="{BA58F60F-1F3F-42D4-BFD7-FB7711C81441}" type="pres">
      <dgm:prSet presAssocID="{393098DC-5470-4813-A682-22354C6E78DE}" presName="imageRepeatNode" presStyleLbl="fgImgPlace1" presStyleIdx="4" presStyleCnt="5" custLinFactNeighborX="-460" custLinFactNeighborY="3121"/>
      <dgm:spPr/>
      <dgm:t>
        <a:bodyPr/>
        <a:lstStyle/>
        <a:p>
          <a:pPr rtl="1"/>
          <a:endParaRPr lang="he-IL"/>
        </a:p>
      </dgm:t>
    </dgm:pt>
  </dgm:ptLst>
  <dgm:cxnLst>
    <dgm:cxn modelId="{53451D3C-ECAD-4A44-BE9E-B603B3BBFAB2}" type="presOf" srcId="{9F1173B4-09C2-463E-8FF8-E0367545CF3B}" destId="{9B8769A2-C061-43B6-8E41-9E4378809664}" srcOrd="0" destOrd="0" presId="urn:microsoft.com/office/officeart/2008/layout/AscendingPictureAccentProcess"/>
    <dgm:cxn modelId="{CCF3241F-6B18-42A4-A449-246E8DF56C44}" srcId="{AF78F62D-2D14-471E-9FA9-98096CB4A5F0}" destId="{42BE2894-EF38-432C-9416-3D7ADFD38B91}" srcOrd="2" destOrd="0" parTransId="{E87FC0B4-36A8-44E7-93D6-5DD22EB203A1}" sibTransId="{CE86D5C6-AB47-4FC2-84BD-CF98FFDF4337}"/>
    <dgm:cxn modelId="{BEF59CDE-B966-45B4-B649-624B27F4E38D}" type="presOf" srcId="{CE86D5C6-AB47-4FC2-84BD-CF98FFDF4337}" destId="{ABA70C74-7AA1-414C-943E-6C78398F73CF}" srcOrd="0" destOrd="0" presId="urn:microsoft.com/office/officeart/2008/layout/AscendingPictureAccentProcess"/>
    <dgm:cxn modelId="{CAC069F6-1DBD-410B-821D-52171D2BAF31}" type="presOf" srcId="{0C05FD3F-4ADD-456A-A202-51C5D0F4F4E6}" destId="{B60D828A-78E1-4FCD-86EA-9F18F1CD4C9D}" srcOrd="0" destOrd="0" presId="urn:microsoft.com/office/officeart/2008/layout/AscendingPictureAccentProcess"/>
    <dgm:cxn modelId="{F108B2E7-B5A1-4F24-9774-01374FE1A74E}" type="presOf" srcId="{06DE2D48-1BDB-496E-9212-7C16D88F01A2}" destId="{8625D5BA-643B-4A6C-BA0F-FA8D0B130237}" srcOrd="0" destOrd="0" presId="urn:microsoft.com/office/officeart/2008/layout/AscendingPictureAccentProcess"/>
    <dgm:cxn modelId="{8FCF7047-AEC2-4461-ABC2-C8FABC8BAA11}" srcId="{AF78F62D-2D14-471E-9FA9-98096CB4A5F0}" destId="{06DE2D48-1BDB-496E-9212-7C16D88F01A2}" srcOrd="1" destOrd="0" parTransId="{BD6A995F-D54E-4CBB-88A1-86179B5A22E1}" sibTransId="{B00DE394-9A7E-4544-BA1B-9B7459E09F6A}"/>
    <dgm:cxn modelId="{07EEC67C-0E66-4C41-88C4-66F18394458F}" type="presOf" srcId="{42BE2894-EF38-432C-9416-3D7ADFD38B91}" destId="{A3AED452-3CF5-44D7-B5DB-210CFC54172E}" srcOrd="0" destOrd="0" presId="urn:microsoft.com/office/officeart/2008/layout/AscendingPictureAccentProcess"/>
    <dgm:cxn modelId="{E9A8308F-A28B-4B8A-91BD-00129EBCC431}" type="presOf" srcId="{393098DC-5470-4813-A682-22354C6E78DE}" destId="{BA58F60F-1F3F-42D4-BFD7-FB7711C81441}" srcOrd="0" destOrd="0" presId="urn:microsoft.com/office/officeart/2008/layout/AscendingPictureAccentProcess"/>
    <dgm:cxn modelId="{55215F0D-16C6-46CA-9DD0-3080DB051B37}" srcId="{AF78F62D-2D14-471E-9FA9-98096CB4A5F0}" destId="{0C05FD3F-4ADD-456A-A202-51C5D0F4F4E6}" srcOrd="3" destOrd="0" parTransId="{B149DA9A-3CC2-4227-9B1C-63B3E09920D7}" sibTransId="{8302183C-0F52-4151-8D1E-CE00690D3930}"/>
    <dgm:cxn modelId="{BD69220A-855B-45E3-8E02-C6113539637C}" srcId="{AF78F62D-2D14-471E-9FA9-98096CB4A5F0}" destId="{9F1173B4-09C2-463E-8FF8-E0367545CF3B}" srcOrd="0" destOrd="0" parTransId="{D5DD5F65-EC4F-4FB6-9E3A-74A2FC1105DC}" sibTransId="{AC018F3D-5A8E-49B3-AD3D-1E1921D686BE}"/>
    <dgm:cxn modelId="{D6D899E3-9147-4890-92C1-9728DE236614}" srcId="{AF78F62D-2D14-471E-9FA9-98096CB4A5F0}" destId="{DBFEC9EF-CACB-44E6-AF22-ED5254ADB7A4}" srcOrd="4" destOrd="0" parTransId="{5B88F0D0-F5B6-4D41-B8E2-8E45C087B83E}" sibTransId="{393098DC-5470-4813-A682-22354C6E78DE}"/>
    <dgm:cxn modelId="{6EB973B6-472C-48F1-8E5B-2E3CAEAD006F}" type="presOf" srcId="{DBFEC9EF-CACB-44E6-AF22-ED5254ADB7A4}" destId="{8B1B09CC-B06B-4213-8154-8C05ED62653B}" srcOrd="0" destOrd="0" presId="urn:microsoft.com/office/officeart/2008/layout/AscendingPictureAccentProcess"/>
    <dgm:cxn modelId="{D6F5B432-00FC-4E77-90DF-A51F3B14CC68}" type="presOf" srcId="{8302183C-0F52-4151-8D1E-CE00690D3930}" destId="{76746D59-0772-48EF-9EA3-3F79EC7EEF1E}" srcOrd="0" destOrd="0" presId="urn:microsoft.com/office/officeart/2008/layout/AscendingPictureAccentProcess"/>
    <dgm:cxn modelId="{0B36C20A-ABF8-4040-B400-4842058444E0}" type="presOf" srcId="{B00DE394-9A7E-4544-BA1B-9B7459E09F6A}" destId="{5DF9296B-66AE-4267-927C-07EA9543ED2B}" srcOrd="0" destOrd="0" presId="urn:microsoft.com/office/officeart/2008/layout/AscendingPictureAccentProcess"/>
    <dgm:cxn modelId="{47215503-C33E-4677-B15E-7DB7C011F3E8}" type="presOf" srcId="{AF78F62D-2D14-471E-9FA9-98096CB4A5F0}" destId="{F78C18DB-DF8B-455C-854D-4B2E4A690B93}" srcOrd="0" destOrd="0" presId="urn:microsoft.com/office/officeart/2008/layout/AscendingPictureAccentProcess"/>
    <dgm:cxn modelId="{7E42385C-1409-4F59-92C0-4A7F2028DFC8}" type="presOf" srcId="{AC018F3D-5A8E-49B3-AD3D-1E1921D686BE}" destId="{65F2CB19-3984-4416-87C6-C6CF15342FE3}" srcOrd="0" destOrd="0" presId="urn:microsoft.com/office/officeart/2008/layout/AscendingPictureAccentProcess"/>
    <dgm:cxn modelId="{BEC383B7-04EE-458E-9F6C-8DA282E6FECB}" type="presParOf" srcId="{F78C18DB-DF8B-455C-854D-4B2E4A690B93}" destId="{484C6123-5843-4D7F-A6A0-BC3EFCF4D33F}" srcOrd="0" destOrd="0" presId="urn:microsoft.com/office/officeart/2008/layout/AscendingPictureAccentProcess"/>
    <dgm:cxn modelId="{9CDD96CA-5DF3-4DAC-A28A-E669C99E5797}" type="presParOf" srcId="{F78C18DB-DF8B-455C-854D-4B2E4A690B93}" destId="{40359211-81BF-4EA1-9225-9FFA8D6134A2}" srcOrd="1" destOrd="0" presId="urn:microsoft.com/office/officeart/2008/layout/AscendingPictureAccentProcess"/>
    <dgm:cxn modelId="{D729D80E-16CD-4C01-A82E-34ACB3110F0E}" type="presParOf" srcId="{F78C18DB-DF8B-455C-854D-4B2E4A690B93}" destId="{9C97B08E-377F-4E6C-A4D1-4CA840353159}" srcOrd="2" destOrd="0" presId="urn:microsoft.com/office/officeart/2008/layout/AscendingPictureAccentProcess"/>
    <dgm:cxn modelId="{50E101EA-E34A-4FE5-BCFB-286D16AA5E67}" type="presParOf" srcId="{F78C18DB-DF8B-455C-854D-4B2E4A690B93}" destId="{A3BC74F4-CEC5-457B-A510-6190DB810ADD}" srcOrd="3" destOrd="0" presId="urn:microsoft.com/office/officeart/2008/layout/AscendingPictureAccentProcess"/>
    <dgm:cxn modelId="{6CCB6B3F-55C8-4966-9FEF-0DF17F191C26}" type="presParOf" srcId="{F78C18DB-DF8B-455C-854D-4B2E4A690B93}" destId="{91FF8811-3BC8-4409-9BDD-9D4E132E9B99}" srcOrd="4" destOrd="0" presId="urn:microsoft.com/office/officeart/2008/layout/AscendingPictureAccentProcess"/>
    <dgm:cxn modelId="{CBD6A347-4DD2-4BDE-A750-11CC4C56D187}" type="presParOf" srcId="{F78C18DB-DF8B-455C-854D-4B2E4A690B93}" destId="{A59D5D15-0FEE-4988-853E-521192EEA2B5}" srcOrd="5" destOrd="0" presId="urn:microsoft.com/office/officeart/2008/layout/AscendingPictureAccentProcess"/>
    <dgm:cxn modelId="{FE9BD224-671C-46DC-BD14-86B402ADCA0E}" type="presParOf" srcId="{F78C18DB-DF8B-455C-854D-4B2E4A690B93}" destId="{FF0B03E7-275D-4F91-ADBD-CB372BFD02DB}" srcOrd="6" destOrd="0" presId="urn:microsoft.com/office/officeart/2008/layout/AscendingPictureAccentProcess"/>
    <dgm:cxn modelId="{9A9CB3D1-E402-46FC-B2CE-0D0B25AD7D6B}" type="presParOf" srcId="{F78C18DB-DF8B-455C-854D-4B2E4A690B93}" destId="{A32379F9-2EE9-4A5C-A434-85FC42868FE5}" srcOrd="7" destOrd="0" presId="urn:microsoft.com/office/officeart/2008/layout/AscendingPictureAccentProcess"/>
    <dgm:cxn modelId="{23B09592-DC12-4BB9-88A6-788492F05167}" type="presParOf" srcId="{F78C18DB-DF8B-455C-854D-4B2E4A690B93}" destId="{ED29B46F-C3BC-46F8-B65C-EF663FE8213C}" srcOrd="8" destOrd="0" presId="urn:microsoft.com/office/officeart/2008/layout/AscendingPictureAccentProcess"/>
    <dgm:cxn modelId="{5C83326E-5010-432F-8CAC-B1E342D817BF}" type="presParOf" srcId="{F78C18DB-DF8B-455C-854D-4B2E4A690B93}" destId="{1A372EF2-02AC-4CCF-B0F2-E73AA078A2E0}" srcOrd="9" destOrd="0" presId="urn:microsoft.com/office/officeart/2008/layout/AscendingPictureAccentProcess"/>
    <dgm:cxn modelId="{0C296D43-B60C-4D1B-8A91-559068DDED3E}" type="presParOf" srcId="{F78C18DB-DF8B-455C-854D-4B2E4A690B93}" destId="{6E01ECB2-DCD1-41EB-BC4C-C6A14CCB5675}" srcOrd="10" destOrd="0" presId="urn:microsoft.com/office/officeart/2008/layout/AscendingPictureAccentProcess"/>
    <dgm:cxn modelId="{C51CC955-FC54-4C10-BF61-81B197CB9FF2}" type="presParOf" srcId="{F78C18DB-DF8B-455C-854D-4B2E4A690B93}" destId="{E1A88188-F016-4618-BC5B-DD80EA26A808}" srcOrd="11" destOrd="0" presId="urn:microsoft.com/office/officeart/2008/layout/AscendingPictureAccentProcess"/>
    <dgm:cxn modelId="{2AD0919C-62BF-41CD-BA05-C49A7D3D7F41}" type="presParOf" srcId="{F78C18DB-DF8B-455C-854D-4B2E4A690B93}" destId="{0890432E-6C1A-44EB-9714-B05ADDE079EC}" srcOrd="12" destOrd="0" presId="urn:microsoft.com/office/officeart/2008/layout/AscendingPictureAccentProcess"/>
    <dgm:cxn modelId="{AB445693-41A7-4FAD-B6E6-9BD2153DF2F9}" type="presParOf" srcId="{F78C18DB-DF8B-455C-854D-4B2E4A690B93}" destId="{B3EABB0A-31C2-4BCB-A0A7-869848F4B205}" srcOrd="13" destOrd="0" presId="urn:microsoft.com/office/officeart/2008/layout/AscendingPictureAccentProcess"/>
    <dgm:cxn modelId="{1A1701CB-849A-4E29-AE44-1CE8928C0A80}" type="presParOf" srcId="{F78C18DB-DF8B-455C-854D-4B2E4A690B93}" destId="{F978D691-12D3-4C5F-88DB-A86DAC9C7326}" srcOrd="14" destOrd="0" presId="urn:microsoft.com/office/officeart/2008/layout/AscendingPictureAccentProcess"/>
    <dgm:cxn modelId="{6219F613-F458-4BC6-8331-38B1ED0F4129}" type="presParOf" srcId="{F78C18DB-DF8B-455C-854D-4B2E4A690B93}" destId="{9B8769A2-C061-43B6-8E41-9E4378809664}" srcOrd="15" destOrd="0" presId="urn:microsoft.com/office/officeart/2008/layout/AscendingPictureAccentProcess"/>
    <dgm:cxn modelId="{70746DF0-2489-42B8-A180-8605EA2EA431}" type="presParOf" srcId="{F78C18DB-DF8B-455C-854D-4B2E4A690B93}" destId="{145CCF8B-856C-4664-A143-855CB21C56C7}" srcOrd="16" destOrd="0" presId="urn:microsoft.com/office/officeart/2008/layout/AscendingPictureAccentProcess"/>
    <dgm:cxn modelId="{195B047A-0274-48E8-8813-1B434FCB4925}" type="presParOf" srcId="{145CCF8B-856C-4664-A143-855CB21C56C7}" destId="{65F2CB19-3984-4416-87C6-C6CF15342FE3}" srcOrd="0" destOrd="0" presId="urn:microsoft.com/office/officeart/2008/layout/AscendingPictureAccentProcess"/>
    <dgm:cxn modelId="{3921238C-5CA1-4EDC-8E06-C0B0A50F189E}" type="presParOf" srcId="{F78C18DB-DF8B-455C-854D-4B2E4A690B93}" destId="{8625D5BA-643B-4A6C-BA0F-FA8D0B130237}" srcOrd="17" destOrd="0" presId="urn:microsoft.com/office/officeart/2008/layout/AscendingPictureAccentProcess"/>
    <dgm:cxn modelId="{0FC22E93-6E3F-44F6-B14C-056AB07CB7E2}" type="presParOf" srcId="{F78C18DB-DF8B-455C-854D-4B2E4A690B93}" destId="{BC7246E8-D937-477E-B27D-13FB16DC4B43}" srcOrd="18" destOrd="0" presId="urn:microsoft.com/office/officeart/2008/layout/AscendingPictureAccentProcess"/>
    <dgm:cxn modelId="{4F6B3BFE-A7AF-4ABE-99CB-8995AE812AFB}" type="presParOf" srcId="{BC7246E8-D937-477E-B27D-13FB16DC4B43}" destId="{5DF9296B-66AE-4267-927C-07EA9543ED2B}" srcOrd="0" destOrd="0" presId="urn:microsoft.com/office/officeart/2008/layout/AscendingPictureAccentProcess"/>
    <dgm:cxn modelId="{6435B76A-FC18-4E58-9016-DBEB7D20DCF2}" type="presParOf" srcId="{F78C18DB-DF8B-455C-854D-4B2E4A690B93}" destId="{A3AED452-3CF5-44D7-B5DB-210CFC54172E}" srcOrd="19" destOrd="0" presId="urn:microsoft.com/office/officeart/2008/layout/AscendingPictureAccentProcess"/>
    <dgm:cxn modelId="{69FA38DC-1AD7-4F41-A6F1-59BAE7118E93}" type="presParOf" srcId="{F78C18DB-DF8B-455C-854D-4B2E4A690B93}" destId="{2220BC40-1C44-4BE1-B042-67772EC3A26B}" srcOrd="20" destOrd="0" presId="urn:microsoft.com/office/officeart/2008/layout/AscendingPictureAccentProcess"/>
    <dgm:cxn modelId="{08F7399D-16A9-4766-8434-5D65245636C2}" type="presParOf" srcId="{2220BC40-1C44-4BE1-B042-67772EC3A26B}" destId="{ABA70C74-7AA1-414C-943E-6C78398F73CF}" srcOrd="0" destOrd="0" presId="urn:microsoft.com/office/officeart/2008/layout/AscendingPictureAccentProcess"/>
    <dgm:cxn modelId="{C0BE232A-CF83-4CCB-849A-5F8671DD4233}" type="presParOf" srcId="{F78C18DB-DF8B-455C-854D-4B2E4A690B93}" destId="{B60D828A-78E1-4FCD-86EA-9F18F1CD4C9D}" srcOrd="21" destOrd="0" presId="urn:microsoft.com/office/officeart/2008/layout/AscendingPictureAccentProcess"/>
    <dgm:cxn modelId="{D6F1FF18-12B8-4C68-94A1-C15CB9084751}" type="presParOf" srcId="{F78C18DB-DF8B-455C-854D-4B2E4A690B93}" destId="{8C1264D4-7812-4E7B-85E7-A4EE0780F24A}" srcOrd="22" destOrd="0" presId="urn:microsoft.com/office/officeart/2008/layout/AscendingPictureAccentProcess"/>
    <dgm:cxn modelId="{7EDD3C01-32C5-4BD4-8207-4589FB7B0CBC}" type="presParOf" srcId="{8C1264D4-7812-4E7B-85E7-A4EE0780F24A}" destId="{76746D59-0772-48EF-9EA3-3F79EC7EEF1E}" srcOrd="0" destOrd="0" presId="urn:microsoft.com/office/officeart/2008/layout/AscendingPictureAccentProcess"/>
    <dgm:cxn modelId="{F053A4AC-78F2-43CE-B43D-6591876F7F92}" type="presParOf" srcId="{F78C18DB-DF8B-455C-854D-4B2E4A690B93}" destId="{8B1B09CC-B06B-4213-8154-8C05ED62653B}" srcOrd="23" destOrd="0" presId="urn:microsoft.com/office/officeart/2008/layout/AscendingPictureAccentProcess"/>
    <dgm:cxn modelId="{E30F20A8-E3FA-4564-9AA6-5F5DEAE2B37B}" type="presParOf" srcId="{F78C18DB-DF8B-455C-854D-4B2E4A690B93}" destId="{7970455B-2709-4D07-8D94-7E348AFF3801}" srcOrd="24" destOrd="0" presId="urn:microsoft.com/office/officeart/2008/layout/AscendingPictureAccentProcess"/>
    <dgm:cxn modelId="{9219A581-B480-437F-84BB-E9FA3E303FC0}" type="presParOf" srcId="{7970455B-2709-4D07-8D94-7E348AFF3801}" destId="{BA58F60F-1F3F-42D4-BFD7-FB7711C81441}" srcOrd="0" destOrd="0" presId="urn:microsoft.com/office/officeart/2008/layout/AscendingPictureAccentProcess"/>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AF78F62D-2D14-471E-9FA9-98096CB4A5F0}" type="doc">
      <dgm:prSet loTypeId="urn:microsoft.com/office/officeart/2008/layout/AscendingPictureAccentProcess" loCatId="picture" qsTypeId="urn:microsoft.com/office/officeart/2005/8/quickstyle/simple1" qsCatId="simple" csTypeId="urn:microsoft.com/office/officeart/2005/8/colors/accent4_2" csCatId="accent4" phldr="1"/>
      <dgm:spPr/>
      <dgm:t>
        <a:bodyPr/>
        <a:lstStyle/>
        <a:p>
          <a:pPr rtl="1"/>
          <a:endParaRPr lang="he-IL"/>
        </a:p>
      </dgm:t>
    </dgm:pt>
    <dgm:pt modelId="{9F1173B4-09C2-463E-8FF8-E0367545CF3B}">
      <dgm:prSet phldrT="[טקסט]" custT="1"/>
      <dgm:spPr>
        <a:blipFill rotWithShape="0">
          <a:blip xmlns:r="http://schemas.openxmlformats.org/officeDocument/2006/relationships" r:embed="rId1"/>
          <a:stretch>
            <a:fillRect/>
          </a:stretch>
        </a:blipFill>
      </dgm:spPr>
      <dgm:t>
        <a:bodyPr/>
        <a:lstStyle/>
        <a:p>
          <a:pPr rtl="1"/>
          <a:r>
            <a:rPr lang="he-IL" sz="2000" dirty="0" smtClean="0">
              <a:solidFill>
                <a:schemeClr val="bg1"/>
              </a:solidFill>
              <a:latin typeface="Narkisim" panose="020E0502050101010101" pitchFamily="34" charset="-79"/>
              <a:cs typeface="Narkisim" panose="020E0502050101010101" pitchFamily="34" charset="-79"/>
            </a:rPr>
            <a:t>מנהיגות עתידית</a:t>
          </a:r>
          <a:endParaRPr lang="he-IL" sz="2000" dirty="0">
            <a:solidFill>
              <a:schemeClr val="bg1"/>
            </a:solidFill>
            <a:latin typeface="Narkisim" panose="020E0502050101010101" pitchFamily="34" charset="-79"/>
            <a:cs typeface="Narkisim" panose="020E0502050101010101" pitchFamily="34" charset="-79"/>
          </a:endParaRPr>
        </a:p>
      </dgm:t>
    </dgm:pt>
    <dgm:pt modelId="{D5DD5F65-EC4F-4FB6-9E3A-74A2FC1105DC}" type="parTrans" cxnId="{BD69220A-855B-45E3-8E02-C6113539637C}">
      <dgm:prSet/>
      <dgm:spPr/>
      <dgm:t>
        <a:bodyPr/>
        <a:lstStyle/>
        <a:p>
          <a:pPr rtl="1"/>
          <a:endParaRPr lang="he-IL" sz="2000">
            <a:solidFill>
              <a:schemeClr val="bg1"/>
            </a:solidFill>
            <a:latin typeface="Narkisim" panose="020E0502050101010101" pitchFamily="34" charset="-79"/>
            <a:cs typeface="Narkisim" panose="020E0502050101010101" pitchFamily="34" charset="-79"/>
          </a:endParaRPr>
        </a:p>
      </dgm:t>
    </dgm:pt>
    <dgm:pt modelId="{AC018F3D-5A8E-49B3-AD3D-1E1921D686BE}" type="sibTrans" cxnId="{BD69220A-855B-45E3-8E02-C6113539637C}">
      <dgm:prSet/>
      <dgm:spPr>
        <a:blipFill rotWithShape="1">
          <a:blip xmlns:r="http://schemas.openxmlformats.org/officeDocument/2006/relationships" r:embed="rId1"/>
          <a:stretch>
            <a:fillRect/>
          </a:stretch>
        </a:blipFill>
      </dgm:spPr>
      <dgm:t>
        <a:bodyPr/>
        <a:lstStyle/>
        <a:p>
          <a:pPr rtl="1"/>
          <a:endParaRPr lang="he-IL" sz="2000">
            <a:solidFill>
              <a:schemeClr val="bg1"/>
            </a:solidFill>
            <a:latin typeface="Narkisim" panose="020E0502050101010101" pitchFamily="34" charset="-79"/>
            <a:cs typeface="Narkisim" panose="020E0502050101010101" pitchFamily="34" charset="-79"/>
          </a:endParaRPr>
        </a:p>
      </dgm:t>
    </dgm:pt>
    <dgm:pt modelId="{42BE2894-EF38-432C-9416-3D7ADFD38B91}">
      <dgm:prSet custT="1"/>
      <dgm:spPr/>
      <dgm:t>
        <a:bodyPr/>
        <a:lstStyle/>
        <a:p>
          <a:pPr rtl="1"/>
          <a:r>
            <a:rPr lang="he-IL" sz="2400" dirty="0" smtClean="0">
              <a:latin typeface="Narkisim" panose="020E0502050101010101" pitchFamily="34" charset="-79"/>
              <a:cs typeface="Narkisim" panose="020E0502050101010101" pitchFamily="34" charset="-79"/>
            </a:rPr>
            <a:t>התפרקות הרש"פ</a:t>
          </a:r>
          <a:endParaRPr lang="he-IL" sz="2400" dirty="0">
            <a:latin typeface="Narkisim" panose="020E0502050101010101" pitchFamily="34" charset="-79"/>
            <a:cs typeface="Narkisim" panose="020E0502050101010101" pitchFamily="34" charset="-79"/>
          </a:endParaRPr>
        </a:p>
      </dgm:t>
    </dgm:pt>
    <dgm:pt modelId="{E87FC0B4-36A8-44E7-93D6-5DD22EB203A1}" type="parTrans" cxnId="{CCF3241F-6B18-42A4-A449-246E8DF56C44}">
      <dgm:prSet/>
      <dgm:spPr/>
      <dgm:t>
        <a:bodyPr/>
        <a:lstStyle/>
        <a:p>
          <a:pPr rtl="1"/>
          <a:endParaRPr lang="he-IL" sz="2000">
            <a:latin typeface="Narkisim" panose="020E0502050101010101" pitchFamily="34" charset="-79"/>
            <a:cs typeface="Narkisim" panose="020E0502050101010101" pitchFamily="34" charset="-79"/>
          </a:endParaRPr>
        </a:p>
      </dgm:t>
    </dgm:pt>
    <dgm:pt modelId="{CE86D5C6-AB47-4FC2-84BD-CF98FFDF4337}" type="sibTrans" cxnId="{CCF3241F-6B18-42A4-A449-246E8DF56C44}">
      <dgm:prSet/>
      <dgm:spPr>
        <a:blipFill rotWithShape="1">
          <a:blip xmlns:r="http://schemas.openxmlformats.org/officeDocument/2006/relationships" r:embed="rId1"/>
          <a:stretch>
            <a:fillRect/>
          </a:stretch>
        </a:blipFill>
      </dgm:spPr>
      <dgm:t>
        <a:bodyPr/>
        <a:lstStyle/>
        <a:p>
          <a:pPr rtl="1"/>
          <a:endParaRPr lang="he-IL" sz="2000">
            <a:solidFill>
              <a:schemeClr val="bg1"/>
            </a:solidFill>
            <a:latin typeface="Narkisim" panose="020E0502050101010101" pitchFamily="34" charset="-79"/>
            <a:cs typeface="Narkisim" panose="020E0502050101010101" pitchFamily="34" charset="-79"/>
          </a:endParaRPr>
        </a:p>
      </dgm:t>
    </dgm:pt>
    <dgm:pt modelId="{0C05FD3F-4ADD-456A-A202-51C5D0F4F4E6}">
      <dgm:prSet custT="1"/>
      <dgm:spPr/>
      <dgm:t>
        <a:bodyPr/>
        <a:lstStyle/>
        <a:p>
          <a:pPr rtl="1"/>
          <a:r>
            <a:rPr lang="he-IL" sz="2400" dirty="0" smtClean="0">
              <a:latin typeface="Narkisim" panose="020E0502050101010101" pitchFamily="34" charset="-79"/>
              <a:cs typeface="Narkisim" panose="020E0502050101010101" pitchFamily="34" charset="-79"/>
            </a:rPr>
            <a:t>עזה</a:t>
          </a:r>
          <a:endParaRPr lang="he-IL" sz="2400" dirty="0">
            <a:latin typeface="Narkisim" panose="020E0502050101010101" pitchFamily="34" charset="-79"/>
            <a:cs typeface="Narkisim" panose="020E0502050101010101" pitchFamily="34" charset="-79"/>
          </a:endParaRPr>
        </a:p>
      </dgm:t>
    </dgm:pt>
    <dgm:pt modelId="{B149DA9A-3CC2-4227-9B1C-63B3E09920D7}" type="parTrans" cxnId="{55215F0D-16C6-46CA-9DD0-3080DB051B37}">
      <dgm:prSet/>
      <dgm:spPr/>
      <dgm:t>
        <a:bodyPr/>
        <a:lstStyle/>
        <a:p>
          <a:pPr rtl="1"/>
          <a:endParaRPr lang="he-IL" sz="2000">
            <a:latin typeface="Narkisim" panose="020E0502050101010101" pitchFamily="34" charset="-79"/>
            <a:cs typeface="Narkisim" panose="020E0502050101010101" pitchFamily="34" charset="-79"/>
          </a:endParaRPr>
        </a:p>
      </dgm:t>
    </dgm:pt>
    <dgm:pt modelId="{8302183C-0F52-4151-8D1E-CE00690D3930}" type="sibTrans" cxnId="{55215F0D-16C6-46CA-9DD0-3080DB051B37}">
      <dgm:prSet/>
      <dgm:spPr>
        <a:blipFill rotWithShape="1">
          <a:blip xmlns:r="http://schemas.openxmlformats.org/officeDocument/2006/relationships" r:embed="rId1"/>
          <a:stretch>
            <a:fillRect/>
          </a:stretch>
        </a:blipFill>
      </dgm:spPr>
      <dgm:t>
        <a:bodyPr/>
        <a:lstStyle/>
        <a:p>
          <a:pPr rtl="1"/>
          <a:endParaRPr lang="he-IL" sz="2000">
            <a:solidFill>
              <a:schemeClr val="bg1"/>
            </a:solidFill>
            <a:latin typeface="Narkisim" panose="020E0502050101010101" pitchFamily="34" charset="-79"/>
            <a:cs typeface="Narkisim" panose="020E0502050101010101" pitchFamily="34" charset="-79"/>
          </a:endParaRPr>
        </a:p>
      </dgm:t>
    </dgm:pt>
    <dgm:pt modelId="{DBFEC9EF-CACB-44E6-AF22-ED5254ADB7A4}">
      <dgm:prSet custT="1"/>
      <dgm:spPr/>
      <dgm:t>
        <a:bodyPr/>
        <a:lstStyle/>
        <a:p>
          <a:pPr rtl="1"/>
          <a:r>
            <a:rPr lang="he-IL" sz="2400" dirty="0" err="1" smtClean="0">
              <a:latin typeface="Narkisim" panose="020E0502050101010101" pitchFamily="34" charset="-79"/>
              <a:cs typeface="Narkisim" panose="020E0502050101010101" pitchFamily="34" charset="-79"/>
            </a:rPr>
            <a:t>החאמס</a:t>
          </a:r>
          <a:endParaRPr lang="he-IL" sz="2400" dirty="0">
            <a:latin typeface="Narkisim" panose="020E0502050101010101" pitchFamily="34" charset="-79"/>
            <a:cs typeface="Narkisim" panose="020E0502050101010101" pitchFamily="34" charset="-79"/>
          </a:endParaRPr>
        </a:p>
      </dgm:t>
    </dgm:pt>
    <dgm:pt modelId="{5B88F0D0-F5B6-4D41-B8E2-8E45C087B83E}" type="parTrans" cxnId="{D6D899E3-9147-4890-92C1-9728DE236614}">
      <dgm:prSet/>
      <dgm:spPr/>
      <dgm:t>
        <a:bodyPr/>
        <a:lstStyle/>
        <a:p>
          <a:pPr rtl="1"/>
          <a:endParaRPr lang="he-IL" sz="2000">
            <a:latin typeface="Narkisim" panose="020E0502050101010101" pitchFamily="34" charset="-79"/>
            <a:cs typeface="Narkisim" panose="020E0502050101010101" pitchFamily="34" charset="-79"/>
          </a:endParaRPr>
        </a:p>
      </dgm:t>
    </dgm:pt>
    <dgm:pt modelId="{393098DC-5470-4813-A682-22354C6E78DE}" type="sibTrans" cxnId="{D6D899E3-9147-4890-92C1-9728DE236614}">
      <dgm:prSet/>
      <dgm:spPr>
        <a:blipFill rotWithShape="1">
          <a:blip xmlns:r="http://schemas.openxmlformats.org/officeDocument/2006/relationships" r:embed="rId1"/>
          <a:stretch>
            <a:fillRect/>
          </a:stretch>
        </a:blipFill>
      </dgm:spPr>
      <dgm:t>
        <a:bodyPr/>
        <a:lstStyle/>
        <a:p>
          <a:pPr rtl="1"/>
          <a:endParaRPr lang="he-IL" sz="2000">
            <a:solidFill>
              <a:schemeClr val="bg1"/>
            </a:solidFill>
            <a:latin typeface="Narkisim" panose="020E0502050101010101" pitchFamily="34" charset="-79"/>
            <a:cs typeface="Narkisim" panose="020E0502050101010101" pitchFamily="34" charset="-79"/>
          </a:endParaRPr>
        </a:p>
      </dgm:t>
    </dgm:pt>
    <dgm:pt modelId="{F78C18DB-DF8B-455C-854D-4B2E4A690B93}" type="pres">
      <dgm:prSet presAssocID="{AF78F62D-2D14-471E-9FA9-98096CB4A5F0}" presName="Name0" presStyleCnt="0">
        <dgm:presLayoutVars>
          <dgm:chMax val="7"/>
          <dgm:chPref val="7"/>
          <dgm:dir/>
        </dgm:presLayoutVars>
      </dgm:prSet>
      <dgm:spPr/>
      <dgm:t>
        <a:bodyPr/>
        <a:lstStyle/>
        <a:p>
          <a:pPr rtl="1"/>
          <a:endParaRPr lang="he-IL"/>
        </a:p>
      </dgm:t>
    </dgm:pt>
    <dgm:pt modelId="{484C6123-5843-4D7F-A6A0-BC3EFCF4D33F}" type="pres">
      <dgm:prSet presAssocID="{AF78F62D-2D14-471E-9FA9-98096CB4A5F0}" presName="dot1" presStyleLbl="alignNode1" presStyleIdx="0" presStyleCnt="13"/>
      <dgm:spPr/>
    </dgm:pt>
    <dgm:pt modelId="{40359211-81BF-4EA1-9225-9FFA8D6134A2}" type="pres">
      <dgm:prSet presAssocID="{AF78F62D-2D14-471E-9FA9-98096CB4A5F0}" presName="dot2" presStyleLbl="alignNode1" presStyleIdx="1" presStyleCnt="13"/>
      <dgm:spPr/>
    </dgm:pt>
    <dgm:pt modelId="{9C97B08E-377F-4E6C-A4D1-4CA840353159}" type="pres">
      <dgm:prSet presAssocID="{AF78F62D-2D14-471E-9FA9-98096CB4A5F0}" presName="dot3" presStyleLbl="alignNode1" presStyleIdx="2" presStyleCnt="13"/>
      <dgm:spPr/>
    </dgm:pt>
    <dgm:pt modelId="{A3BC74F4-CEC5-457B-A510-6190DB810ADD}" type="pres">
      <dgm:prSet presAssocID="{AF78F62D-2D14-471E-9FA9-98096CB4A5F0}" presName="dot4" presStyleLbl="alignNode1" presStyleIdx="3" presStyleCnt="13"/>
      <dgm:spPr/>
    </dgm:pt>
    <dgm:pt modelId="{91FF8811-3BC8-4409-9BDD-9D4E132E9B99}" type="pres">
      <dgm:prSet presAssocID="{AF78F62D-2D14-471E-9FA9-98096CB4A5F0}" presName="dot5" presStyleLbl="alignNode1" presStyleIdx="4" presStyleCnt="13"/>
      <dgm:spPr/>
    </dgm:pt>
    <dgm:pt modelId="{A59D5D15-0FEE-4988-853E-521192EEA2B5}" type="pres">
      <dgm:prSet presAssocID="{AF78F62D-2D14-471E-9FA9-98096CB4A5F0}" presName="dot6" presStyleLbl="alignNode1" presStyleIdx="5" presStyleCnt="13"/>
      <dgm:spPr/>
    </dgm:pt>
    <dgm:pt modelId="{ED29B46F-C3BC-46F8-B65C-EF663FE8213C}" type="pres">
      <dgm:prSet presAssocID="{AF78F62D-2D14-471E-9FA9-98096CB4A5F0}" presName="dotArrow1" presStyleLbl="alignNode1" presStyleIdx="6" presStyleCnt="13"/>
      <dgm:spPr/>
    </dgm:pt>
    <dgm:pt modelId="{1A372EF2-02AC-4CCF-B0F2-E73AA078A2E0}" type="pres">
      <dgm:prSet presAssocID="{AF78F62D-2D14-471E-9FA9-98096CB4A5F0}" presName="dotArrow2" presStyleLbl="alignNode1" presStyleIdx="7" presStyleCnt="13"/>
      <dgm:spPr/>
    </dgm:pt>
    <dgm:pt modelId="{6E01ECB2-DCD1-41EB-BC4C-C6A14CCB5675}" type="pres">
      <dgm:prSet presAssocID="{AF78F62D-2D14-471E-9FA9-98096CB4A5F0}" presName="dotArrow3" presStyleLbl="alignNode1" presStyleIdx="8" presStyleCnt="13"/>
      <dgm:spPr/>
    </dgm:pt>
    <dgm:pt modelId="{E1A88188-F016-4618-BC5B-DD80EA26A808}" type="pres">
      <dgm:prSet presAssocID="{AF78F62D-2D14-471E-9FA9-98096CB4A5F0}" presName="dotArrow4" presStyleLbl="alignNode1" presStyleIdx="9" presStyleCnt="13"/>
      <dgm:spPr/>
    </dgm:pt>
    <dgm:pt modelId="{0890432E-6C1A-44EB-9714-B05ADDE079EC}" type="pres">
      <dgm:prSet presAssocID="{AF78F62D-2D14-471E-9FA9-98096CB4A5F0}" presName="dotArrow5" presStyleLbl="alignNode1" presStyleIdx="10" presStyleCnt="13"/>
      <dgm:spPr/>
    </dgm:pt>
    <dgm:pt modelId="{B3EABB0A-31C2-4BCB-A0A7-869848F4B205}" type="pres">
      <dgm:prSet presAssocID="{AF78F62D-2D14-471E-9FA9-98096CB4A5F0}" presName="dotArrow6" presStyleLbl="alignNode1" presStyleIdx="11" presStyleCnt="13"/>
      <dgm:spPr/>
    </dgm:pt>
    <dgm:pt modelId="{F978D691-12D3-4C5F-88DB-A86DAC9C7326}" type="pres">
      <dgm:prSet presAssocID="{AF78F62D-2D14-471E-9FA9-98096CB4A5F0}" presName="dotArrow7" presStyleLbl="alignNode1" presStyleIdx="12" presStyleCnt="13"/>
      <dgm:spPr/>
    </dgm:pt>
    <dgm:pt modelId="{9B8769A2-C061-43B6-8E41-9E4378809664}" type="pres">
      <dgm:prSet presAssocID="{9F1173B4-09C2-463E-8FF8-E0367545CF3B}" presName="parTx1" presStyleLbl="node1" presStyleIdx="0" presStyleCnt="4"/>
      <dgm:spPr/>
      <dgm:t>
        <a:bodyPr/>
        <a:lstStyle/>
        <a:p>
          <a:pPr rtl="1"/>
          <a:endParaRPr lang="he-IL"/>
        </a:p>
      </dgm:t>
    </dgm:pt>
    <dgm:pt modelId="{145CCF8B-856C-4664-A143-855CB21C56C7}" type="pres">
      <dgm:prSet presAssocID="{AC018F3D-5A8E-49B3-AD3D-1E1921D686BE}" presName="picture1" presStyleCnt="0"/>
      <dgm:spPr/>
    </dgm:pt>
    <dgm:pt modelId="{65F2CB19-3984-4416-87C6-C6CF15342FE3}" type="pres">
      <dgm:prSet presAssocID="{AC018F3D-5A8E-49B3-AD3D-1E1921D686BE}" presName="imageRepeatNode" presStyleLbl="fgImgPlace1" presStyleIdx="0" presStyleCnt="4" custLinFactNeighborX="-460" custLinFactNeighborY="3121"/>
      <dgm:spPr/>
      <dgm:t>
        <a:bodyPr/>
        <a:lstStyle/>
        <a:p>
          <a:pPr rtl="1"/>
          <a:endParaRPr lang="he-IL"/>
        </a:p>
      </dgm:t>
    </dgm:pt>
    <dgm:pt modelId="{DE603079-1495-4C7A-ACA6-BC5D62395642}" type="pres">
      <dgm:prSet presAssocID="{42BE2894-EF38-432C-9416-3D7ADFD38B91}" presName="parTx2" presStyleLbl="node1" presStyleIdx="1" presStyleCnt="4"/>
      <dgm:spPr/>
      <dgm:t>
        <a:bodyPr/>
        <a:lstStyle/>
        <a:p>
          <a:pPr rtl="1"/>
          <a:endParaRPr lang="he-IL"/>
        </a:p>
      </dgm:t>
    </dgm:pt>
    <dgm:pt modelId="{CE70C2AF-E943-4366-94BC-E07F675CAEA5}" type="pres">
      <dgm:prSet presAssocID="{CE86D5C6-AB47-4FC2-84BD-CF98FFDF4337}" presName="picture2" presStyleCnt="0"/>
      <dgm:spPr/>
    </dgm:pt>
    <dgm:pt modelId="{ABA70C74-7AA1-414C-943E-6C78398F73CF}" type="pres">
      <dgm:prSet presAssocID="{CE86D5C6-AB47-4FC2-84BD-CF98FFDF4337}" presName="imageRepeatNode" presStyleLbl="fgImgPlace1" presStyleIdx="1" presStyleCnt="4" custLinFactNeighborX="-460" custLinFactNeighborY="3121"/>
      <dgm:spPr/>
      <dgm:t>
        <a:bodyPr/>
        <a:lstStyle/>
        <a:p>
          <a:pPr rtl="1"/>
          <a:endParaRPr lang="he-IL"/>
        </a:p>
      </dgm:t>
    </dgm:pt>
    <dgm:pt modelId="{A1ED41FB-B855-4BC6-9B55-2E20270DF53B}" type="pres">
      <dgm:prSet presAssocID="{0C05FD3F-4ADD-456A-A202-51C5D0F4F4E6}" presName="parTx3" presStyleLbl="node1" presStyleIdx="2" presStyleCnt="4"/>
      <dgm:spPr/>
      <dgm:t>
        <a:bodyPr/>
        <a:lstStyle/>
        <a:p>
          <a:pPr rtl="1"/>
          <a:endParaRPr lang="he-IL"/>
        </a:p>
      </dgm:t>
    </dgm:pt>
    <dgm:pt modelId="{4EBD9A0A-9429-4444-9FA8-C652C4A85EF8}" type="pres">
      <dgm:prSet presAssocID="{8302183C-0F52-4151-8D1E-CE00690D3930}" presName="picture3" presStyleCnt="0"/>
      <dgm:spPr/>
    </dgm:pt>
    <dgm:pt modelId="{76746D59-0772-48EF-9EA3-3F79EC7EEF1E}" type="pres">
      <dgm:prSet presAssocID="{8302183C-0F52-4151-8D1E-CE00690D3930}" presName="imageRepeatNode" presStyleLbl="fgImgPlace1" presStyleIdx="2" presStyleCnt="4" custLinFactNeighborX="-460" custLinFactNeighborY="3121"/>
      <dgm:spPr/>
      <dgm:t>
        <a:bodyPr/>
        <a:lstStyle/>
        <a:p>
          <a:pPr rtl="1"/>
          <a:endParaRPr lang="he-IL"/>
        </a:p>
      </dgm:t>
    </dgm:pt>
    <dgm:pt modelId="{78E65894-1818-457C-9FC6-9DBF9F9B0385}" type="pres">
      <dgm:prSet presAssocID="{DBFEC9EF-CACB-44E6-AF22-ED5254ADB7A4}" presName="parTx4" presStyleLbl="node1" presStyleIdx="3" presStyleCnt="4"/>
      <dgm:spPr/>
      <dgm:t>
        <a:bodyPr/>
        <a:lstStyle/>
        <a:p>
          <a:pPr rtl="1"/>
          <a:endParaRPr lang="he-IL"/>
        </a:p>
      </dgm:t>
    </dgm:pt>
    <dgm:pt modelId="{35566FB9-5E5D-4138-B879-3286BC0D06FD}" type="pres">
      <dgm:prSet presAssocID="{393098DC-5470-4813-A682-22354C6E78DE}" presName="picture4" presStyleCnt="0"/>
      <dgm:spPr/>
    </dgm:pt>
    <dgm:pt modelId="{BA58F60F-1F3F-42D4-BFD7-FB7711C81441}" type="pres">
      <dgm:prSet presAssocID="{393098DC-5470-4813-A682-22354C6E78DE}" presName="imageRepeatNode" presStyleLbl="fgImgPlace1" presStyleIdx="3" presStyleCnt="4" custLinFactNeighborX="-460" custLinFactNeighborY="3121"/>
      <dgm:spPr/>
      <dgm:t>
        <a:bodyPr/>
        <a:lstStyle/>
        <a:p>
          <a:pPr rtl="1"/>
          <a:endParaRPr lang="he-IL"/>
        </a:p>
      </dgm:t>
    </dgm:pt>
  </dgm:ptLst>
  <dgm:cxnLst>
    <dgm:cxn modelId="{F3A282DF-8DD5-4CF5-931C-865CD7CCE920}" type="presOf" srcId="{AF78F62D-2D14-471E-9FA9-98096CB4A5F0}" destId="{F78C18DB-DF8B-455C-854D-4B2E4A690B93}" srcOrd="0" destOrd="0" presId="urn:microsoft.com/office/officeart/2008/layout/AscendingPictureAccentProcess"/>
    <dgm:cxn modelId="{2156349B-EFD5-4E82-AAAB-9A17E3E3641C}" type="presOf" srcId="{CE86D5C6-AB47-4FC2-84BD-CF98FFDF4337}" destId="{ABA70C74-7AA1-414C-943E-6C78398F73CF}" srcOrd="0" destOrd="0" presId="urn:microsoft.com/office/officeart/2008/layout/AscendingPictureAccentProcess"/>
    <dgm:cxn modelId="{505C925F-5C28-4645-A54E-B4B2698866C9}" type="presOf" srcId="{DBFEC9EF-CACB-44E6-AF22-ED5254ADB7A4}" destId="{78E65894-1818-457C-9FC6-9DBF9F9B0385}" srcOrd="0" destOrd="0" presId="urn:microsoft.com/office/officeart/2008/layout/AscendingPictureAccentProcess"/>
    <dgm:cxn modelId="{55215F0D-16C6-46CA-9DD0-3080DB051B37}" srcId="{AF78F62D-2D14-471E-9FA9-98096CB4A5F0}" destId="{0C05FD3F-4ADD-456A-A202-51C5D0F4F4E6}" srcOrd="2" destOrd="0" parTransId="{B149DA9A-3CC2-4227-9B1C-63B3E09920D7}" sibTransId="{8302183C-0F52-4151-8D1E-CE00690D3930}"/>
    <dgm:cxn modelId="{BD69220A-855B-45E3-8E02-C6113539637C}" srcId="{AF78F62D-2D14-471E-9FA9-98096CB4A5F0}" destId="{9F1173B4-09C2-463E-8FF8-E0367545CF3B}" srcOrd="0" destOrd="0" parTransId="{D5DD5F65-EC4F-4FB6-9E3A-74A2FC1105DC}" sibTransId="{AC018F3D-5A8E-49B3-AD3D-1E1921D686BE}"/>
    <dgm:cxn modelId="{782F71C1-52C6-41AC-AF8E-601A03476EAE}" type="presOf" srcId="{0C05FD3F-4ADD-456A-A202-51C5D0F4F4E6}" destId="{A1ED41FB-B855-4BC6-9B55-2E20270DF53B}" srcOrd="0" destOrd="0" presId="urn:microsoft.com/office/officeart/2008/layout/AscendingPictureAccentProcess"/>
    <dgm:cxn modelId="{B67F2D16-9D4E-4900-9A94-BC7460BA151D}" type="presOf" srcId="{42BE2894-EF38-432C-9416-3D7ADFD38B91}" destId="{DE603079-1495-4C7A-ACA6-BC5D62395642}" srcOrd="0" destOrd="0" presId="urn:microsoft.com/office/officeart/2008/layout/AscendingPictureAccentProcess"/>
    <dgm:cxn modelId="{D6D899E3-9147-4890-92C1-9728DE236614}" srcId="{AF78F62D-2D14-471E-9FA9-98096CB4A5F0}" destId="{DBFEC9EF-CACB-44E6-AF22-ED5254ADB7A4}" srcOrd="3" destOrd="0" parTransId="{5B88F0D0-F5B6-4D41-B8E2-8E45C087B83E}" sibTransId="{393098DC-5470-4813-A682-22354C6E78DE}"/>
    <dgm:cxn modelId="{AC7559CE-AC2B-4AB4-9470-CBD6CA13B794}" type="presOf" srcId="{9F1173B4-09C2-463E-8FF8-E0367545CF3B}" destId="{9B8769A2-C061-43B6-8E41-9E4378809664}" srcOrd="0" destOrd="0" presId="urn:microsoft.com/office/officeart/2008/layout/AscendingPictureAccentProcess"/>
    <dgm:cxn modelId="{CCF3241F-6B18-42A4-A449-246E8DF56C44}" srcId="{AF78F62D-2D14-471E-9FA9-98096CB4A5F0}" destId="{42BE2894-EF38-432C-9416-3D7ADFD38B91}" srcOrd="1" destOrd="0" parTransId="{E87FC0B4-36A8-44E7-93D6-5DD22EB203A1}" sibTransId="{CE86D5C6-AB47-4FC2-84BD-CF98FFDF4337}"/>
    <dgm:cxn modelId="{5F612A38-3649-4250-8DE1-5AD83D390A74}" type="presOf" srcId="{8302183C-0F52-4151-8D1E-CE00690D3930}" destId="{76746D59-0772-48EF-9EA3-3F79EC7EEF1E}" srcOrd="0" destOrd="0" presId="urn:microsoft.com/office/officeart/2008/layout/AscendingPictureAccentProcess"/>
    <dgm:cxn modelId="{13F658ED-26B8-46D1-8C67-7D0F5A04D8D3}" type="presOf" srcId="{393098DC-5470-4813-A682-22354C6E78DE}" destId="{BA58F60F-1F3F-42D4-BFD7-FB7711C81441}" srcOrd="0" destOrd="0" presId="urn:microsoft.com/office/officeart/2008/layout/AscendingPictureAccentProcess"/>
    <dgm:cxn modelId="{C0E18BDF-92F5-4DC7-94C1-FF4F87F5D6F1}" type="presOf" srcId="{AC018F3D-5A8E-49B3-AD3D-1E1921D686BE}" destId="{65F2CB19-3984-4416-87C6-C6CF15342FE3}" srcOrd="0" destOrd="0" presId="urn:microsoft.com/office/officeart/2008/layout/AscendingPictureAccentProcess"/>
    <dgm:cxn modelId="{DC9D2FFF-BFBB-446C-B182-7769598B03A9}" type="presParOf" srcId="{F78C18DB-DF8B-455C-854D-4B2E4A690B93}" destId="{484C6123-5843-4D7F-A6A0-BC3EFCF4D33F}" srcOrd="0" destOrd="0" presId="urn:microsoft.com/office/officeart/2008/layout/AscendingPictureAccentProcess"/>
    <dgm:cxn modelId="{CB408AAD-83F1-46AC-BC34-C4FD797CDFC9}" type="presParOf" srcId="{F78C18DB-DF8B-455C-854D-4B2E4A690B93}" destId="{40359211-81BF-4EA1-9225-9FFA8D6134A2}" srcOrd="1" destOrd="0" presId="urn:microsoft.com/office/officeart/2008/layout/AscendingPictureAccentProcess"/>
    <dgm:cxn modelId="{1B231AF8-1B73-454E-B288-83F044E8B6BC}" type="presParOf" srcId="{F78C18DB-DF8B-455C-854D-4B2E4A690B93}" destId="{9C97B08E-377F-4E6C-A4D1-4CA840353159}" srcOrd="2" destOrd="0" presId="urn:microsoft.com/office/officeart/2008/layout/AscendingPictureAccentProcess"/>
    <dgm:cxn modelId="{F15C1443-6803-4FA2-9622-52A8A1A448AB}" type="presParOf" srcId="{F78C18DB-DF8B-455C-854D-4B2E4A690B93}" destId="{A3BC74F4-CEC5-457B-A510-6190DB810ADD}" srcOrd="3" destOrd="0" presId="urn:microsoft.com/office/officeart/2008/layout/AscendingPictureAccentProcess"/>
    <dgm:cxn modelId="{310A93B6-ED2F-4683-8665-CF5F993E0BC9}" type="presParOf" srcId="{F78C18DB-DF8B-455C-854D-4B2E4A690B93}" destId="{91FF8811-3BC8-4409-9BDD-9D4E132E9B99}" srcOrd="4" destOrd="0" presId="urn:microsoft.com/office/officeart/2008/layout/AscendingPictureAccentProcess"/>
    <dgm:cxn modelId="{5E8C5B05-5C48-4D7E-B533-09EC1DC93504}" type="presParOf" srcId="{F78C18DB-DF8B-455C-854D-4B2E4A690B93}" destId="{A59D5D15-0FEE-4988-853E-521192EEA2B5}" srcOrd="5" destOrd="0" presId="urn:microsoft.com/office/officeart/2008/layout/AscendingPictureAccentProcess"/>
    <dgm:cxn modelId="{43FCABB5-E474-41A1-A903-96FF58A66EE4}" type="presParOf" srcId="{F78C18DB-DF8B-455C-854D-4B2E4A690B93}" destId="{ED29B46F-C3BC-46F8-B65C-EF663FE8213C}" srcOrd="6" destOrd="0" presId="urn:microsoft.com/office/officeart/2008/layout/AscendingPictureAccentProcess"/>
    <dgm:cxn modelId="{2AB4D750-8AF1-4383-B01B-74A43D6575C9}" type="presParOf" srcId="{F78C18DB-DF8B-455C-854D-4B2E4A690B93}" destId="{1A372EF2-02AC-4CCF-B0F2-E73AA078A2E0}" srcOrd="7" destOrd="0" presId="urn:microsoft.com/office/officeart/2008/layout/AscendingPictureAccentProcess"/>
    <dgm:cxn modelId="{41337691-DFAA-45F5-9737-B384D4759188}" type="presParOf" srcId="{F78C18DB-DF8B-455C-854D-4B2E4A690B93}" destId="{6E01ECB2-DCD1-41EB-BC4C-C6A14CCB5675}" srcOrd="8" destOrd="0" presId="urn:microsoft.com/office/officeart/2008/layout/AscendingPictureAccentProcess"/>
    <dgm:cxn modelId="{FEA77C26-F3B9-46B9-AC55-3E20C8AF01C4}" type="presParOf" srcId="{F78C18DB-DF8B-455C-854D-4B2E4A690B93}" destId="{E1A88188-F016-4618-BC5B-DD80EA26A808}" srcOrd="9" destOrd="0" presId="urn:microsoft.com/office/officeart/2008/layout/AscendingPictureAccentProcess"/>
    <dgm:cxn modelId="{8F206F7F-B32D-4E12-A442-7FBFE2570726}" type="presParOf" srcId="{F78C18DB-DF8B-455C-854D-4B2E4A690B93}" destId="{0890432E-6C1A-44EB-9714-B05ADDE079EC}" srcOrd="10" destOrd="0" presId="urn:microsoft.com/office/officeart/2008/layout/AscendingPictureAccentProcess"/>
    <dgm:cxn modelId="{EB25786B-6021-4FDC-8136-3EA3D89F3913}" type="presParOf" srcId="{F78C18DB-DF8B-455C-854D-4B2E4A690B93}" destId="{B3EABB0A-31C2-4BCB-A0A7-869848F4B205}" srcOrd="11" destOrd="0" presId="urn:microsoft.com/office/officeart/2008/layout/AscendingPictureAccentProcess"/>
    <dgm:cxn modelId="{69C3114D-3843-410F-AF03-F085459BD30E}" type="presParOf" srcId="{F78C18DB-DF8B-455C-854D-4B2E4A690B93}" destId="{F978D691-12D3-4C5F-88DB-A86DAC9C7326}" srcOrd="12" destOrd="0" presId="urn:microsoft.com/office/officeart/2008/layout/AscendingPictureAccentProcess"/>
    <dgm:cxn modelId="{C8F6CDC0-3F60-48AB-94D4-48F90651BEEA}" type="presParOf" srcId="{F78C18DB-DF8B-455C-854D-4B2E4A690B93}" destId="{9B8769A2-C061-43B6-8E41-9E4378809664}" srcOrd="13" destOrd="0" presId="urn:microsoft.com/office/officeart/2008/layout/AscendingPictureAccentProcess"/>
    <dgm:cxn modelId="{3081B1FB-4377-4AAF-97E4-0583A9441463}" type="presParOf" srcId="{F78C18DB-DF8B-455C-854D-4B2E4A690B93}" destId="{145CCF8B-856C-4664-A143-855CB21C56C7}" srcOrd="14" destOrd="0" presId="urn:microsoft.com/office/officeart/2008/layout/AscendingPictureAccentProcess"/>
    <dgm:cxn modelId="{1F51C8CE-F383-4CDF-B8D8-A0FBA0E033B1}" type="presParOf" srcId="{145CCF8B-856C-4664-A143-855CB21C56C7}" destId="{65F2CB19-3984-4416-87C6-C6CF15342FE3}" srcOrd="0" destOrd="0" presId="urn:microsoft.com/office/officeart/2008/layout/AscendingPictureAccentProcess"/>
    <dgm:cxn modelId="{F288D99C-46C7-4D0F-916A-EE60144F83DF}" type="presParOf" srcId="{F78C18DB-DF8B-455C-854D-4B2E4A690B93}" destId="{DE603079-1495-4C7A-ACA6-BC5D62395642}" srcOrd="15" destOrd="0" presId="urn:microsoft.com/office/officeart/2008/layout/AscendingPictureAccentProcess"/>
    <dgm:cxn modelId="{033B8101-4F20-4379-A9FE-EC1365290197}" type="presParOf" srcId="{F78C18DB-DF8B-455C-854D-4B2E4A690B93}" destId="{CE70C2AF-E943-4366-94BC-E07F675CAEA5}" srcOrd="16" destOrd="0" presId="urn:microsoft.com/office/officeart/2008/layout/AscendingPictureAccentProcess"/>
    <dgm:cxn modelId="{D2A01CEB-B92F-4042-A3A3-EF08973BA090}" type="presParOf" srcId="{CE70C2AF-E943-4366-94BC-E07F675CAEA5}" destId="{ABA70C74-7AA1-414C-943E-6C78398F73CF}" srcOrd="0" destOrd="0" presId="urn:microsoft.com/office/officeart/2008/layout/AscendingPictureAccentProcess"/>
    <dgm:cxn modelId="{97554E22-11AB-45D7-85A3-F622D6F36A32}" type="presParOf" srcId="{F78C18DB-DF8B-455C-854D-4B2E4A690B93}" destId="{A1ED41FB-B855-4BC6-9B55-2E20270DF53B}" srcOrd="17" destOrd="0" presId="urn:microsoft.com/office/officeart/2008/layout/AscendingPictureAccentProcess"/>
    <dgm:cxn modelId="{98EB2C1D-D441-4BE9-B2EC-5C62B3156BD2}" type="presParOf" srcId="{F78C18DB-DF8B-455C-854D-4B2E4A690B93}" destId="{4EBD9A0A-9429-4444-9FA8-C652C4A85EF8}" srcOrd="18" destOrd="0" presId="urn:microsoft.com/office/officeart/2008/layout/AscendingPictureAccentProcess"/>
    <dgm:cxn modelId="{5418E04E-4B7F-46D3-BBF9-0F8EA161E527}" type="presParOf" srcId="{4EBD9A0A-9429-4444-9FA8-C652C4A85EF8}" destId="{76746D59-0772-48EF-9EA3-3F79EC7EEF1E}" srcOrd="0" destOrd="0" presId="urn:microsoft.com/office/officeart/2008/layout/AscendingPictureAccentProcess"/>
    <dgm:cxn modelId="{95D8AC56-AE43-4F1F-8642-423D8FF01225}" type="presParOf" srcId="{F78C18DB-DF8B-455C-854D-4B2E4A690B93}" destId="{78E65894-1818-457C-9FC6-9DBF9F9B0385}" srcOrd="19" destOrd="0" presId="urn:microsoft.com/office/officeart/2008/layout/AscendingPictureAccentProcess"/>
    <dgm:cxn modelId="{5CF988FA-890F-4AF3-B0F4-813CE6537DE5}" type="presParOf" srcId="{F78C18DB-DF8B-455C-854D-4B2E4A690B93}" destId="{35566FB9-5E5D-4138-B879-3286BC0D06FD}" srcOrd="20" destOrd="0" presId="urn:microsoft.com/office/officeart/2008/layout/AscendingPictureAccentProcess"/>
    <dgm:cxn modelId="{C4162958-70E4-463A-AD82-43432EC7E3C9}" type="presParOf" srcId="{35566FB9-5E5D-4138-B879-3286BC0D06FD}" destId="{BA58F60F-1F3F-42D4-BFD7-FB7711C81441}" srcOrd="0" destOrd="0" presId="urn:microsoft.com/office/officeart/2008/layout/AscendingPictureAccentProcess"/>
  </dgm:cxnLst>
  <dgm:bg/>
  <dgm:whole/>
  <dgm:extLst>
    <a:ext uri="http://schemas.microsoft.com/office/drawing/2008/diagram">
      <dsp:dataModelExt xmlns:dsp="http://schemas.microsoft.com/office/drawing/2008/diagram" relId="rId11"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74F78FC3-54DA-44D4-9305-4F414A717C44}" type="doc">
      <dgm:prSet loTypeId="urn:microsoft.com/office/officeart/2008/layout/RadialCluster" loCatId="relationship" qsTypeId="urn:microsoft.com/office/officeart/2005/8/quickstyle/simple1" qsCatId="simple" csTypeId="urn:microsoft.com/office/officeart/2005/8/colors/accent4_3" csCatId="accent4" phldr="1"/>
      <dgm:spPr/>
      <dgm:t>
        <a:bodyPr/>
        <a:lstStyle/>
        <a:p>
          <a:pPr rtl="1"/>
          <a:endParaRPr lang="he-IL"/>
        </a:p>
      </dgm:t>
    </dgm:pt>
    <dgm:pt modelId="{D2FB4838-F7AC-4F3F-A00F-B5BCB9C55CEB}">
      <dgm:prSet phldrT="[טקסט]"/>
      <dgm:spPr/>
      <dgm:t>
        <a:bodyPr/>
        <a:lstStyle/>
        <a:p>
          <a:pPr rtl="1"/>
          <a:r>
            <a:rPr lang="he-IL" dirty="0" smtClean="0">
              <a:latin typeface="Narkisim" panose="020E0502050101010101" pitchFamily="34" charset="-79"/>
              <a:cs typeface="Narkisim" panose="020E0502050101010101" pitchFamily="34" charset="-79"/>
            </a:rPr>
            <a:t>הרשות</a:t>
          </a:r>
          <a:endParaRPr lang="he-IL" dirty="0">
            <a:latin typeface="Narkisim" panose="020E0502050101010101" pitchFamily="34" charset="-79"/>
            <a:cs typeface="Narkisim" panose="020E0502050101010101" pitchFamily="34" charset="-79"/>
          </a:endParaRPr>
        </a:p>
      </dgm:t>
    </dgm:pt>
    <dgm:pt modelId="{8BC1C38B-91EB-403A-A213-81FB45DCEAEC}" type="parTrans" cxnId="{2AAEB7FD-84FF-4E75-BEE2-D2EA17B3CBFF}">
      <dgm:prSet/>
      <dgm:spPr/>
      <dgm:t>
        <a:bodyPr/>
        <a:lstStyle/>
        <a:p>
          <a:pPr rtl="1"/>
          <a:endParaRPr lang="he-IL">
            <a:latin typeface="Narkisim" panose="020E0502050101010101" pitchFamily="34" charset="-79"/>
            <a:cs typeface="Narkisim" panose="020E0502050101010101" pitchFamily="34" charset="-79"/>
          </a:endParaRPr>
        </a:p>
      </dgm:t>
    </dgm:pt>
    <dgm:pt modelId="{A1CAE50F-4EBA-4CD4-8228-84B7CF74A71A}" type="sibTrans" cxnId="{2AAEB7FD-84FF-4E75-BEE2-D2EA17B3CBFF}">
      <dgm:prSet/>
      <dgm:spPr/>
      <dgm:t>
        <a:bodyPr/>
        <a:lstStyle/>
        <a:p>
          <a:pPr rtl="1"/>
          <a:endParaRPr lang="he-IL">
            <a:latin typeface="Narkisim" panose="020E0502050101010101" pitchFamily="34" charset="-79"/>
            <a:cs typeface="Narkisim" panose="020E0502050101010101" pitchFamily="34" charset="-79"/>
          </a:endParaRPr>
        </a:p>
      </dgm:t>
    </dgm:pt>
    <dgm:pt modelId="{5E652CC0-422A-4225-B228-7DB0CE3231EB}">
      <dgm:prSet phldrT="[טקסט]" custT="1"/>
      <dgm:spPr/>
      <dgm:t>
        <a:bodyPr/>
        <a:lstStyle/>
        <a:p>
          <a:pPr rtl="1"/>
          <a:r>
            <a:rPr lang="he-IL" sz="900" dirty="0" smtClean="0">
              <a:latin typeface="Narkisim" panose="020E0502050101010101" pitchFamily="34" charset="-79"/>
              <a:cs typeface="Narkisim" panose="020E0502050101010101" pitchFamily="34" charset="-79"/>
            </a:rPr>
            <a:t>כללי</a:t>
          </a:r>
          <a:endParaRPr lang="he-IL" sz="900" dirty="0">
            <a:latin typeface="Narkisim" panose="020E0502050101010101" pitchFamily="34" charset="-79"/>
            <a:cs typeface="Narkisim" panose="020E0502050101010101" pitchFamily="34" charset="-79"/>
          </a:endParaRPr>
        </a:p>
      </dgm:t>
    </dgm:pt>
    <dgm:pt modelId="{D9903651-9491-48E7-915F-7B830F85DAB0}" type="parTrans" cxnId="{3B92CC8B-C238-440A-A10E-E28A69E404E3}">
      <dgm:prSet/>
      <dgm:spPr/>
      <dgm:t>
        <a:bodyPr/>
        <a:lstStyle/>
        <a:p>
          <a:pPr rtl="1"/>
          <a:endParaRPr lang="he-IL">
            <a:latin typeface="Narkisim" panose="020E0502050101010101" pitchFamily="34" charset="-79"/>
            <a:cs typeface="Narkisim" panose="020E0502050101010101" pitchFamily="34" charset="-79"/>
          </a:endParaRPr>
        </a:p>
      </dgm:t>
    </dgm:pt>
    <dgm:pt modelId="{16D8D315-6E33-42AE-B739-09156D92273F}" type="sibTrans" cxnId="{3B92CC8B-C238-440A-A10E-E28A69E404E3}">
      <dgm:prSet/>
      <dgm:spPr/>
      <dgm:t>
        <a:bodyPr/>
        <a:lstStyle/>
        <a:p>
          <a:pPr rtl="1"/>
          <a:endParaRPr lang="he-IL">
            <a:latin typeface="Narkisim" panose="020E0502050101010101" pitchFamily="34" charset="-79"/>
            <a:cs typeface="Narkisim" panose="020E0502050101010101" pitchFamily="34" charset="-79"/>
          </a:endParaRPr>
        </a:p>
      </dgm:t>
    </dgm:pt>
    <dgm:pt modelId="{C93CACDB-6243-4FAC-BF9A-CBC8A1FF34D6}">
      <dgm:prSet phldrT="[טקסט]"/>
      <dgm:spPr/>
      <dgm:t>
        <a:bodyPr/>
        <a:lstStyle/>
        <a:p>
          <a:pPr rtl="1"/>
          <a:r>
            <a:rPr lang="he-IL" dirty="0" smtClean="0">
              <a:latin typeface="Narkisim" panose="020E0502050101010101" pitchFamily="34" charset="-79"/>
              <a:cs typeface="Narkisim" panose="020E0502050101010101" pitchFamily="34" charset="-79"/>
            </a:rPr>
            <a:t>חוץ</a:t>
          </a:r>
          <a:endParaRPr lang="he-IL" dirty="0">
            <a:latin typeface="Narkisim" panose="020E0502050101010101" pitchFamily="34" charset="-79"/>
            <a:cs typeface="Narkisim" panose="020E0502050101010101" pitchFamily="34" charset="-79"/>
          </a:endParaRPr>
        </a:p>
      </dgm:t>
    </dgm:pt>
    <dgm:pt modelId="{2B2E20ED-D7D6-4792-BD6C-2E2FE8AF0F91}" type="parTrans" cxnId="{AF9DB279-827E-4D49-8B2A-9BE2103A8FC5}">
      <dgm:prSet/>
      <dgm:spPr/>
      <dgm:t>
        <a:bodyPr/>
        <a:lstStyle/>
        <a:p>
          <a:pPr rtl="1"/>
          <a:endParaRPr lang="he-IL">
            <a:latin typeface="Narkisim" panose="020E0502050101010101" pitchFamily="34" charset="-79"/>
            <a:cs typeface="Narkisim" panose="020E0502050101010101" pitchFamily="34" charset="-79"/>
          </a:endParaRPr>
        </a:p>
      </dgm:t>
    </dgm:pt>
    <dgm:pt modelId="{9A0CC34A-4518-430A-A12B-7465F866B19C}" type="sibTrans" cxnId="{AF9DB279-827E-4D49-8B2A-9BE2103A8FC5}">
      <dgm:prSet/>
      <dgm:spPr/>
      <dgm:t>
        <a:bodyPr/>
        <a:lstStyle/>
        <a:p>
          <a:pPr rtl="1"/>
          <a:endParaRPr lang="he-IL">
            <a:latin typeface="Narkisim" panose="020E0502050101010101" pitchFamily="34" charset="-79"/>
            <a:cs typeface="Narkisim" panose="020E0502050101010101" pitchFamily="34" charset="-79"/>
          </a:endParaRPr>
        </a:p>
      </dgm:t>
    </dgm:pt>
    <dgm:pt modelId="{A47C619F-E91F-4917-8007-5BCA81EDFF89}">
      <dgm:prSet phldrT="[טקסט]"/>
      <dgm:spPr/>
      <dgm:t>
        <a:bodyPr/>
        <a:lstStyle/>
        <a:p>
          <a:pPr rtl="1"/>
          <a:r>
            <a:rPr lang="he-IL" dirty="0" smtClean="0">
              <a:latin typeface="Narkisim" panose="020E0502050101010101" pitchFamily="34" charset="-79"/>
              <a:cs typeface="Narkisim" panose="020E0502050101010101" pitchFamily="34" charset="-79"/>
            </a:rPr>
            <a:t>פנים</a:t>
          </a:r>
          <a:endParaRPr lang="he-IL" dirty="0">
            <a:latin typeface="Narkisim" panose="020E0502050101010101" pitchFamily="34" charset="-79"/>
            <a:cs typeface="Narkisim" panose="020E0502050101010101" pitchFamily="34" charset="-79"/>
          </a:endParaRPr>
        </a:p>
      </dgm:t>
    </dgm:pt>
    <dgm:pt modelId="{1FD96F04-EBF2-46ED-A691-B8E476D7A854}" type="parTrans" cxnId="{39741F29-0F70-45CB-8717-D477CC448E0A}">
      <dgm:prSet/>
      <dgm:spPr/>
      <dgm:t>
        <a:bodyPr/>
        <a:lstStyle/>
        <a:p>
          <a:pPr rtl="1"/>
          <a:endParaRPr lang="he-IL">
            <a:latin typeface="Narkisim" panose="020E0502050101010101" pitchFamily="34" charset="-79"/>
            <a:cs typeface="Narkisim" panose="020E0502050101010101" pitchFamily="34" charset="-79"/>
          </a:endParaRPr>
        </a:p>
      </dgm:t>
    </dgm:pt>
    <dgm:pt modelId="{E1995562-43C3-4F8D-ACDB-056FFD6D2AE5}" type="sibTrans" cxnId="{39741F29-0F70-45CB-8717-D477CC448E0A}">
      <dgm:prSet/>
      <dgm:spPr/>
      <dgm:t>
        <a:bodyPr/>
        <a:lstStyle/>
        <a:p>
          <a:pPr rtl="1"/>
          <a:endParaRPr lang="he-IL">
            <a:latin typeface="Narkisim" panose="020E0502050101010101" pitchFamily="34" charset="-79"/>
            <a:cs typeface="Narkisim" panose="020E0502050101010101" pitchFamily="34" charset="-79"/>
          </a:endParaRPr>
        </a:p>
      </dgm:t>
    </dgm:pt>
    <dgm:pt modelId="{CF584493-B584-4C87-8204-62189A6B57F2}">
      <dgm:prSet phldrT="[טקסט]"/>
      <dgm:spPr/>
      <dgm:t>
        <a:bodyPr/>
        <a:lstStyle/>
        <a:p>
          <a:pPr rtl="1"/>
          <a:r>
            <a:rPr lang="he-IL" dirty="0" smtClean="0">
              <a:latin typeface="Narkisim" panose="020E0502050101010101" pitchFamily="34" charset="-79"/>
              <a:cs typeface="Narkisim" panose="020E0502050101010101" pitchFamily="34" charset="-79"/>
            </a:rPr>
            <a:t>ממשקים</a:t>
          </a:r>
          <a:endParaRPr lang="he-IL" dirty="0">
            <a:latin typeface="Narkisim" panose="020E0502050101010101" pitchFamily="34" charset="-79"/>
            <a:cs typeface="Narkisim" panose="020E0502050101010101" pitchFamily="34" charset="-79"/>
          </a:endParaRPr>
        </a:p>
      </dgm:t>
    </dgm:pt>
    <dgm:pt modelId="{E448481E-903E-4DDC-8C00-E08B29D17504}" type="parTrans" cxnId="{6FC54D4A-E917-44DD-B91D-DF65A832D138}">
      <dgm:prSet/>
      <dgm:spPr/>
      <dgm:t>
        <a:bodyPr/>
        <a:lstStyle/>
        <a:p>
          <a:pPr rtl="1"/>
          <a:endParaRPr lang="he-IL"/>
        </a:p>
      </dgm:t>
    </dgm:pt>
    <dgm:pt modelId="{01104645-A300-4409-9F59-631769FC0AE0}" type="sibTrans" cxnId="{6FC54D4A-E917-44DD-B91D-DF65A832D138}">
      <dgm:prSet/>
      <dgm:spPr/>
      <dgm:t>
        <a:bodyPr/>
        <a:lstStyle/>
        <a:p>
          <a:pPr rtl="1"/>
          <a:endParaRPr lang="he-IL"/>
        </a:p>
      </dgm:t>
    </dgm:pt>
    <dgm:pt modelId="{48C44EFB-F046-4E1F-A806-484A31925E96}">
      <dgm:prSet phldrT="[טקסט]"/>
      <dgm:spPr/>
      <dgm:t>
        <a:bodyPr/>
        <a:lstStyle/>
        <a:p>
          <a:pPr rtl="1"/>
          <a:r>
            <a:rPr lang="he-IL" dirty="0" smtClean="0">
              <a:latin typeface="Narkisim" panose="020E0502050101010101" pitchFamily="34" charset="-79"/>
              <a:cs typeface="Narkisim" panose="020E0502050101010101" pitchFamily="34" charset="-79"/>
            </a:rPr>
            <a:t>תופעות</a:t>
          </a:r>
          <a:endParaRPr lang="he-IL" dirty="0">
            <a:latin typeface="Narkisim" panose="020E0502050101010101" pitchFamily="34" charset="-79"/>
            <a:cs typeface="Narkisim" panose="020E0502050101010101" pitchFamily="34" charset="-79"/>
          </a:endParaRPr>
        </a:p>
      </dgm:t>
    </dgm:pt>
    <dgm:pt modelId="{EAD3E232-5CB7-4849-9F8C-8293446879AF}" type="parTrans" cxnId="{8BDFBDC6-6B16-43AA-A3F9-2FB6A48B6BD9}">
      <dgm:prSet/>
      <dgm:spPr/>
      <dgm:t>
        <a:bodyPr/>
        <a:lstStyle/>
        <a:p>
          <a:pPr rtl="1"/>
          <a:endParaRPr lang="he-IL"/>
        </a:p>
      </dgm:t>
    </dgm:pt>
    <dgm:pt modelId="{B7842908-C3A0-45AA-962A-0E5587E7863E}" type="sibTrans" cxnId="{8BDFBDC6-6B16-43AA-A3F9-2FB6A48B6BD9}">
      <dgm:prSet/>
      <dgm:spPr/>
      <dgm:t>
        <a:bodyPr/>
        <a:lstStyle/>
        <a:p>
          <a:pPr rtl="1"/>
          <a:endParaRPr lang="he-IL"/>
        </a:p>
      </dgm:t>
    </dgm:pt>
    <dgm:pt modelId="{D88AA464-29ED-4819-99A8-7DD8FA602A21}">
      <dgm:prSet phldrT="[טקסט]"/>
      <dgm:spPr/>
      <dgm:t>
        <a:bodyPr/>
        <a:lstStyle/>
        <a:p>
          <a:pPr rtl="1"/>
          <a:r>
            <a:rPr lang="he-IL" dirty="0" smtClean="0">
              <a:latin typeface="Narkisim" panose="020E0502050101010101" pitchFamily="34" charset="-79"/>
              <a:cs typeface="Narkisim" panose="020E0502050101010101" pitchFamily="34" charset="-79"/>
            </a:rPr>
            <a:t>החמאס</a:t>
          </a:r>
          <a:endParaRPr lang="he-IL" dirty="0">
            <a:latin typeface="Narkisim" panose="020E0502050101010101" pitchFamily="34" charset="-79"/>
            <a:cs typeface="Narkisim" panose="020E0502050101010101" pitchFamily="34" charset="-79"/>
          </a:endParaRPr>
        </a:p>
      </dgm:t>
    </dgm:pt>
    <dgm:pt modelId="{8457EB02-963A-48F8-BF45-A85DB4279BD8}" type="parTrans" cxnId="{FBFB9681-9F9B-450E-AC30-EC77FCA43435}">
      <dgm:prSet/>
      <dgm:spPr/>
      <dgm:t>
        <a:bodyPr/>
        <a:lstStyle/>
        <a:p>
          <a:pPr rtl="1"/>
          <a:endParaRPr lang="he-IL"/>
        </a:p>
      </dgm:t>
    </dgm:pt>
    <dgm:pt modelId="{462283B9-CD1D-4392-9656-792313E6CC21}" type="sibTrans" cxnId="{FBFB9681-9F9B-450E-AC30-EC77FCA43435}">
      <dgm:prSet/>
      <dgm:spPr/>
      <dgm:t>
        <a:bodyPr/>
        <a:lstStyle/>
        <a:p>
          <a:pPr rtl="1"/>
          <a:endParaRPr lang="he-IL"/>
        </a:p>
      </dgm:t>
    </dgm:pt>
    <dgm:pt modelId="{76CDDDBA-B36D-4714-AA8C-719F1B8D1FC3}" type="pres">
      <dgm:prSet presAssocID="{74F78FC3-54DA-44D4-9305-4F414A717C44}" presName="Name0" presStyleCnt="0">
        <dgm:presLayoutVars>
          <dgm:chMax val="1"/>
          <dgm:chPref val="1"/>
          <dgm:dir/>
          <dgm:animOne val="branch"/>
          <dgm:animLvl val="lvl"/>
        </dgm:presLayoutVars>
      </dgm:prSet>
      <dgm:spPr/>
      <dgm:t>
        <a:bodyPr/>
        <a:lstStyle/>
        <a:p>
          <a:pPr rtl="1"/>
          <a:endParaRPr lang="he-IL"/>
        </a:p>
      </dgm:t>
    </dgm:pt>
    <dgm:pt modelId="{23392139-BF37-4508-B695-F1F2823516CB}" type="pres">
      <dgm:prSet presAssocID="{D2FB4838-F7AC-4F3F-A00F-B5BCB9C55CEB}" presName="singleCycle" presStyleCnt="0"/>
      <dgm:spPr/>
    </dgm:pt>
    <dgm:pt modelId="{052F5E5C-7DB8-4EB1-BBB5-4EDBEF39C1A8}" type="pres">
      <dgm:prSet presAssocID="{D2FB4838-F7AC-4F3F-A00F-B5BCB9C55CEB}" presName="singleCenter" presStyleLbl="node1" presStyleIdx="0" presStyleCnt="7">
        <dgm:presLayoutVars>
          <dgm:chMax val="7"/>
          <dgm:chPref val="7"/>
        </dgm:presLayoutVars>
      </dgm:prSet>
      <dgm:spPr/>
      <dgm:t>
        <a:bodyPr/>
        <a:lstStyle/>
        <a:p>
          <a:pPr rtl="1"/>
          <a:endParaRPr lang="he-IL"/>
        </a:p>
      </dgm:t>
    </dgm:pt>
    <dgm:pt modelId="{06715F5A-16BC-426E-97ED-DEC6DAA23D66}" type="pres">
      <dgm:prSet presAssocID="{D9903651-9491-48E7-915F-7B830F85DAB0}" presName="Name56" presStyleLbl="parChTrans1D2" presStyleIdx="0" presStyleCnt="6"/>
      <dgm:spPr/>
      <dgm:t>
        <a:bodyPr/>
        <a:lstStyle/>
        <a:p>
          <a:pPr rtl="1"/>
          <a:endParaRPr lang="he-IL"/>
        </a:p>
      </dgm:t>
    </dgm:pt>
    <dgm:pt modelId="{C0511186-EA8C-4926-B644-756489C464D9}" type="pres">
      <dgm:prSet presAssocID="{5E652CC0-422A-4225-B228-7DB0CE3231EB}" presName="text0" presStyleLbl="node1" presStyleIdx="1" presStyleCnt="7">
        <dgm:presLayoutVars>
          <dgm:bulletEnabled val="1"/>
        </dgm:presLayoutVars>
      </dgm:prSet>
      <dgm:spPr/>
      <dgm:t>
        <a:bodyPr/>
        <a:lstStyle/>
        <a:p>
          <a:pPr rtl="1"/>
          <a:endParaRPr lang="he-IL"/>
        </a:p>
      </dgm:t>
    </dgm:pt>
    <dgm:pt modelId="{F5DAABEC-3EC8-452B-8203-6524A08433BF}" type="pres">
      <dgm:prSet presAssocID="{2B2E20ED-D7D6-4792-BD6C-2E2FE8AF0F91}" presName="Name56" presStyleLbl="parChTrans1D2" presStyleIdx="1" presStyleCnt="6"/>
      <dgm:spPr/>
      <dgm:t>
        <a:bodyPr/>
        <a:lstStyle/>
        <a:p>
          <a:pPr rtl="1"/>
          <a:endParaRPr lang="he-IL"/>
        </a:p>
      </dgm:t>
    </dgm:pt>
    <dgm:pt modelId="{5FF6CA34-E002-4854-80A1-C777E54C9E18}" type="pres">
      <dgm:prSet presAssocID="{C93CACDB-6243-4FAC-BF9A-CBC8A1FF34D6}" presName="text0" presStyleLbl="node1" presStyleIdx="2" presStyleCnt="7">
        <dgm:presLayoutVars>
          <dgm:bulletEnabled val="1"/>
        </dgm:presLayoutVars>
      </dgm:prSet>
      <dgm:spPr/>
      <dgm:t>
        <a:bodyPr/>
        <a:lstStyle/>
        <a:p>
          <a:pPr rtl="1"/>
          <a:endParaRPr lang="he-IL"/>
        </a:p>
      </dgm:t>
    </dgm:pt>
    <dgm:pt modelId="{85274869-8EE9-47F9-82C6-C969E33B49EB}" type="pres">
      <dgm:prSet presAssocID="{1FD96F04-EBF2-46ED-A691-B8E476D7A854}" presName="Name56" presStyleLbl="parChTrans1D2" presStyleIdx="2" presStyleCnt="6"/>
      <dgm:spPr/>
      <dgm:t>
        <a:bodyPr/>
        <a:lstStyle/>
        <a:p>
          <a:pPr rtl="1"/>
          <a:endParaRPr lang="he-IL"/>
        </a:p>
      </dgm:t>
    </dgm:pt>
    <dgm:pt modelId="{E6D33748-AC0E-4229-99AF-9077B995D018}" type="pres">
      <dgm:prSet presAssocID="{A47C619F-E91F-4917-8007-5BCA81EDFF89}" presName="text0" presStyleLbl="node1" presStyleIdx="3" presStyleCnt="7">
        <dgm:presLayoutVars>
          <dgm:bulletEnabled val="1"/>
        </dgm:presLayoutVars>
      </dgm:prSet>
      <dgm:spPr/>
      <dgm:t>
        <a:bodyPr/>
        <a:lstStyle/>
        <a:p>
          <a:pPr rtl="1"/>
          <a:endParaRPr lang="he-IL"/>
        </a:p>
      </dgm:t>
    </dgm:pt>
    <dgm:pt modelId="{B444884D-433F-4DC0-B6FA-5DB88321EE27}" type="pres">
      <dgm:prSet presAssocID="{E448481E-903E-4DDC-8C00-E08B29D17504}" presName="Name56" presStyleLbl="parChTrans1D2" presStyleIdx="3" presStyleCnt="6"/>
      <dgm:spPr/>
      <dgm:t>
        <a:bodyPr/>
        <a:lstStyle/>
        <a:p>
          <a:pPr rtl="1"/>
          <a:endParaRPr lang="he-IL"/>
        </a:p>
      </dgm:t>
    </dgm:pt>
    <dgm:pt modelId="{98165232-CFA7-4392-A172-8FFCA5EB9577}" type="pres">
      <dgm:prSet presAssocID="{CF584493-B584-4C87-8204-62189A6B57F2}" presName="text0" presStyleLbl="node1" presStyleIdx="4" presStyleCnt="7">
        <dgm:presLayoutVars>
          <dgm:bulletEnabled val="1"/>
        </dgm:presLayoutVars>
      </dgm:prSet>
      <dgm:spPr/>
      <dgm:t>
        <a:bodyPr/>
        <a:lstStyle/>
        <a:p>
          <a:pPr rtl="1"/>
          <a:endParaRPr lang="he-IL"/>
        </a:p>
      </dgm:t>
    </dgm:pt>
    <dgm:pt modelId="{3954058F-4766-4F0F-884C-6DD846E9777B}" type="pres">
      <dgm:prSet presAssocID="{EAD3E232-5CB7-4849-9F8C-8293446879AF}" presName="Name56" presStyleLbl="parChTrans1D2" presStyleIdx="4" presStyleCnt="6"/>
      <dgm:spPr/>
      <dgm:t>
        <a:bodyPr/>
        <a:lstStyle/>
        <a:p>
          <a:pPr rtl="1"/>
          <a:endParaRPr lang="he-IL"/>
        </a:p>
      </dgm:t>
    </dgm:pt>
    <dgm:pt modelId="{62EAC3D1-0459-4AF0-83D4-8E4B2FE8BC20}" type="pres">
      <dgm:prSet presAssocID="{48C44EFB-F046-4E1F-A806-484A31925E96}" presName="text0" presStyleLbl="node1" presStyleIdx="5" presStyleCnt="7">
        <dgm:presLayoutVars>
          <dgm:bulletEnabled val="1"/>
        </dgm:presLayoutVars>
      </dgm:prSet>
      <dgm:spPr/>
      <dgm:t>
        <a:bodyPr/>
        <a:lstStyle/>
        <a:p>
          <a:pPr rtl="1"/>
          <a:endParaRPr lang="he-IL"/>
        </a:p>
      </dgm:t>
    </dgm:pt>
    <dgm:pt modelId="{8E697BBB-F982-4970-B118-8A935F2EAAF9}" type="pres">
      <dgm:prSet presAssocID="{8457EB02-963A-48F8-BF45-A85DB4279BD8}" presName="Name56" presStyleLbl="parChTrans1D2" presStyleIdx="5" presStyleCnt="6"/>
      <dgm:spPr/>
      <dgm:t>
        <a:bodyPr/>
        <a:lstStyle/>
        <a:p>
          <a:pPr rtl="1"/>
          <a:endParaRPr lang="he-IL"/>
        </a:p>
      </dgm:t>
    </dgm:pt>
    <dgm:pt modelId="{7EEA38F8-C102-472C-8892-EBC7FAD893B7}" type="pres">
      <dgm:prSet presAssocID="{D88AA464-29ED-4819-99A8-7DD8FA602A21}" presName="text0" presStyleLbl="node1" presStyleIdx="6" presStyleCnt="7">
        <dgm:presLayoutVars>
          <dgm:bulletEnabled val="1"/>
        </dgm:presLayoutVars>
      </dgm:prSet>
      <dgm:spPr/>
      <dgm:t>
        <a:bodyPr/>
        <a:lstStyle/>
        <a:p>
          <a:pPr rtl="1"/>
          <a:endParaRPr lang="he-IL"/>
        </a:p>
      </dgm:t>
    </dgm:pt>
  </dgm:ptLst>
  <dgm:cxnLst>
    <dgm:cxn modelId="{6469BF4A-A38A-469C-A3C6-2B5462AB0417}" type="presOf" srcId="{8457EB02-963A-48F8-BF45-A85DB4279BD8}" destId="{8E697BBB-F982-4970-B118-8A935F2EAAF9}" srcOrd="0" destOrd="0" presId="urn:microsoft.com/office/officeart/2008/layout/RadialCluster"/>
    <dgm:cxn modelId="{EC88E0F4-DED9-47EB-9143-59AEB9284BFC}" type="presOf" srcId="{A47C619F-E91F-4917-8007-5BCA81EDFF89}" destId="{E6D33748-AC0E-4229-99AF-9077B995D018}" srcOrd="0" destOrd="0" presId="urn:microsoft.com/office/officeart/2008/layout/RadialCluster"/>
    <dgm:cxn modelId="{AD836273-432F-45C1-8334-58EEDF7881CE}" type="presOf" srcId="{E448481E-903E-4DDC-8C00-E08B29D17504}" destId="{B444884D-433F-4DC0-B6FA-5DB88321EE27}" srcOrd="0" destOrd="0" presId="urn:microsoft.com/office/officeart/2008/layout/RadialCluster"/>
    <dgm:cxn modelId="{B49092D7-D9C2-4107-96C0-D111B6C18369}" type="presOf" srcId="{CF584493-B584-4C87-8204-62189A6B57F2}" destId="{98165232-CFA7-4392-A172-8FFCA5EB9577}" srcOrd="0" destOrd="0" presId="urn:microsoft.com/office/officeart/2008/layout/RadialCluster"/>
    <dgm:cxn modelId="{572D02B7-84DA-4F20-B590-6B2264A4D3A3}" type="presOf" srcId="{D2FB4838-F7AC-4F3F-A00F-B5BCB9C55CEB}" destId="{052F5E5C-7DB8-4EB1-BBB5-4EDBEF39C1A8}" srcOrd="0" destOrd="0" presId="urn:microsoft.com/office/officeart/2008/layout/RadialCluster"/>
    <dgm:cxn modelId="{4F56EE80-42BD-4B54-9E5E-731CB4C6CB9A}" type="presOf" srcId="{1FD96F04-EBF2-46ED-A691-B8E476D7A854}" destId="{85274869-8EE9-47F9-82C6-C969E33B49EB}" srcOrd="0" destOrd="0" presId="urn:microsoft.com/office/officeart/2008/layout/RadialCluster"/>
    <dgm:cxn modelId="{FC3BA20A-1AEC-465A-8E28-D610B3C6FB69}" type="presOf" srcId="{D88AA464-29ED-4819-99A8-7DD8FA602A21}" destId="{7EEA38F8-C102-472C-8892-EBC7FAD893B7}" srcOrd="0" destOrd="0" presId="urn:microsoft.com/office/officeart/2008/layout/RadialCluster"/>
    <dgm:cxn modelId="{7DF9B146-03D1-4771-AE22-2DDB0CCDB9FA}" type="presOf" srcId="{EAD3E232-5CB7-4849-9F8C-8293446879AF}" destId="{3954058F-4766-4F0F-884C-6DD846E9777B}" srcOrd="0" destOrd="0" presId="urn:microsoft.com/office/officeart/2008/layout/RadialCluster"/>
    <dgm:cxn modelId="{3B92CC8B-C238-440A-A10E-E28A69E404E3}" srcId="{D2FB4838-F7AC-4F3F-A00F-B5BCB9C55CEB}" destId="{5E652CC0-422A-4225-B228-7DB0CE3231EB}" srcOrd="0" destOrd="0" parTransId="{D9903651-9491-48E7-915F-7B830F85DAB0}" sibTransId="{16D8D315-6E33-42AE-B739-09156D92273F}"/>
    <dgm:cxn modelId="{7D40526E-1BA7-4DBE-BC33-0E1B6442862E}" type="presOf" srcId="{C93CACDB-6243-4FAC-BF9A-CBC8A1FF34D6}" destId="{5FF6CA34-E002-4854-80A1-C777E54C9E18}" srcOrd="0" destOrd="0" presId="urn:microsoft.com/office/officeart/2008/layout/RadialCluster"/>
    <dgm:cxn modelId="{AF9DB279-827E-4D49-8B2A-9BE2103A8FC5}" srcId="{D2FB4838-F7AC-4F3F-A00F-B5BCB9C55CEB}" destId="{C93CACDB-6243-4FAC-BF9A-CBC8A1FF34D6}" srcOrd="1" destOrd="0" parTransId="{2B2E20ED-D7D6-4792-BD6C-2E2FE8AF0F91}" sibTransId="{9A0CC34A-4518-430A-A12B-7465F866B19C}"/>
    <dgm:cxn modelId="{01AC027B-72AC-4FA8-948E-A1E7FEABE6C5}" type="presOf" srcId="{74F78FC3-54DA-44D4-9305-4F414A717C44}" destId="{76CDDDBA-B36D-4714-AA8C-719F1B8D1FC3}" srcOrd="0" destOrd="0" presId="urn:microsoft.com/office/officeart/2008/layout/RadialCluster"/>
    <dgm:cxn modelId="{FBFB9681-9F9B-450E-AC30-EC77FCA43435}" srcId="{D2FB4838-F7AC-4F3F-A00F-B5BCB9C55CEB}" destId="{D88AA464-29ED-4819-99A8-7DD8FA602A21}" srcOrd="5" destOrd="0" parTransId="{8457EB02-963A-48F8-BF45-A85DB4279BD8}" sibTransId="{462283B9-CD1D-4392-9656-792313E6CC21}"/>
    <dgm:cxn modelId="{8BDFBDC6-6B16-43AA-A3F9-2FB6A48B6BD9}" srcId="{D2FB4838-F7AC-4F3F-A00F-B5BCB9C55CEB}" destId="{48C44EFB-F046-4E1F-A806-484A31925E96}" srcOrd="4" destOrd="0" parTransId="{EAD3E232-5CB7-4849-9F8C-8293446879AF}" sibTransId="{B7842908-C3A0-45AA-962A-0E5587E7863E}"/>
    <dgm:cxn modelId="{39741F29-0F70-45CB-8717-D477CC448E0A}" srcId="{D2FB4838-F7AC-4F3F-A00F-B5BCB9C55CEB}" destId="{A47C619F-E91F-4917-8007-5BCA81EDFF89}" srcOrd="2" destOrd="0" parTransId="{1FD96F04-EBF2-46ED-A691-B8E476D7A854}" sibTransId="{E1995562-43C3-4F8D-ACDB-056FFD6D2AE5}"/>
    <dgm:cxn modelId="{2AAEB7FD-84FF-4E75-BEE2-D2EA17B3CBFF}" srcId="{74F78FC3-54DA-44D4-9305-4F414A717C44}" destId="{D2FB4838-F7AC-4F3F-A00F-B5BCB9C55CEB}" srcOrd="0" destOrd="0" parTransId="{8BC1C38B-91EB-403A-A213-81FB45DCEAEC}" sibTransId="{A1CAE50F-4EBA-4CD4-8228-84B7CF74A71A}"/>
    <dgm:cxn modelId="{ED0F426E-91BB-44C7-81CF-1262F05155D6}" type="presOf" srcId="{48C44EFB-F046-4E1F-A806-484A31925E96}" destId="{62EAC3D1-0459-4AF0-83D4-8E4B2FE8BC20}" srcOrd="0" destOrd="0" presId="urn:microsoft.com/office/officeart/2008/layout/RadialCluster"/>
    <dgm:cxn modelId="{6FC54D4A-E917-44DD-B91D-DF65A832D138}" srcId="{D2FB4838-F7AC-4F3F-A00F-B5BCB9C55CEB}" destId="{CF584493-B584-4C87-8204-62189A6B57F2}" srcOrd="3" destOrd="0" parTransId="{E448481E-903E-4DDC-8C00-E08B29D17504}" sibTransId="{01104645-A300-4409-9F59-631769FC0AE0}"/>
    <dgm:cxn modelId="{A12BBCC2-B6A7-4594-B7F1-0CFA1829237B}" type="presOf" srcId="{2B2E20ED-D7D6-4792-BD6C-2E2FE8AF0F91}" destId="{F5DAABEC-3EC8-452B-8203-6524A08433BF}" srcOrd="0" destOrd="0" presId="urn:microsoft.com/office/officeart/2008/layout/RadialCluster"/>
    <dgm:cxn modelId="{B6DDC8EC-C067-412D-B880-E664DEF4CE65}" type="presOf" srcId="{D9903651-9491-48E7-915F-7B830F85DAB0}" destId="{06715F5A-16BC-426E-97ED-DEC6DAA23D66}" srcOrd="0" destOrd="0" presId="urn:microsoft.com/office/officeart/2008/layout/RadialCluster"/>
    <dgm:cxn modelId="{4CF8EF5B-8FF3-40A3-AEF5-4F50EF861FE7}" type="presOf" srcId="{5E652CC0-422A-4225-B228-7DB0CE3231EB}" destId="{C0511186-EA8C-4926-B644-756489C464D9}" srcOrd="0" destOrd="0" presId="urn:microsoft.com/office/officeart/2008/layout/RadialCluster"/>
    <dgm:cxn modelId="{418AB844-C86B-4693-AE00-4AF2D4D5C02C}" type="presParOf" srcId="{76CDDDBA-B36D-4714-AA8C-719F1B8D1FC3}" destId="{23392139-BF37-4508-B695-F1F2823516CB}" srcOrd="0" destOrd="0" presId="urn:microsoft.com/office/officeart/2008/layout/RadialCluster"/>
    <dgm:cxn modelId="{439AC484-F661-42E5-9C6A-C9DAD934E47B}" type="presParOf" srcId="{23392139-BF37-4508-B695-F1F2823516CB}" destId="{052F5E5C-7DB8-4EB1-BBB5-4EDBEF39C1A8}" srcOrd="0" destOrd="0" presId="urn:microsoft.com/office/officeart/2008/layout/RadialCluster"/>
    <dgm:cxn modelId="{DFBAC766-E51D-4BCC-91CC-9F8E6373F256}" type="presParOf" srcId="{23392139-BF37-4508-B695-F1F2823516CB}" destId="{06715F5A-16BC-426E-97ED-DEC6DAA23D66}" srcOrd="1" destOrd="0" presId="urn:microsoft.com/office/officeart/2008/layout/RadialCluster"/>
    <dgm:cxn modelId="{3B188A35-28E9-41E6-9E9D-7A6650EB3714}" type="presParOf" srcId="{23392139-BF37-4508-B695-F1F2823516CB}" destId="{C0511186-EA8C-4926-B644-756489C464D9}" srcOrd="2" destOrd="0" presId="urn:microsoft.com/office/officeart/2008/layout/RadialCluster"/>
    <dgm:cxn modelId="{615B8BED-6E9C-4123-9A27-A2BEA1961793}" type="presParOf" srcId="{23392139-BF37-4508-B695-F1F2823516CB}" destId="{F5DAABEC-3EC8-452B-8203-6524A08433BF}" srcOrd="3" destOrd="0" presId="urn:microsoft.com/office/officeart/2008/layout/RadialCluster"/>
    <dgm:cxn modelId="{5D3E8E3D-EB75-417F-B424-326D83657C8E}" type="presParOf" srcId="{23392139-BF37-4508-B695-F1F2823516CB}" destId="{5FF6CA34-E002-4854-80A1-C777E54C9E18}" srcOrd="4" destOrd="0" presId="urn:microsoft.com/office/officeart/2008/layout/RadialCluster"/>
    <dgm:cxn modelId="{3FE0ABB2-8C5E-403B-9AAA-2F3D250939D9}" type="presParOf" srcId="{23392139-BF37-4508-B695-F1F2823516CB}" destId="{85274869-8EE9-47F9-82C6-C969E33B49EB}" srcOrd="5" destOrd="0" presId="urn:microsoft.com/office/officeart/2008/layout/RadialCluster"/>
    <dgm:cxn modelId="{84F4B041-7BBC-418A-BEDF-530241B710EA}" type="presParOf" srcId="{23392139-BF37-4508-B695-F1F2823516CB}" destId="{E6D33748-AC0E-4229-99AF-9077B995D018}" srcOrd="6" destOrd="0" presId="urn:microsoft.com/office/officeart/2008/layout/RadialCluster"/>
    <dgm:cxn modelId="{90FB678C-2C03-491E-9358-1E4ED77E6CD9}" type="presParOf" srcId="{23392139-BF37-4508-B695-F1F2823516CB}" destId="{B444884D-433F-4DC0-B6FA-5DB88321EE27}" srcOrd="7" destOrd="0" presId="urn:microsoft.com/office/officeart/2008/layout/RadialCluster"/>
    <dgm:cxn modelId="{F2698D77-8275-45B4-9756-AE1E9B58480E}" type="presParOf" srcId="{23392139-BF37-4508-B695-F1F2823516CB}" destId="{98165232-CFA7-4392-A172-8FFCA5EB9577}" srcOrd="8" destOrd="0" presId="urn:microsoft.com/office/officeart/2008/layout/RadialCluster"/>
    <dgm:cxn modelId="{A2EF81F4-A55C-43BF-B0E6-4A02EDFF72C9}" type="presParOf" srcId="{23392139-BF37-4508-B695-F1F2823516CB}" destId="{3954058F-4766-4F0F-884C-6DD846E9777B}" srcOrd="9" destOrd="0" presId="urn:microsoft.com/office/officeart/2008/layout/RadialCluster"/>
    <dgm:cxn modelId="{04A1734A-FFB2-4413-B639-24A505C24B7C}" type="presParOf" srcId="{23392139-BF37-4508-B695-F1F2823516CB}" destId="{62EAC3D1-0459-4AF0-83D4-8E4B2FE8BC20}" srcOrd="10" destOrd="0" presId="urn:microsoft.com/office/officeart/2008/layout/RadialCluster"/>
    <dgm:cxn modelId="{5B289F96-4424-4DE5-B813-C8BD9D21C970}" type="presParOf" srcId="{23392139-BF37-4508-B695-F1F2823516CB}" destId="{8E697BBB-F982-4970-B118-8A935F2EAAF9}" srcOrd="11" destOrd="0" presId="urn:microsoft.com/office/officeart/2008/layout/RadialCluster"/>
    <dgm:cxn modelId="{4E931528-5172-4CE5-98D7-231E5EE6E8B7}" type="presParOf" srcId="{23392139-BF37-4508-B695-F1F2823516CB}" destId="{7EEA38F8-C102-472C-8892-EBC7FAD893B7}" srcOrd="12" destOrd="0" presId="urn:microsoft.com/office/officeart/2008/layout/RadialCluster"/>
  </dgm:cxnLst>
  <dgm:bg/>
  <dgm:whole/>
  <dgm:extLst>
    <a:ext uri="http://schemas.microsoft.com/office/drawing/2008/diagram">
      <dsp:dataModelExt xmlns:dsp="http://schemas.microsoft.com/office/drawing/2008/diagram" relId="rId16"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AD3ABA17-510F-4B50-8D1F-A90311EEC598}" type="doc">
      <dgm:prSet loTypeId="urn:microsoft.com/office/officeart/2005/8/layout/target1" loCatId="relationship" qsTypeId="urn:microsoft.com/office/officeart/2005/8/quickstyle/simple1" qsCatId="simple" csTypeId="urn:microsoft.com/office/officeart/2005/8/colors/accent0_3" csCatId="mainScheme" phldr="1"/>
      <dgm:spPr/>
    </dgm:pt>
    <dgm:pt modelId="{B25B9C6D-2E2C-48CE-8707-4CE1612FBAAC}">
      <dgm:prSet phldrT="[טקסט]"/>
      <dgm:spPr/>
      <dgm:t>
        <a:bodyPr/>
        <a:lstStyle/>
        <a:p>
          <a:pPr rtl="1"/>
          <a:r>
            <a:rPr lang="he-IL" dirty="0" smtClean="0">
              <a:latin typeface="Narkisim" panose="020E0502050101010101" pitchFamily="34" charset="-79"/>
              <a:cs typeface="Narkisim" panose="020E0502050101010101" pitchFamily="34" charset="-79"/>
            </a:rPr>
            <a:t>חמאס</a:t>
          </a:r>
          <a:endParaRPr lang="he-IL" dirty="0">
            <a:latin typeface="Narkisim" panose="020E0502050101010101" pitchFamily="34" charset="-79"/>
            <a:cs typeface="Narkisim" panose="020E0502050101010101" pitchFamily="34" charset="-79"/>
          </a:endParaRPr>
        </a:p>
      </dgm:t>
    </dgm:pt>
    <dgm:pt modelId="{51A931F3-E38B-4EA7-AC15-B67E3DDC0044}" type="parTrans" cxnId="{C07C406A-A2B6-421D-AA09-D3319F5D5DA9}">
      <dgm:prSet/>
      <dgm:spPr/>
      <dgm:t>
        <a:bodyPr/>
        <a:lstStyle/>
        <a:p>
          <a:pPr rtl="1"/>
          <a:endParaRPr lang="he-IL">
            <a:latin typeface="Narkisim" panose="020E0502050101010101" pitchFamily="34" charset="-79"/>
            <a:cs typeface="Narkisim" panose="020E0502050101010101" pitchFamily="34" charset="-79"/>
          </a:endParaRPr>
        </a:p>
      </dgm:t>
    </dgm:pt>
    <dgm:pt modelId="{0A8E02F2-629A-4BFD-B6F7-5683534C48A5}" type="sibTrans" cxnId="{C07C406A-A2B6-421D-AA09-D3319F5D5DA9}">
      <dgm:prSet/>
      <dgm:spPr/>
      <dgm:t>
        <a:bodyPr/>
        <a:lstStyle/>
        <a:p>
          <a:pPr rtl="1"/>
          <a:endParaRPr lang="he-IL">
            <a:latin typeface="Narkisim" panose="020E0502050101010101" pitchFamily="34" charset="-79"/>
            <a:cs typeface="Narkisim" panose="020E0502050101010101" pitchFamily="34" charset="-79"/>
          </a:endParaRPr>
        </a:p>
      </dgm:t>
    </dgm:pt>
    <dgm:pt modelId="{5C80BE4A-BC45-4D9E-B3B2-DE3C3B58511B}">
      <dgm:prSet phldrT="[טקסט]" phldr="1"/>
      <dgm:spPr/>
      <dgm:t>
        <a:bodyPr/>
        <a:lstStyle/>
        <a:p>
          <a:pPr rtl="1"/>
          <a:endParaRPr lang="he-IL">
            <a:latin typeface="Narkisim" panose="020E0502050101010101" pitchFamily="34" charset="-79"/>
            <a:cs typeface="Narkisim" panose="020E0502050101010101" pitchFamily="34" charset="-79"/>
          </a:endParaRPr>
        </a:p>
      </dgm:t>
    </dgm:pt>
    <dgm:pt modelId="{8D603950-7ABB-41B9-8E94-37A1572C8592}" type="parTrans" cxnId="{1CA208DD-344D-4E83-9534-B0B72B155E09}">
      <dgm:prSet/>
      <dgm:spPr/>
      <dgm:t>
        <a:bodyPr/>
        <a:lstStyle/>
        <a:p>
          <a:pPr rtl="1"/>
          <a:endParaRPr lang="he-IL">
            <a:latin typeface="Narkisim" panose="020E0502050101010101" pitchFamily="34" charset="-79"/>
            <a:cs typeface="Narkisim" panose="020E0502050101010101" pitchFamily="34" charset="-79"/>
          </a:endParaRPr>
        </a:p>
      </dgm:t>
    </dgm:pt>
    <dgm:pt modelId="{57EE2F56-23D5-4FFB-BDC8-8CBDAF9C471C}" type="sibTrans" cxnId="{1CA208DD-344D-4E83-9534-B0B72B155E09}">
      <dgm:prSet/>
      <dgm:spPr/>
      <dgm:t>
        <a:bodyPr/>
        <a:lstStyle/>
        <a:p>
          <a:pPr rtl="1"/>
          <a:endParaRPr lang="he-IL">
            <a:latin typeface="Narkisim" panose="020E0502050101010101" pitchFamily="34" charset="-79"/>
            <a:cs typeface="Narkisim" panose="020E0502050101010101" pitchFamily="34" charset="-79"/>
          </a:endParaRPr>
        </a:p>
      </dgm:t>
    </dgm:pt>
    <dgm:pt modelId="{22EC62C3-B567-4839-B2F9-8EC5385654D5}">
      <dgm:prSet phldrT="[טקסט]"/>
      <dgm:spPr/>
      <dgm:t>
        <a:bodyPr/>
        <a:lstStyle/>
        <a:p>
          <a:pPr rtl="1"/>
          <a:r>
            <a:rPr lang="he-IL" dirty="0" smtClean="0">
              <a:latin typeface="Narkisim" panose="020E0502050101010101" pitchFamily="34" charset="-79"/>
              <a:cs typeface="Narkisim" panose="020E0502050101010101" pitchFamily="34" charset="-79"/>
            </a:rPr>
            <a:t>ישראל</a:t>
          </a:r>
          <a:endParaRPr lang="he-IL" dirty="0">
            <a:latin typeface="Narkisim" panose="020E0502050101010101" pitchFamily="34" charset="-79"/>
            <a:cs typeface="Narkisim" panose="020E0502050101010101" pitchFamily="34" charset="-79"/>
          </a:endParaRPr>
        </a:p>
      </dgm:t>
    </dgm:pt>
    <dgm:pt modelId="{4F61B350-EE92-4361-B33E-0351405B480F}" type="parTrans" cxnId="{07146C17-6F38-4A82-AB05-4BD7BC812EF8}">
      <dgm:prSet/>
      <dgm:spPr/>
      <dgm:t>
        <a:bodyPr/>
        <a:lstStyle/>
        <a:p>
          <a:pPr rtl="1"/>
          <a:endParaRPr lang="he-IL">
            <a:latin typeface="Narkisim" panose="020E0502050101010101" pitchFamily="34" charset="-79"/>
            <a:cs typeface="Narkisim" panose="020E0502050101010101" pitchFamily="34" charset="-79"/>
          </a:endParaRPr>
        </a:p>
      </dgm:t>
    </dgm:pt>
    <dgm:pt modelId="{9FF1E643-8C45-487B-A7B9-5BEFAEC9A999}" type="sibTrans" cxnId="{07146C17-6F38-4A82-AB05-4BD7BC812EF8}">
      <dgm:prSet/>
      <dgm:spPr/>
      <dgm:t>
        <a:bodyPr/>
        <a:lstStyle/>
        <a:p>
          <a:pPr rtl="1"/>
          <a:endParaRPr lang="he-IL">
            <a:latin typeface="Narkisim" panose="020E0502050101010101" pitchFamily="34" charset="-79"/>
            <a:cs typeface="Narkisim" panose="020E0502050101010101" pitchFamily="34" charset="-79"/>
          </a:endParaRPr>
        </a:p>
      </dgm:t>
    </dgm:pt>
    <dgm:pt modelId="{50C7E42C-559B-4357-9A8B-B849AA32F9C0}">
      <dgm:prSet phldrT="[טקסט]"/>
      <dgm:spPr/>
      <dgm:t>
        <a:bodyPr/>
        <a:lstStyle/>
        <a:p>
          <a:pPr rtl="1"/>
          <a:r>
            <a:rPr lang="he-IL" dirty="0" smtClean="0">
              <a:latin typeface="Narkisim" panose="020E0502050101010101" pitchFamily="34" charset="-79"/>
              <a:cs typeface="Narkisim" panose="020E0502050101010101" pitchFamily="34" charset="-79"/>
            </a:rPr>
            <a:t>ירדן</a:t>
          </a:r>
          <a:endParaRPr lang="he-IL" dirty="0">
            <a:latin typeface="Narkisim" panose="020E0502050101010101" pitchFamily="34" charset="-79"/>
            <a:cs typeface="Narkisim" panose="020E0502050101010101" pitchFamily="34" charset="-79"/>
          </a:endParaRPr>
        </a:p>
      </dgm:t>
    </dgm:pt>
    <dgm:pt modelId="{74FB933E-CF68-4ADB-B8D1-3D469C90F1C4}" type="parTrans" cxnId="{03D55299-C9C9-4751-A803-F8B4FC06E7F2}">
      <dgm:prSet/>
      <dgm:spPr/>
      <dgm:t>
        <a:bodyPr/>
        <a:lstStyle/>
        <a:p>
          <a:pPr rtl="1"/>
          <a:endParaRPr lang="he-IL">
            <a:latin typeface="Narkisim" panose="020E0502050101010101" pitchFamily="34" charset="-79"/>
            <a:cs typeface="Narkisim" panose="020E0502050101010101" pitchFamily="34" charset="-79"/>
          </a:endParaRPr>
        </a:p>
      </dgm:t>
    </dgm:pt>
    <dgm:pt modelId="{EF7A7216-5DCB-4372-BAC1-60C90ECAB308}" type="sibTrans" cxnId="{03D55299-C9C9-4751-A803-F8B4FC06E7F2}">
      <dgm:prSet/>
      <dgm:spPr/>
      <dgm:t>
        <a:bodyPr/>
        <a:lstStyle/>
        <a:p>
          <a:pPr rtl="1"/>
          <a:endParaRPr lang="he-IL">
            <a:latin typeface="Narkisim" panose="020E0502050101010101" pitchFamily="34" charset="-79"/>
            <a:cs typeface="Narkisim" panose="020E0502050101010101" pitchFamily="34" charset="-79"/>
          </a:endParaRPr>
        </a:p>
      </dgm:t>
    </dgm:pt>
    <dgm:pt modelId="{191A6608-65DD-43EF-9E6A-EBADAB8E8820}">
      <dgm:prSet phldrT="[טקסט]"/>
      <dgm:spPr/>
      <dgm:t>
        <a:bodyPr/>
        <a:lstStyle/>
        <a:p>
          <a:pPr rtl="1"/>
          <a:endParaRPr lang="he-IL"/>
        </a:p>
      </dgm:t>
    </dgm:pt>
    <dgm:pt modelId="{54AFF315-1C38-473E-92CA-28144AAB769B}" type="parTrans" cxnId="{9B8F9FFA-3777-41B6-96A3-299CFC561D83}">
      <dgm:prSet/>
      <dgm:spPr/>
      <dgm:t>
        <a:bodyPr/>
        <a:lstStyle/>
        <a:p>
          <a:pPr rtl="1"/>
          <a:endParaRPr lang="he-IL">
            <a:latin typeface="Narkisim" panose="020E0502050101010101" pitchFamily="34" charset="-79"/>
            <a:cs typeface="Narkisim" panose="020E0502050101010101" pitchFamily="34" charset="-79"/>
          </a:endParaRPr>
        </a:p>
      </dgm:t>
    </dgm:pt>
    <dgm:pt modelId="{A024D138-3CAD-49A8-B092-2374C514D6BB}" type="sibTrans" cxnId="{9B8F9FFA-3777-41B6-96A3-299CFC561D83}">
      <dgm:prSet/>
      <dgm:spPr/>
      <dgm:t>
        <a:bodyPr/>
        <a:lstStyle/>
        <a:p>
          <a:pPr rtl="1"/>
          <a:endParaRPr lang="he-IL">
            <a:latin typeface="Narkisim" panose="020E0502050101010101" pitchFamily="34" charset="-79"/>
            <a:cs typeface="Narkisim" panose="020E0502050101010101" pitchFamily="34" charset="-79"/>
          </a:endParaRPr>
        </a:p>
      </dgm:t>
    </dgm:pt>
    <dgm:pt modelId="{60A06594-071F-40C6-A4BA-49A43E10C16B}">
      <dgm:prSet phldrT="[טקסט]"/>
      <dgm:spPr/>
      <dgm:t>
        <a:bodyPr/>
        <a:lstStyle/>
        <a:p>
          <a:pPr rtl="1"/>
          <a:r>
            <a:rPr lang="he-IL" dirty="0" smtClean="0">
              <a:latin typeface="Narkisim" panose="020E0502050101010101" pitchFamily="34" charset="-79"/>
              <a:cs typeface="Narkisim" panose="020E0502050101010101" pitchFamily="34" charset="-79"/>
            </a:rPr>
            <a:t>מצריים</a:t>
          </a:r>
          <a:endParaRPr lang="he-IL" dirty="0">
            <a:latin typeface="Narkisim" panose="020E0502050101010101" pitchFamily="34" charset="-79"/>
            <a:cs typeface="Narkisim" panose="020E0502050101010101" pitchFamily="34" charset="-79"/>
          </a:endParaRPr>
        </a:p>
      </dgm:t>
    </dgm:pt>
    <dgm:pt modelId="{23C41618-13B8-4FDD-A284-E910DAAA9B6B}" type="parTrans" cxnId="{0A988581-5F4C-408C-96DB-031EFFB58714}">
      <dgm:prSet/>
      <dgm:spPr/>
      <dgm:t>
        <a:bodyPr/>
        <a:lstStyle/>
        <a:p>
          <a:pPr rtl="1"/>
          <a:endParaRPr lang="he-IL"/>
        </a:p>
      </dgm:t>
    </dgm:pt>
    <dgm:pt modelId="{AEEC1481-BF88-4023-80EF-0939093BB4F9}" type="sibTrans" cxnId="{0A988581-5F4C-408C-96DB-031EFFB58714}">
      <dgm:prSet/>
      <dgm:spPr/>
      <dgm:t>
        <a:bodyPr/>
        <a:lstStyle/>
        <a:p>
          <a:pPr rtl="1"/>
          <a:endParaRPr lang="he-IL"/>
        </a:p>
      </dgm:t>
    </dgm:pt>
    <dgm:pt modelId="{C0C364DF-B29C-4D13-BEF4-9C176E007CBA}">
      <dgm:prSet phldrT="[טקסט]"/>
      <dgm:spPr/>
      <dgm:t>
        <a:bodyPr/>
        <a:lstStyle/>
        <a:p>
          <a:pPr rtl="1"/>
          <a:r>
            <a:rPr lang="he-IL" dirty="0" smtClean="0">
              <a:latin typeface="Narkisim" panose="020E0502050101010101" pitchFamily="34" charset="-79"/>
              <a:cs typeface="Narkisim" panose="020E0502050101010101" pitchFamily="34" charset="-79"/>
            </a:rPr>
            <a:t>עזה</a:t>
          </a:r>
          <a:endParaRPr lang="he-IL" dirty="0">
            <a:latin typeface="Narkisim" panose="020E0502050101010101" pitchFamily="34" charset="-79"/>
            <a:cs typeface="Narkisim" panose="020E0502050101010101" pitchFamily="34" charset="-79"/>
          </a:endParaRPr>
        </a:p>
      </dgm:t>
    </dgm:pt>
    <dgm:pt modelId="{A78794B4-7D83-4C9A-8CF0-0DC1AD0D722E}" type="parTrans" cxnId="{68D357B6-C830-437C-9049-12B5B73F3D20}">
      <dgm:prSet/>
      <dgm:spPr/>
      <dgm:t>
        <a:bodyPr/>
        <a:lstStyle/>
        <a:p>
          <a:pPr rtl="1"/>
          <a:endParaRPr lang="he-IL"/>
        </a:p>
      </dgm:t>
    </dgm:pt>
    <dgm:pt modelId="{B3EA298B-67DB-43C6-B011-7C0A02002644}" type="sibTrans" cxnId="{68D357B6-C830-437C-9049-12B5B73F3D20}">
      <dgm:prSet/>
      <dgm:spPr/>
      <dgm:t>
        <a:bodyPr/>
        <a:lstStyle/>
        <a:p>
          <a:pPr rtl="1"/>
          <a:endParaRPr lang="he-IL"/>
        </a:p>
      </dgm:t>
    </dgm:pt>
    <dgm:pt modelId="{FA4ED26D-A99E-4598-A6D9-D36C49531E9D}" type="pres">
      <dgm:prSet presAssocID="{AD3ABA17-510F-4B50-8D1F-A90311EEC598}" presName="composite" presStyleCnt="0">
        <dgm:presLayoutVars>
          <dgm:chMax val="5"/>
          <dgm:dir/>
          <dgm:resizeHandles val="exact"/>
        </dgm:presLayoutVars>
      </dgm:prSet>
      <dgm:spPr/>
    </dgm:pt>
    <dgm:pt modelId="{CAD4039C-B112-4FBD-8912-980660C0A24F}" type="pres">
      <dgm:prSet presAssocID="{B25B9C6D-2E2C-48CE-8707-4CE1612FBAAC}" presName="circle1" presStyleLbl="lnNode1" presStyleIdx="0" presStyleCnt="5"/>
      <dgm:spPr/>
    </dgm:pt>
    <dgm:pt modelId="{74738A23-05A8-449E-9BE4-AFA39A33B4BE}" type="pres">
      <dgm:prSet presAssocID="{B25B9C6D-2E2C-48CE-8707-4CE1612FBAAC}" presName="text1" presStyleLbl="revTx" presStyleIdx="0" presStyleCnt="5">
        <dgm:presLayoutVars>
          <dgm:bulletEnabled val="1"/>
        </dgm:presLayoutVars>
      </dgm:prSet>
      <dgm:spPr/>
      <dgm:t>
        <a:bodyPr/>
        <a:lstStyle/>
        <a:p>
          <a:pPr rtl="1"/>
          <a:endParaRPr lang="he-IL"/>
        </a:p>
      </dgm:t>
    </dgm:pt>
    <dgm:pt modelId="{D69377BA-4858-4899-B73E-216FD7839AC5}" type="pres">
      <dgm:prSet presAssocID="{B25B9C6D-2E2C-48CE-8707-4CE1612FBAAC}" presName="line1" presStyleLbl="callout" presStyleIdx="0" presStyleCnt="10"/>
      <dgm:spPr/>
    </dgm:pt>
    <dgm:pt modelId="{4EAB1A1E-CB2A-4242-AF41-430A768057C3}" type="pres">
      <dgm:prSet presAssocID="{B25B9C6D-2E2C-48CE-8707-4CE1612FBAAC}" presName="d1" presStyleLbl="callout" presStyleIdx="1" presStyleCnt="10"/>
      <dgm:spPr/>
    </dgm:pt>
    <dgm:pt modelId="{961C2BF9-2B5A-465C-9943-7AEEF334715E}" type="pres">
      <dgm:prSet presAssocID="{22EC62C3-B567-4839-B2F9-8EC5385654D5}" presName="circle2" presStyleLbl="lnNode1" presStyleIdx="1" presStyleCnt="5"/>
      <dgm:spPr/>
    </dgm:pt>
    <dgm:pt modelId="{44A5007D-7377-4082-B152-D36A67DE9374}" type="pres">
      <dgm:prSet presAssocID="{22EC62C3-B567-4839-B2F9-8EC5385654D5}" presName="text2" presStyleLbl="revTx" presStyleIdx="1" presStyleCnt="5">
        <dgm:presLayoutVars>
          <dgm:bulletEnabled val="1"/>
        </dgm:presLayoutVars>
      </dgm:prSet>
      <dgm:spPr/>
      <dgm:t>
        <a:bodyPr/>
        <a:lstStyle/>
        <a:p>
          <a:pPr rtl="1"/>
          <a:endParaRPr lang="he-IL"/>
        </a:p>
      </dgm:t>
    </dgm:pt>
    <dgm:pt modelId="{AE5993D5-E82A-4EFB-A704-CAAD46748BD8}" type="pres">
      <dgm:prSet presAssocID="{22EC62C3-B567-4839-B2F9-8EC5385654D5}" presName="line2" presStyleLbl="callout" presStyleIdx="2" presStyleCnt="10"/>
      <dgm:spPr/>
    </dgm:pt>
    <dgm:pt modelId="{D7655728-CFC2-4D42-9448-9E2B2BBF2E19}" type="pres">
      <dgm:prSet presAssocID="{22EC62C3-B567-4839-B2F9-8EC5385654D5}" presName="d2" presStyleLbl="callout" presStyleIdx="3" presStyleCnt="10"/>
      <dgm:spPr/>
    </dgm:pt>
    <dgm:pt modelId="{EDD18971-8F07-43AD-AAEE-46C621BC25F9}" type="pres">
      <dgm:prSet presAssocID="{50C7E42C-559B-4357-9A8B-B849AA32F9C0}" presName="circle3" presStyleLbl="lnNode1" presStyleIdx="2" presStyleCnt="5"/>
      <dgm:spPr/>
    </dgm:pt>
    <dgm:pt modelId="{D94A8CE5-19CB-4891-B29A-48F8025249ED}" type="pres">
      <dgm:prSet presAssocID="{50C7E42C-559B-4357-9A8B-B849AA32F9C0}" presName="text3" presStyleLbl="revTx" presStyleIdx="2" presStyleCnt="5">
        <dgm:presLayoutVars>
          <dgm:bulletEnabled val="1"/>
        </dgm:presLayoutVars>
      </dgm:prSet>
      <dgm:spPr/>
      <dgm:t>
        <a:bodyPr/>
        <a:lstStyle/>
        <a:p>
          <a:pPr rtl="1"/>
          <a:endParaRPr lang="he-IL"/>
        </a:p>
      </dgm:t>
    </dgm:pt>
    <dgm:pt modelId="{CE1A541F-25F3-4A43-B2FE-90E391CC684E}" type="pres">
      <dgm:prSet presAssocID="{50C7E42C-559B-4357-9A8B-B849AA32F9C0}" presName="line3" presStyleLbl="callout" presStyleIdx="4" presStyleCnt="10"/>
      <dgm:spPr/>
    </dgm:pt>
    <dgm:pt modelId="{3C543FFC-2083-4487-AAAC-2D42E230A36D}" type="pres">
      <dgm:prSet presAssocID="{50C7E42C-559B-4357-9A8B-B849AA32F9C0}" presName="d3" presStyleLbl="callout" presStyleIdx="5" presStyleCnt="10"/>
      <dgm:spPr/>
    </dgm:pt>
    <dgm:pt modelId="{0D0BDACE-C9CC-4D95-9477-D8218471C537}" type="pres">
      <dgm:prSet presAssocID="{60A06594-071F-40C6-A4BA-49A43E10C16B}" presName="circle4" presStyleLbl="lnNode1" presStyleIdx="3" presStyleCnt="5"/>
      <dgm:spPr/>
    </dgm:pt>
    <dgm:pt modelId="{8F7EA152-D1BB-4F14-9988-B8D030EFCFE4}" type="pres">
      <dgm:prSet presAssocID="{60A06594-071F-40C6-A4BA-49A43E10C16B}" presName="text4" presStyleLbl="revTx" presStyleIdx="3" presStyleCnt="5">
        <dgm:presLayoutVars>
          <dgm:bulletEnabled val="1"/>
        </dgm:presLayoutVars>
      </dgm:prSet>
      <dgm:spPr/>
      <dgm:t>
        <a:bodyPr/>
        <a:lstStyle/>
        <a:p>
          <a:pPr rtl="1"/>
          <a:endParaRPr lang="he-IL"/>
        </a:p>
      </dgm:t>
    </dgm:pt>
    <dgm:pt modelId="{92E0FAFA-E376-4CF5-ABB5-56E6E43AD8DE}" type="pres">
      <dgm:prSet presAssocID="{60A06594-071F-40C6-A4BA-49A43E10C16B}" presName="line4" presStyleLbl="callout" presStyleIdx="6" presStyleCnt="10"/>
      <dgm:spPr/>
    </dgm:pt>
    <dgm:pt modelId="{FD39AD1D-0776-47A8-B8A0-DBD326184E57}" type="pres">
      <dgm:prSet presAssocID="{60A06594-071F-40C6-A4BA-49A43E10C16B}" presName="d4" presStyleLbl="callout" presStyleIdx="7" presStyleCnt="10"/>
      <dgm:spPr/>
    </dgm:pt>
    <dgm:pt modelId="{0A3EA5B4-56FA-426E-BB94-3E741A6DCEEC}" type="pres">
      <dgm:prSet presAssocID="{C0C364DF-B29C-4D13-BEF4-9C176E007CBA}" presName="circle5" presStyleLbl="lnNode1" presStyleIdx="4" presStyleCnt="5" custLinFactNeighborY="-1429"/>
      <dgm:spPr/>
    </dgm:pt>
    <dgm:pt modelId="{0ABBD0EC-FD4D-416D-AF29-61A7613D83DA}" type="pres">
      <dgm:prSet presAssocID="{C0C364DF-B29C-4D13-BEF4-9C176E007CBA}" presName="text5" presStyleLbl="revTx" presStyleIdx="4" presStyleCnt="5">
        <dgm:presLayoutVars>
          <dgm:bulletEnabled val="1"/>
        </dgm:presLayoutVars>
      </dgm:prSet>
      <dgm:spPr/>
      <dgm:t>
        <a:bodyPr/>
        <a:lstStyle/>
        <a:p>
          <a:pPr rtl="1"/>
          <a:endParaRPr lang="he-IL"/>
        </a:p>
      </dgm:t>
    </dgm:pt>
    <dgm:pt modelId="{374F4BF9-CBB0-4273-B3A3-DD20DA13EA69}" type="pres">
      <dgm:prSet presAssocID="{C0C364DF-B29C-4D13-BEF4-9C176E007CBA}" presName="line5" presStyleLbl="callout" presStyleIdx="8" presStyleCnt="10"/>
      <dgm:spPr/>
    </dgm:pt>
    <dgm:pt modelId="{FBC03112-C4C3-496A-A81A-049FC028FF71}" type="pres">
      <dgm:prSet presAssocID="{C0C364DF-B29C-4D13-BEF4-9C176E007CBA}" presName="d5" presStyleLbl="callout" presStyleIdx="9" presStyleCnt="10"/>
      <dgm:spPr/>
    </dgm:pt>
  </dgm:ptLst>
  <dgm:cxnLst>
    <dgm:cxn modelId="{BD33C23E-AB69-4B82-A5AD-0E9105C1F7B1}" type="presOf" srcId="{B25B9C6D-2E2C-48CE-8707-4CE1612FBAAC}" destId="{74738A23-05A8-449E-9BE4-AFA39A33B4BE}" srcOrd="0" destOrd="0" presId="urn:microsoft.com/office/officeart/2005/8/layout/target1"/>
    <dgm:cxn modelId="{03D55299-C9C9-4751-A803-F8B4FC06E7F2}" srcId="{AD3ABA17-510F-4B50-8D1F-A90311EEC598}" destId="{50C7E42C-559B-4357-9A8B-B849AA32F9C0}" srcOrd="2" destOrd="0" parTransId="{74FB933E-CF68-4ADB-B8D1-3D469C90F1C4}" sibTransId="{EF7A7216-5DCB-4372-BAC1-60C90ECAB308}"/>
    <dgm:cxn modelId="{02526A9E-572E-4113-A29F-B48B6AB0E925}" type="presOf" srcId="{60A06594-071F-40C6-A4BA-49A43E10C16B}" destId="{8F7EA152-D1BB-4F14-9988-B8D030EFCFE4}" srcOrd="0" destOrd="0" presId="urn:microsoft.com/office/officeart/2005/8/layout/target1"/>
    <dgm:cxn modelId="{07146C17-6F38-4A82-AB05-4BD7BC812EF8}" srcId="{AD3ABA17-510F-4B50-8D1F-A90311EEC598}" destId="{22EC62C3-B567-4839-B2F9-8EC5385654D5}" srcOrd="1" destOrd="0" parTransId="{4F61B350-EE92-4361-B33E-0351405B480F}" sibTransId="{9FF1E643-8C45-487B-A7B9-5BEFAEC9A999}"/>
    <dgm:cxn modelId="{8D47B2AB-557F-4FA2-ABB4-E76F008FA6B6}" type="presOf" srcId="{22EC62C3-B567-4839-B2F9-8EC5385654D5}" destId="{44A5007D-7377-4082-B152-D36A67DE9374}" srcOrd="0" destOrd="0" presId="urn:microsoft.com/office/officeart/2005/8/layout/target1"/>
    <dgm:cxn modelId="{0A988581-5F4C-408C-96DB-031EFFB58714}" srcId="{AD3ABA17-510F-4B50-8D1F-A90311EEC598}" destId="{60A06594-071F-40C6-A4BA-49A43E10C16B}" srcOrd="3" destOrd="0" parTransId="{23C41618-13B8-4FDD-A284-E910DAAA9B6B}" sibTransId="{AEEC1481-BF88-4023-80EF-0939093BB4F9}"/>
    <dgm:cxn modelId="{778F33BF-FA4E-4251-8DCE-431D7F1AD476}" type="presOf" srcId="{AD3ABA17-510F-4B50-8D1F-A90311EEC598}" destId="{FA4ED26D-A99E-4598-A6D9-D36C49531E9D}" srcOrd="0" destOrd="0" presId="urn:microsoft.com/office/officeart/2005/8/layout/target1"/>
    <dgm:cxn modelId="{C07C406A-A2B6-421D-AA09-D3319F5D5DA9}" srcId="{AD3ABA17-510F-4B50-8D1F-A90311EEC598}" destId="{B25B9C6D-2E2C-48CE-8707-4CE1612FBAAC}" srcOrd="0" destOrd="0" parTransId="{51A931F3-E38B-4EA7-AC15-B67E3DDC0044}" sibTransId="{0A8E02F2-629A-4BFD-B6F7-5683534C48A5}"/>
    <dgm:cxn modelId="{E9C02E82-3128-43EE-AF8A-E51CB49FC7FC}" type="presOf" srcId="{50C7E42C-559B-4357-9A8B-B849AA32F9C0}" destId="{D94A8CE5-19CB-4891-B29A-48F8025249ED}" srcOrd="0" destOrd="0" presId="urn:microsoft.com/office/officeart/2005/8/layout/target1"/>
    <dgm:cxn modelId="{68D357B6-C830-437C-9049-12B5B73F3D20}" srcId="{AD3ABA17-510F-4B50-8D1F-A90311EEC598}" destId="{C0C364DF-B29C-4D13-BEF4-9C176E007CBA}" srcOrd="4" destOrd="0" parTransId="{A78794B4-7D83-4C9A-8CF0-0DC1AD0D722E}" sibTransId="{B3EA298B-67DB-43C6-B011-7C0A02002644}"/>
    <dgm:cxn modelId="{1CA208DD-344D-4E83-9534-B0B72B155E09}" srcId="{AD3ABA17-510F-4B50-8D1F-A90311EEC598}" destId="{5C80BE4A-BC45-4D9E-B3B2-DE3C3B58511B}" srcOrd="6" destOrd="0" parTransId="{8D603950-7ABB-41B9-8E94-37A1572C8592}" sibTransId="{57EE2F56-23D5-4FFB-BDC8-8CBDAF9C471C}"/>
    <dgm:cxn modelId="{71791618-7A2A-4303-87FC-058DE1659247}" type="presOf" srcId="{C0C364DF-B29C-4D13-BEF4-9C176E007CBA}" destId="{0ABBD0EC-FD4D-416D-AF29-61A7613D83DA}" srcOrd="0" destOrd="0" presId="urn:microsoft.com/office/officeart/2005/8/layout/target1"/>
    <dgm:cxn modelId="{9B8F9FFA-3777-41B6-96A3-299CFC561D83}" srcId="{AD3ABA17-510F-4B50-8D1F-A90311EEC598}" destId="{191A6608-65DD-43EF-9E6A-EBADAB8E8820}" srcOrd="5" destOrd="0" parTransId="{54AFF315-1C38-473E-92CA-28144AAB769B}" sibTransId="{A024D138-3CAD-49A8-B092-2374C514D6BB}"/>
    <dgm:cxn modelId="{0AF39583-AFDF-4887-AEAF-39C8C6D63828}" type="presParOf" srcId="{FA4ED26D-A99E-4598-A6D9-D36C49531E9D}" destId="{CAD4039C-B112-4FBD-8912-980660C0A24F}" srcOrd="0" destOrd="0" presId="urn:microsoft.com/office/officeart/2005/8/layout/target1"/>
    <dgm:cxn modelId="{8E8CA5D6-8203-4006-B4EF-3D6F79CBBA0C}" type="presParOf" srcId="{FA4ED26D-A99E-4598-A6D9-D36C49531E9D}" destId="{74738A23-05A8-449E-9BE4-AFA39A33B4BE}" srcOrd="1" destOrd="0" presId="urn:microsoft.com/office/officeart/2005/8/layout/target1"/>
    <dgm:cxn modelId="{815DE503-E15F-4CDF-9799-F7CCE91A2FE4}" type="presParOf" srcId="{FA4ED26D-A99E-4598-A6D9-D36C49531E9D}" destId="{D69377BA-4858-4899-B73E-216FD7839AC5}" srcOrd="2" destOrd="0" presId="urn:microsoft.com/office/officeart/2005/8/layout/target1"/>
    <dgm:cxn modelId="{CC31F85D-68E1-403D-B5BA-CAFA28E56BB0}" type="presParOf" srcId="{FA4ED26D-A99E-4598-A6D9-D36C49531E9D}" destId="{4EAB1A1E-CB2A-4242-AF41-430A768057C3}" srcOrd="3" destOrd="0" presId="urn:microsoft.com/office/officeart/2005/8/layout/target1"/>
    <dgm:cxn modelId="{F0C941E3-989F-4931-85FA-0817CF90450B}" type="presParOf" srcId="{FA4ED26D-A99E-4598-A6D9-D36C49531E9D}" destId="{961C2BF9-2B5A-465C-9943-7AEEF334715E}" srcOrd="4" destOrd="0" presId="urn:microsoft.com/office/officeart/2005/8/layout/target1"/>
    <dgm:cxn modelId="{075E47DA-39EB-496C-A7D1-F445F62A91A2}" type="presParOf" srcId="{FA4ED26D-A99E-4598-A6D9-D36C49531E9D}" destId="{44A5007D-7377-4082-B152-D36A67DE9374}" srcOrd="5" destOrd="0" presId="urn:microsoft.com/office/officeart/2005/8/layout/target1"/>
    <dgm:cxn modelId="{E4EEF9DA-A4E6-4CB6-B6A1-FD09260EE7EF}" type="presParOf" srcId="{FA4ED26D-A99E-4598-A6D9-D36C49531E9D}" destId="{AE5993D5-E82A-4EFB-A704-CAAD46748BD8}" srcOrd="6" destOrd="0" presId="urn:microsoft.com/office/officeart/2005/8/layout/target1"/>
    <dgm:cxn modelId="{058FB150-60A1-4074-9DB6-AB6CAABBEBEB}" type="presParOf" srcId="{FA4ED26D-A99E-4598-A6D9-D36C49531E9D}" destId="{D7655728-CFC2-4D42-9448-9E2B2BBF2E19}" srcOrd="7" destOrd="0" presId="urn:microsoft.com/office/officeart/2005/8/layout/target1"/>
    <dgm:cxn modelId="{795CBAC3-9110-4989-9AE7-834810A8C965}" type="presParOf" srcId="{FA4ED26D-A99E-4598-A6D9-D36C49531E9D}" destId="{EDD18971-8F07-43AD-AAEE-46C621BC25F9}" srcOrd="8" destOrd="0" presId="urn:microsoft.com/office/officeart/2005/8/layout/target1"/>
    <dgm:cxn modelId="{25A6EEED-E1F3-41CB-87DA-6446994D7B7B}" type="presParOf" srcId="{FA4ED26D-A99E-4598-A6D9-D36C49531E9D}" destId="{D94A8CE5-19CB-4891-B29A-48F8025249ED}" srcOrd="9" destOrd="0" presId="urn:microsoft.com/office/officeart/2005/8/layout/target1"/>
    <dgm:cxn modelId="{D060F545-752A-4830-A1A3-9FD63C5F534F}" type="presParOf" srcId="{FA4ED26D-A99E-4598-A6D9-D36C49531E9D}" destId="{CE1A541F-25F3-4A43-B2FE-90E391CC684E}" srcOrd="10" destOrd="0" presId="urn:microsoft.com/office/officeart/2005/8/layout/target1"/>
    <dgm:cxn modelId="{62F38926-2BE9-4EA6-92E6-E23C7EAFBD35}" type="presParOf" srcId="{FA4ED26D-A99E-4598-A6D9-D36C49531E9D}" destId="{3C543FFC-2083-4487-AAAC-2D42E230A36D}" srcOrd="11" destOrd="0" presId="urn:microsoft.com/office/officeart/2005/8/layout/target1"/>
    <dgm:cxn modelId="{FB53289F-4ABC-4800-813A-0682FF8989AB}" type="presParOf" srcId="{FA4ED26D-A99E-4598-A6D9-D36C49531E9D}" destId="{0D0BDACE-C9CC-4D95-9477-D8218471C537}" srcOrd="12" destOrd="0" presId="urn:microsoft.com/office/officeart/2005/8/layout/target1"/>
    <dgm:cxn modelId="{576276A2-2EB1-417B-ABA2-B171B6687640}" type="presParOf" srcId="{FA4ED26D-A99E-4598-A6D9-D36C49531E9D}" destId="{8F7EA152-D1BB-4F14-9988-B8D030EFCFE4}" srcOrd="13" destOrd="0" presId="urn:microsoft.com/office/officeart/2005/8/layout/target1"/>
    <dgm:cxn modelId="{328E782E-2F26-419F-97C9-A0DACA239898}" type="presParOf" srcId="{FA4ED26D-A99E-4598-A6D9-D36C49531E9D}" destId="{92E0FAFA-E376-4CF5-ABB5-56E6E43AD8DE}" srcOrd="14" destOrd="0" presId="urn:microsoft.com/office/officeart/2005/8/layout/target1"/>
    <dgm:cxn modelId="{BF34A858-AD02-4649-9796-76A5A895F21B}" type="presParOf" srcId="{FA4ED26D-A99E-4598-A6D9-D36C49531E9D}" destId="{FD39AD1D-0776-47A8-B8A0-DBD326184E57}" srcOrd="15" destOrd="0" presId="urn:microsoft.com/office/officeart/2005/8/layout/target1"/>
    <dgm:cxn modelId="{DAEA9ED3-E688-439A-BB27-07F58B0A7E5F}" type="presParOf" srcId="{FA4ED26D-A99E-4598-A6D9-D36C49531E9D}" destId="{0A3EA5B4-56FA-426E-BB94-3E741A6DCEEC}" srcOrd="16" destOrd="0" presId="urn:microsoft.com/office/officeart/2005/8/layout/target1"/>
    <dgm:cxn modelId="{5725CE91-1C07-45E5-96EC-B5D120C73A92}" type="presParOf" srcId="{FA4ED26D-A99E-4598-A6D9-D36C49531E9D}" destId="{0ABBD0EC-FD4D-416D-AF29-61A7613D83DA}" srcOrd="17" destOrd="0" presId="urn:microsoft.com/office/officeart/2005/8/layout/target1"/>
    <dgm:cxn modelId="{1C4CEDBB-C660-422C-BF03-71A15F9FAC41}" type="presParOf" srcId="{FA4ED26D-A99E-4598-A6D9-D36C49531E9D}" destId="{374F4BF9-CBB0-4273-B3A3-DD20DA13EA69}" srcOrd="18" destOrd="0" presId="urn:microsoft.com/office/officeart/2005/8/layout/target1"/>
    <dgm:cxn modelId="{7BE847CE-365F-4545-93D2-C00E605FC847}" type="presParOf" srcId="{FA4ED26D-A99E-4598-A6D9-D36C49531E9D}" destId="{FBC03112-C4C3-496A-A81A-049FC028FF71}" srcOrd="19" destOrd="0" presId="urn:microsoft.com/office/officeart/2005/8/layout/target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8377656A-92BD-4309-AF2A-5D9FB0033A19}" type="doc">
      <dgm:prSet loTypeId="urn:microsoft.com/office/officeart/2005/8/layout/target1" loCatId="relationship" qsTypeId="urn:microsoft.com/office/officeart/2005/8/quickstyle/simple1" qsCatId="simple" csTypeId="urn:microsoft.com/office/officeart/2005/8/colors/accent0_2" csCatId="mainScheme" phldr="1"/>
      <dgm:spPr/>
    </dgm:pt>
    <dgm:pt modelId="{8A622AD3-9F0A-47FE-902E-CCCBACB9B6E9}">
      <dgm:prSet phldrT="[טקסט]"/>
      <dgm:spPr/>
      <dgm:t>
        <a:bodyPr/>
        <a:lstStyle/>
        <a:p>
          <a:pPr rtl="1"/>
          <a:r>
            <a:rPr lang="he-IL" dirty="0" smtClean="0"/>
            <a:t>ארה"ב</a:t>
          </a:r>
          <a:endParaRPr lang="he-IL" dirty="0"/>
        </a:p>
      </dgm:t>
    </dgm:pt>
    <dgm:pt modelId="{FABD03D8-CF69-415D-9C93-CAF472598C58}" type="parTrans" cxnId="{84B5CAD9-3997-40E6-BC8E-611CDE122EE6}">
      <dgm:prSet/>
      <dgm:spPr/>
      <dgm:t>
        <a:bodyPr/>
        <a:lstStyle/>
        <a:p>
          <a:pPr rtl="1"/>
          <a:endParaRPr lang="he-IL"/>
        </a:p>
      </dgm:t>
    </dgm:pt>
    <dgm:pt modelId="{D51F2FDD-F3E2-46E8-849A-F8681DF68943}" type="sibTrans" cxnId="{84B5CAD9-3997-40E6-BC8E-611CDE122EE6}">
      <dgm:prSet/>
      <dgm:spPr/>
      <dgm:t>
        <a:bodyPr/>
        <a:lstStyle/>
        <a:p>
          <a:pPr rtl="1"/>
          <a:endParaRPr lang="he-IL"/>
        </a:p>
      </dgm:t>
    </dgm:pt>
    <dgm:pt modelId="{9BE02909-50B3-4C8A-9915-4CB4015AB7D8}">
      <dgm:prSet phldrT="[טקסט]"/>
      <dgm:spPr/>
      <dgm:t>
        <a:bodyPr/>
        <a:lstStyle/>
        <a:p>
          <a:pPr rtl="1"/>
          <a:r>
            <a:rPr lang="he-IL" dirty="0" smtClean="0"/>
            <a:t>אירופה והאיחוד</a:t>
          </a:r>
          <a:endParaRPr lang="he-IL" dirty="0"/>
        </a:p>
      </dgm:t>
    </dgm:pt>
    <dgm:pt modelId="{FBA4599C-DA9C-4E93-BFB1-630196DCE92D}" type="parTrans" cxnId="{5E3AFB9C-9A0A-4FC0-B9B1-4A2E04E39F7F}">
      <dgm:prSet/>
      <dgm:spPr/>
      <dgm:t>
        <a:bodyPr/>
        <a:lstStyle/>
        <a:p>
          <a:pPr rtl="1"/>
          <a:endParaRPr lang="he-IL"/>
        </a:p>
      </dgm:t>
    </dgm:pt>
    <dgm:pt modelId="{285DCD97-108D-4E41-9085-760B26FFFC8A}" type="sibTrans" cxnId="{5E3AFB9C-9A0A-4FC0-B9B1-4A2E04E39F7F}">
      <dgm:prSet/>
      <dgm:spPr/>
      <dgm:t>
        <a:bodyPr/>
        <a:lstStyle/>
        <a:p>
          <a:pPr rtl="1"/>
          <a:endParaRPr lang="he-IL"/>
        </a:p>
      </dgm:t>
    </dgm:pt>
    <dgm:pt modelId="{8A0F056E-A8E4-44FE-AD94-61D2BC50F2B2}">
      <dgm:prSet phldrT="[טקסט]"/>
      <dgm:spPr/>
      <dgm:t>
        <a:bodyPr/>
        <a:lstStyle/>
        <a:p>
          <a:pPr rtl="1"/>
          <a:r>
            <a:rPr lang="he-IL" dirty="0" smtClean="0"/>
            <a:t>טורקיה</a:t>
          </a:r>
          <a:endParaRPr lang="he-IL" dirty="0"/>
        </a:p>
      </dgm:t>
    </dgm:pt>
    <dgm:pt modelId="{9576E811-9380-43E3-8A9F-EA90B5827FFA}" type="parTrans" cxnId="{393820FE-EF83-4283-818A-6F8E03724F48}">
      <dgm:prSet/>
      <dgm:spPr/>
      <dgm:t>
        <a:bodyPr/>
        <a:lstStyle/>
        <a:p>
          <a:pPr rtl="1"/>
          <a:endParaRPr lang="he-IL"/>
        </a:p>
      </dgm:t>
    </dgm:pt>
    <dgm:pt modelId="{05502CBE-2EAA-45E8-AD3E-F32A2FE76866}" type="sibTrans" cxnId="{393820FE-EF83-4283-818A-6F8E03724F48}">
      <dgm:prSet/>
      <dgm:spPr/>
      <dgm:t>
        <a:bodyPr/>
        <a:lstStyle/>
        <a:p>
          <a:pPr rtl="1"/>
          <a:endParaRPr lang="he-IL"/>
        </a:p>
      </dgm:t>
    </dgm:pt>
    <dgm:pt modelId="{F7BAE55D-80F2-4FA3-B3B6-33018D1B3DFC}">
      <dgm:prSet phldrT="[טקסט]"/>
      <dgm:spPr/>
      <dgm:t>
        <a:bodyPr/>
        <a:lstStyle/>
        <a:p>
          <a:pPr rtl="1"/>
          <a:r>
            <a:rPr lang="he-IL" dirty="0" smtClean="0"/>
            <a:t>איראן</a:t>
          </a:r>
          <a:endParaRPr lang="he-IL" dirty="0"/>
        </a:p>
      </dgm:t>
    </dgm:pt>
    <dgm:pt modelId="{7D50EC2A-99C8-4353-BE8C-6F167BD563BC}" type="parTrans" cxnId="{71E01751-0FB5-4A31-820D-EF0A853CFE9B}">
      <dgm:prSet/>
      <dgm:spPr/>
      <dgm:t>
        <a:bodyPr/>
        <a:lstStyle/>
        <a:p>
          <a:pPr rtl="1"/>
          <a:endParaRPr lang="he-IL"/>
        </a:p>
      </dgm:t>
    </dgm:pt>
    <dgm:pt modelId="{0CFDCA76-6869-476F-8266-B44910DFC467}" type="sibTrans" cxnId="{71E01751-0FB5-4A31-820D-EF0A853CFE9B}">
      <dgm:prSet/>
      <dgm:spPr/>
      <dgm:t>
        <a:bodyPr/>
        <a:lstStyle/>
        <a:p>
          <a:pPr rtl="1"/>
          <a:endParaRPr lang="he-IL"/>
        </a:p>
      </dgm:t>
    </dgm:pt>
    <dgm:pt modelId="{6BFABA83-855A-4566-A54F-FEFAEB13F4C9}">
      <dgm:prSet phldrT="[טקסט]"/>
      <dgm:spPr/>
      <dgm:t>
        <a:bodyPr/>
        <a:lstStyle/>
        <a:p>
          <a:pPr rtl="1"/>
          <a:r>
            <a:rPr lang="he-IL" dirty="0" err="1" smtClean="0"/>
            <a:t>המפרציות</a:t>
          </a:r>
          <a:endParaRPr lang="he-IL" dirty="0"/>
        </a:p>
      </dgm:t>
    </dgm:pt>
    <dgm:pt modelId="{7026FA16-7724-4CD4-8954-B1F5EE3514BE}" type="parTrans" cxnId="{7F106CE7-721B-4859-B902-1D3CF0F785D6}">
      <dgm:prSet/>
      <dgm:spPr/>
      <dgm:t>
        <a:bodyPr/>
        <a:lstStyle/>
        <a:p>
          <a:pPr rtl="1"/>
          <a:endParaRPr lang="he-IL"/>
        </a:p>
      </dgm:t>
    </dgm:pt>
    <dgm:pt modelId="{CCC44333-C4C1-4669-9755-20A897F11071}" type="sibTrans" cxnId="{7F106CE7-721B-4859-B902-1D3CF0F785D6}">
      <dgm:prSet/>
      <dgm:spPr/>
      <dgm:t>
        <a:bodyPr/>
        <a:lstStyle/>
        <a:p>
          <a:pPr rtl="1"/>
          <a:endParaRPr lang="he-IL"/>
        </a:p>
      </dgm:t>
    </dgm:pt>
    <dgm:pt modelId="{8651469A-F9B3-4F34-B467-8EFE9C68FBFF}" type="pres">
      <dgm:prSet presAssocID="{8377656A-92BD-4309-AF2A-5D9FB0033A19}" presName="composite" presStyleCnt="0">
        <dgm:presLayoutVars>
          <dgm:chMax val="5"/>
          <dgm:dir/>
          <dgm:resizeHandles val="exact"/>
        </dgm:presLayoutVars>
      </dgm:prSet>
      <dgm:spPr/>
    </dgm:pt>
    <dgm:pt modelId="{F0D9352F-486E-42BD-9291-3172E858915E}" type="pres">
      <dgm:prSet presAssocID="{8A622AD3-9F0A-47FE-902E-CCCBACB9B6E9}" presName="circle1" presStyleLbl="lnNode1" presStyleIdx="0" presStyleCnt="5"/>
      <dgm:spPr/>
    </dgm:pt>
    <dgm:pt modelId="{06442557-879C-40FB-86DD-D2E04071ADE5}" type="pres">
      <dgm:prSet presAssocID="{8A622AD3-9F0A-47FE-902E-CCCBACB9B6E9}" presName="text1" presStyleLbl="revTx" presStyleIdx="0" presStyleCnt="5" custLinFactNeighborX="-9876">
        <dgm:presLayoutVars>
          <dgm:bulletEnabled val="1"/>
        </dgm:presLayoutVars>
      </dgm:prSet>
      <dgm:spPr/>
      <dgm:t>
        <a:bodyPr/>
        <a:lstStyle/>
        <a:p>
          <a:pPr rtl="1"/>
          <a:endParaRPr lang="he-IL"/>
        </a:p>
      </dgm:t>
    </dgm:pt>
    <dgm:pt modelId="{406C079F-1325-4081-9274-CEBFF5F8EE6B}" type="pres">
      <dgm:prSet presAssocID="{8A622AD3-9F0A-47FE-902E-CCCBACB9B6E9}" presName="line1" presStyleLbl="callout" presStyleIdx="0" presStyleCnt="10"/>
      <dgm:spPr/>
    </dgm:pt>
    <dgm:pt modelId="{9EB44853-2574-4E0D-9B40-28F037462E79}" type="pres">
      <dgm:prSet presAssocID="{8A622AD3-9F0A-47FE-902E-CCCBACB9B6E9}" presName="d1" presStyleLbl="callout" presStyleIdx="1" presStyleCnt="10"/>
      <dgm:spPr/>
    </dgm:pt>
    <dgm:pt modelId="{F17BB37A-35DC-4FB3-B200-E9B01182A38C}" type="pres">
      <dgm:prSet presAssocID="{9BE02909-50B3-4C8A-9915-4CB4015AB7D8}" presName="circle2" presStyleLbl="lnNode1" presStyleIdx="1" presStyleCnt="5"/>
      <dgm:spPr/>
    </dgm:pt>
    <dgm:pt modelId="{21385AFD-5752-4A37-A3D3-600BD1D9FE0B}" type="pres">
      <dgm:prSet presAssocID="{9BE02909-50B3-4C8A-9915-4CB4015AB7D8}" presName="text2" presStyleLbl="revTx" presStyleIdx="1" presStyleCnt="5" custLinFactNeighborX="-6173" custLinFactNeighborY="7942">
        <dgm:presLayoutVars>
          <dgm:bulletEnabled val="1"/>
        </dgm:presLayoutVars>
      </dgm:prSet>
      <dgm:spPr/>
      <dgm:t>
        <a:bodyPr/>
        <a:lstStyle/>
        <a:p>
          <a:pPr rtl="1"/>
          <a:endParaRPr lang="he-IL"/>
        </a:p>
      </dgm:t>
    </dgm:pt>
    <dgm:pt modelId="{E96DD10D-FF56-47D8-9182-E44E42CE0709}" type="pres">
      <dgm:prSet presAssocID="{9BE02909-50B3-4C8A-9915-4CB4015AB7D8}" presName="line2" presStyleLbl="callout" presStyleIdx="2" presStyleCnt="10"/>
      <dgm:spPr/>
    </dgm:pt>
    <dgm:pt modelId="{66289019-F2C7-4A28-B2C7-E05618DF304F}" type="pres">
      <dgm:prSet presAssocID="{9BE02909-50B3-4C8A-9915-4CB4015AB7D8}" presName="d2" presStyleLbl="callout" presStyleIdx="3" presStyleCnt="10"/>
      <dgm:spPr/>
    </dgm:pt>
    <dgm:pt modelId="{C7C4C011-3A38-436D-A131-BE36CCE91928}" type="pres">
      <dgm:prSet presAssocID="{8A0F056E-A8E4-44FE-AD94-61D2BC50F2B2}" presName="circle3" presStyleLbl="lnNode1" presStyleIdx="2" presStyleCnt="5"/>
      <dgm:spPr/>
    </dgm:pt>
    <dgm:pt modelId="{AE650F91-C7F4-4245-B7E5-2AA080DBC7F6}" type="pres">
      <dgm:prSet presAssocID="{8A0F056E-A8E4-44FE-AD94-61D2BC50F2B2}" presName="text3" presStyleLbl="revTx" presStyleIdx="2" presStyleCnt="5" custLinFactNeighborX="-4938" custLinFactNeighborY="-39759">
        <dgm:presLayoutVars>
          <dgm:bulletEnabled val="1"/>
        </dgm:presLayoutVars>
      </dgm:prSet>
      <dgm:spPr/>
      <dgm:t>
        <a:bodyPr/>
        <a:lstStyle/>
        <a:p>
          <a:pPr rtl="1"/>
          <a:endParaRPr lang="he-IL"/>
        </a:p>
      </dgm:t>
    </dgm:pt>
    <dgm:pt modelId="{467E6ECF-070F-4705-8A7C-C8BE394E3395}" type="pres">
      <dgm:prSet presAssocID="{8A0F056E-A8E4-44FE-AD94-61D2BC50F2B2}" presName="line3" presStyleLbl="callout" presStyleIdx="4" presStyleCnt="10"/>
      <dgm:spPr/>
    </dgm:pt>
    <dgm:pt modelId="{308C5F91-E679-4BBA-99D6-A0691F860B3F}" type="pres">
      <dgm:prSet presAssocID="{8A0F056E-A8E4-44FE-AD94-61D2BC50F2B2}" presName="d3" presStyleLbl="callout" presStyleIdx="5" presStyleCnt="10"/>
      <dgm:spPr/>
    </dgm:pt>
    <dgm:pt modelId="{490D6149-A414-4FBE-A8CA-0DAE1CA12AC2}" type="pres">
      <dgm:prSet presAssocID="{F7BAE55D-80F2-4FA3-B3B6-33018D1B3DFC}" presName="circle4" presStyleLbl="lnNode1" presStyleIdx="3" presStyleCnt="5"/>
      <dgm:spPr/>
    </dgm:pt>
    <dgm:pt modelId="{30816392-C68D-4F88-85D3-B973044311E5}" type="pres">
      <dgm:prSet presAssocID="{F7BAE55D-80F2-4FA3-B3B6-33018D1B3DFC}" presName="text4" presStyleLbl="revTx" presStyleIdx="3" presStyleCnt="5">
        <dgm:presLayoutVars>
          <dgm:bulletEnabled val="1"/>
        </dgm:presLayoutVars>
      </dgm:prSet>
      <dgm:spPr/>
      <dgm:t>
        <a:bodyPr/>
        <a:lstStyle/>
        <a:p>
          <a:pPr rtl="1"/>
          <a:endParaRPr lang="he-IL"/>
        </a:p>
      </dgm:t>
    </dgm:pt>
    <dgm:pt modelId="{C6DF65A9-FB57-4F00-953E-40E75E7D3525}" type="pres">
      <dgm:prSet presAssocID="{F7BAE55D-80F2-4FA3-B3B6-33018D1B3DFC}" presName="line4" presStyleLbl="callout" presStyleIdx="6" presStyleCnt="10"/>
      <dgm:spPr/>
    </dgm:pt>
    <dgm:pt modelId="{CD16B1B1-16D5-40AE-9591-698FFC1ADED7}" type="pres">
      <dgm:prSet presAssocID="{F7BAE55D-80F2-4FA3-B3B6-33018D1B3DFC}" presName="d4" presStyleLbl="callout" presStyleIdx="7" presStyleCnt="10"/>
      <dgm:spPr/>
    </dgm:pt>
    <dgm:pt modelId="{EBC83F65-BA6E-48D3-9E05-7E503A2C3E02}" type="pres">
      <dgm:prSet presAssocID="{6BFABA83-855A-4566-A54F-FEFAEB13F4C9}" presName="circle5" presStyleLbl="lnNode1" presStyleIdx="4" presStyleCnt="5"/>
      <dgm:spPr/>
    </dgm:pt>
    <dgm:pt modelId="{A13CF959-3DB5-4CDB-8D99-3FE44F8AD7E8}" type="pres">
      <dgm:prSet presAssocID="{6BFABA83-855A-4566-A54F-FEFAEB13F4C9}" presName="text5" presStyleLbl="revTx" presStyleIdx="4" presStyleCnt="5">
        <dgm:presLayoutVars>
          <dgm:bulletEnabled val="1"/>
        </dgm:presLayoutVars>
      </dgm:prSet>
      <dgm:spPr/>
      <dgm:t>
        <a:bodyPr/>
        <a:lstStyle/>
        <a:p>
          <a:pPr rtl="1"/>
          <a:endParaRPr lang="he-IL"/>
        </a:p>
      </dgm:t>
    </dgm:pt>
    <dgm:pt modelId="{38572765-DA50-446A-982E-892353A09CFC}" type="pres">
      <dgm:prSet presAssocID="{6BFABA83-855A-4566-A54F-FEFAEB13F4C9}" presName="line5" presStyleLbl="callout" presStyleIdx="8" presStyleCnt="10"/>
      <dgm:spPr/>
    </dgm:pt>
    <dgm:pt modelId="{7A78489D-0391-4DC1-B4C5-CB555443585A}" type="pres">
      <dgm:prSet presAssocID="{6BFABA83-855A-4566-A54F-FEFAEB13F4C9}" presName="d5" presStyleLbl="callout" presStyleIdx="9" presStyleCnt="10"/>
      <dgm:spPr/>
    </dgm:pt>
  </dgm:ptLst>
  <dgm:cxnLst>
    <dgm:cxn modelId="{5E3AFB9C-9A0A-4FC0-B9B1-4A2E04E39F7F}" srcId="{8377656A-92BD-4309-AF2A-5D9FB0033A19}" destId="{9BE02909-50B3-4C8A-9915-4CB4015AB7D8}" srcOrd="1" destOrd="0" parTransId="{FBA4599C-DA9C-4E93-BFB1-630196DCE92D}" sibTransId="{285DCD97-108D-4E41-9085-760B26FFFC8A}"/>
    <dgm:cxn modelId="{8BD8A9BB-543E-4F9C-8393-A2EA6A289D44}" type="presOf" srcId="{9BE02909-50B3-4C8A-9915-4CB4015AB7D8}" destId="{21385AFD-5752-4A37-A3D3-600BD1D9FE0B}" srcOrd="0" destOrd="0" presId="urn:microsoft.com/office/officeart/2005/8/layout/target1"/>
    <dgm:cxn modelId="{23DE5EAB-0D8C-4B4C-A10F-96EF67B883A9}" type="presOf" srcId="{8A622AD3-9F0A-47FE-902E-CCCBACB9B6E9}" destId="{06442557-879C-40FB-86DD-D2E04071ADE5}" srcOrd="0" destOrd="0" presId="urn:microsoft.com/office/officeart/2005/8/layout/target1"/>
    <dgm:cxn modelId="{2F0B148B-13F0-4015-A274-72A4920F89F5}" type="presOf" srcId="{6BFABA83-855A-4566-A54F-FEFAEB13F4C9}" destId="{A13CF959-3DB5-4CDB-8D99-3FE44F8AD7E8}" srcOrd="0" destOrd="0" presId="urn:microsoft.com/office/officeart/2005/8/layout/target1"/>
    <dgm:cxn modelId="{789F8BC7-FF5F-4685-B563-3A1A97B0E97F}" type="presOf" srcId="{F7BAE55D-80F2-4FA3-B3B6-33018D1B3DFC}" destId="{30816392-C68D-4F88-85D3-B973044311E5}" srcOrd="0" destOrd="0" presId="urn:microsoft.com/office/officeart/2005/8/layout/target1"/>
    <dgm:cxn modelId="{71FB032A-451A-48AD-8EBE-140C89D736B3}" type="presOf" srcId="{8A0F056E-A8E4-44FE-AD94-61D2BC50F2B2}" destId="{AE650F91-C7F4-4245-B7E5-2AA080DBC7F6}" srcOrd="0" destOrd="0" presId="urn:microsoft.com/office/officeart/2005/8/layout/target1"/>
    <dgm:cxn modelId="{7F106CE7-721B-4859-B902-1D3CF0F785D6}" srcId="{8377656A-92BD-4309-AF2A-5D9FB0033A19}" destId="{6BFABA83-855A-4566-A54F-FEFAEB13F4C9}" srcOrd="4" destOrd="0" parTransId="{7026FA16-7724-4CD4-8954-B1F5EE3514BE}" sibTransId="{CCC44333-C4C1-4669-9755-20A897F11071}"/>
    <dgm:cxn modelId="{71E01751-0FB5-4A31-820D-EF0A853CFE9B}" srcId="{8377656A-92BD-4309-AF2A-5D9FB0033A19}" destId="{F7BAE55D-80F2-4FA3-B3B6-33018D1B3DFC}" srcOrd="3" destOrd="0" parTransId="{7D50EC2A-99C8-4353-BE8C-6F167BD563BC}" sibTransId="{0CFDCA76-6869-476F-8266-B44910DFC467}"/>
    <dgm:cxn modelId="{466B190F-56BF-429B-9F35-A27CC322BE5C}" type="presOf" srcId="{8377656A-92BD-4309-AF2A-5D9FB0033A19}" destId="{8651469A-F9B3-4F34-B467-8EFE9C68FBFF}" srcOrd="0" destOrd="0" presId="urn:microsoft.com/office/officeart/2005/8/layout/target1"/>
    <dgm:cxn modelId="{84B5CAD9-3997-40E6-BC8E-611CDE122EE6}" srcId="{8377656A-92BD-4309-AF2A-5D9FB0033A19}" destId="{8A622AD3-9F0A-47FE-902E-CCCBACB9B6E9}" srcOrd="0" destOrd="0" parTransId="{FABD03D8-CF69-415D-9C93-CAF472598C58}" sibTransId="{D51F2FDD-F3E2-46E8-849A-F8681DF68943}"/>
    <dgm:cxn modelId="{393820FE-EF83-4283-818A-6F8E03724F48}" srcId="{8377656A-92BD-4309-AF2A-5D9FB0033A19}" destId="{8A0F056E-A8E4-44FE-AD94-61D2BC50F2B2}" srcOrd="2" destOrd="0" parTransId="{9576E811-9380-43E3-8A9F-EA90B5827FFA}" sibTransId="{05502CBE-2EAA-45E8-AD3E-F32A2FE76866}"/>
    <dgm:cxn modelId="{B02031D3-A96C-4978-BF49-81B342FAC5A9}" type="presParOf" srcId="{8651469A-F9B3-4F34-B467-8EFE9C68FBFF}" destId="{F0D9352F-486E-42BD-9291-3172E858915E}" srcOrd="0" destOrd="0" presId="urn:microsoft.com/office/officeart/2005/8/layout/target1"/>
    <dgm:cxn modelId="{8EC1E180-228D-499E-9C1F-77B5B4ABB008}" type="presParOf" srcId="{8651469A-F9B3-4F34-B467-8EFE9C68FBFF}" destId="{06442557-879C-40FB-86DD-D2E04071ADE5}" srcOrd="1" destOrd="0" presId="urn:microsoft.com/office/officeart/2005/8/layout/target1"/>
    <dgm:cxn modelId="{037BBBAC-0D2A-435D-910B-58ACFB2137AC}" type="presParOf" srcId="{8651469A-F9B3-4F34-B467-8EFE9C68FBFF}" destId="{406C079F-1325-4081-9274-CEBFF5F8EE6B}" srcOrd="2" destOrd="0" presId="urn:microsoft.com/office/officeart/2005/8/layout/target1"/>
    <dgm:cxn modelId="{6CA7A020-11FF-4C25-AC98-D97AC930CE7B}" type="presParOf" srcId="{8651469A-F9B3-4F34-B467-8EFE9C68FBFF}" destId="{9EB44853-2574-4E0D-9B40-28F037462E79}" srcOrd="3" destOrd="0" presId="urn:microsoft.com/office/officeart/2005/8/layout/target1"/>
    <dgm:cxn modelId="{7AC0E83C-9F5C-4A51-962F-9F3E10511522}" type="presParOf" srcId="{8651469A-F9B3-4F34-B467-8EFE9C68FBFF}" destId="{F17BB37A-35DC-4FB3-B200-E9B01182A38C}" srcOrd="4" destOrd="0" presId="urn:microsoft.com/office/officeart/2005/8/layout/target1"/>
    <dgm:cxn modelId="{0ED842F0-B981-4C26-B3DF-C39E1A2105C3}" type="presParOf" srcId="{8651469A-F9B3-4F34-B467-8EFE9C68FBFF}" destId="{21385AFD-5752-4A37-A3D3-600BD1D9FE0B}" srcOrd="5" destOrd="0" presId="urn:microsoft.com/office/officeart/2005/8/layout/target1"/>
    <dgm:cxn modelId="{28B3C571-C442-467A-9108-61567B8569B4}" type="presParOf" srcId="{8651469A-F9B3-4F34-B467-8EFE9C68FBFF}" destId="{E96DD10D-FF56-47D8-9182-E44E42CE0709}" srcOrd="6" destOrd="0" presId="urn:microsoft.com/office/officeart/2005/8/layout/target1"/>
    <dgm:cxn modelId="{9E2F7EC9-3329-4528-B163-ADD50B3942AC}" type="presParOf" srcId="{8651469A-F9B3-4F34-B467-8EFE9C68FBFF}" destId="{66289019-F2C7-4A28-B2C7-E05618DF304F}" srcOrd="7" destOrd="0" presId="urn:microsoft.com/office/officeart/2005/8/layout/target1"/>
    <dgm:cxn modelId="{800303D7-DA6F-4119-9CEA-176878993B66}" type="presParOf" srcId="{8651469A-F9B3-4F34-B467-8EFE9C68FBFF}" destId="{C7C4C011-3A38-436D-A131-BE36CCE91928}" srcOrd="8" destOrd="0" presId="urn:microsoft.com/office/officeart/2005/8/layout/target1"/>
    <dgm:cxn modelId="{141243FA-A015-4B9B-9E3B-108178A4FED6}" type="presParOf" srcId="{8651469A-F9B3-4F34-B467-8EFE9C68FBFF}" destId="{AE650F91-C7F4-4245-B7E5-2AA080DBC7F6}" srcOrd="9" destOrd="0" presId="urn:microsoft.com/office/officeart/2005/8/layout/target1"/>
    <dgm:cxn modelId="{AD8A5FC9-7099-4211-AC34-248C78BBD7AC}" type="presParOf" srcId="{8651469A-F9B3-4F34-B467-8EFE9C68FBFF}" destId="{467E6ECF-070F-4705-8A7C-C8BE394E3395}" srcOrd="10" destOrd="0" presId="urn:microsoft.com/office/officeart/2005/8/layout/target1"/>
    <dgm:cxn modelId="{5D32ADFC-EC33-4192-BBE4-0D9EC7A79363}" type="presParOf" srcId="{8651469A-F9B3-4F34-B467-8EFE9C68FBFF}" destId="{308C5F91-E679-4BBA-99D6-A0691F860B3F}" srcOrd="11" destOrd="0" presId="urn:microsoft.com/office/officeart/2005/8/layout/target1"/>
    <dgm:cxn modelId="{A91ED241-5126-439D-9A9B-161D95070BEA}" type="presParOf" srcId="{8651469A-F9B3-4F34-B467-8EFE9C68FBFF}" destId="{490D6149-A414-4FBE-A8CA-0DAE1CA12AC2}" srcOrd="12" destOrd="0" presId="urn:microsoft.com/office/officeart/2005/8/layout/target1"/>
    <dgm:cxn modelId="{C0C39047-1443-4CE7-B8FF-0FDD394DC7C3}" type="presParOf" srcId="{8651469A-F9B3-4F34-B467-8EFE9C68FBFF}" destId="{30816392-C68D-4F88-85D3-B973044311E5}" srcOrd="13" destOrd="0" presId="urn:microsoft.com/office/officeart/2005/8/layout/target1"/>
    <dgm:cxn modelId="{D5E64B09-3CA2-4178-A40D-4CFB54485C4F}" type="presParOf" srcId="{8651469A-F9B3-4F34-B467-8EFE9C68FBFF}" destId="{C6DF65A9-FB57-4F00-953E-40E75E7D3525}" srcOrd="14" destOrd="0" presId="urn:microsoft.com/office/officeart/2005/8/layout/target1"/>
    <dgm:cxn modelId="{96E8FFEA-6EA1-441B-B2BA-2BFD5454BC15}" type="presParOf" srcId="{8651469A-F9B3-4F34-B467-8EFE9C68FBFF}" destId="{CD16B1B1-16D5-40AE-9591-698FFC1ADED7}" srcOrd="15" destOrd="0" presId="urn:microsoft.com/office/officeart/2005/8/layout/target1"/>
    <dgm:cxn modelId="{EC6A47AF-D938-4689-B008-B3940B78FD01}" type="presParOf" srcId="{8651469A-F9B3-4F34-B467-8EFE9C68FBFF}" destId="{EBC83F65-BA6E-48D3-9E05-7E503A2C3E02}" srcOrd="16" destOrd="0" presId="urn:microsoft.com/office/officeart/2005/8/layout/target1"/>
    <dgm:cxn modelId="{3A3D3AC2-5A45-4A12-BAFC-6DC90E010A9D}" type="presParOf" srcId="{8651469A-F9B3-4F34-B467-8EFE9C68FBFF}" destId="{A13CF959-3DB5-4CDB-8D99-3FE44F8AD7E8}" srcOrd="17" destOrd="0" presId="urn:microsoft.com/office/officeart/2005/8/layout/target1"/>
    <dgm:cxn modelId="{42FC96B3-E864-4B2D-856F-7BB6479C74D4}" type="presParOf" srcId="{8651469A-F9B3-4F34-B467-8EFE9C68FBFF}" destId="{38572765-DA50-446A-982E-892353A09CFC}" srcOrd="18" destOrd="0" presId="urn:microsoft.com/office/officeart/2005/8/layout/target1"/>
    <dgm:cxn modelId="{A7095F9A-E225-4D15-9D7D-FC11B05A6BA4}" type="presParOf" srcId="{8651469A-F9B3-4F34-B467-8EFE9C68FBFF}" destId="{7A78489D-0391-4DC1-B4C5-CB555443585A}" srcOrd="19" destOrd="0" presId="urn:microsoft.com/office/officeart/2005/8/layout/target1"/>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43C57E6-D900-425E-AA00-F04D83AD529F}">
      <dsp:nvSpPr>
        <dsp:cNvPr id="0" name=""/>
        <dsp:cNvSpPr/>
      </dsp:nvSpPr>
      <dsp:spPr>
        <a:xfrm>
          <a:off x="1368812" y="251002"/>
          <a:ext cx="2888754" cy="1034425"/>
        </a:xfrm>
        <a:prstGeom prst="chevron">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0320" tIns="10160" rIns="0" bIns="10160" numCol="1" spcCol="1270" anchor="t" anchorCtr="0">
          <a:noAutofit/>
        </a:bodyPr>
        <a:lstStyle/>
        <a:p>
          <a:pPr lvl="0" algn="ctr" defTabSz="711200">
            <a:lnSpc>
              <a:spcPct val="90000"/>
            </a:lnSpc>
            <a:spcBef>
              <a:spcPct val="0"/>
            </a:spcBef>
            <a:spcAft>
              <a:spcPct val="35000"/>
            </a:spcAft>
          </a:pPr>
          <a:r>
            <a:rPr lang="he-IL" sz="1600" b="1" u="sng" kern="1200" dirty="0" smtClean="0"/>
            <a:t>שלב החקירה</a:t>
          </a:r>
        </a:p>
        <a:p>
          <a:pPr lvl="0" algn="r" defTabSz="711200">
            <a:lnSpc>
              <a:spcPct val="90000"/>
            </a:lnSpc>
            <a:spcBef>
              <a:spcPct val="0"/>
            </a:spcBef>
            <a:spcAft>
              <a:spcPct val="35000"/>
            </a:spcAft>
          </a:pPr>
          <a:r>
            <a:rPr lang="he-IL" sz="1600" b="0" u="none" kern="1200" dirty="0" smtClean="0"/>
            <a:t>- מטרה            -מערכת כללית</a:t>
          </a:r>
        </a:p>
        <a:p>
          <a:pPr lvl="0" algn="r" defTabSz="711200">
            <a:lnSpc>
              <a:spcPct val="90000"/>
            </a:lnSpc>
            <a:spcBef>
              <a:spcPct val="0"/>
            </a:spcBef>
            <a:spcAft>
              <a:spcPct val="35000"/>
            </a:spcAft>
          </a:pPr>
          <a:r>
            <a:rPr lang="he-IL" sz="1600" b="0" u="none" kern="1200" dirty="0" smtClean="0"/>
            <a:t>-תכלית אסטרטגית - </a:t>
          </a:r>
          <a:r>
            <a:rPr lang="he-IL" sz="1600" b="0" u="none" kern="1200" dirty="0" err="1" smtClean="0"/>
            <a:t>גניאולוגיה</a:t>
          </a:r>
          <a:endParaRPr lang="he-IL" sz="1600" b="0" u="none" kern="1200" dirty="0" smtClean="0"/>
        </a:p>
        <a:p>
          <a:pPr lvl="0" algn="r" defTabSz="711200">
            <a:lnSpc>
              <a:spcPct val="90000"/>
            </a:lnSpc>
            <a:spcBef>
              <a:spcPct val="0"/>
            </a:spcBef>
            <a:spcAft>
              <a:spcPct val="35000"/>
            </a:spcAft>
          </a:pPr>
          <a:r>
            <a:rPr lang="he-IL" sz="1600" b="0" u="none" kern="1200" dirty="0" smtClean="0"/>
            <a:t>- אינטרסים        - היסט</a:t>
          </a:r>
        </a:p>
        <a:p>
          <a:pPr lvl="0" algn="r" defTabSz="711200">
            <a:lnSpc>
              <a:spcPct val="90000"/>
            </a:lnSpc>
            <a:spcBef>
              <a:spcPct val="0"/>
            </a:spcBef>
            <a:spcAft>
              <a:spcPct val="35000"/>
            </a:spcAft>
          </a:pPr>
          <a:r>
            <a:rPr lang="he-IL" sz="1600" b="0" u="none" kern="1200" dirty="0" smtClean="0"/>
            <a:t> איומים             - פוטנציאל</a:t>
          </a:r>
          <a:r>
            <a:rPr lang="en-US" sz="1600" b="0" u="none" kern="1200" dirty="0" smtClean="0"/>
            <a:t>-</a:t>
          </a:r>
          <a:endParaRPr lang="he-IL" sz="1600" b="0" u="none" kern="1200" dirty="0" smtClean="0"/>
        </a:p>
      </dsp:txBody>
      <dsp:txXfrm>
        <a:off x="1886025" y="251002"/>
        <a:ext cx="1854329" cy="1034425"/>
      </dsp:txXfrm>
    </dsp:sp>
    <dsp:sp modelId="{FBCDF05E-3288-4AE5-9E25-03B36AF69926}">
      <dsp:nvSpPr>
        <dsp:cNvPr id="0" name=""/>
        <dsp:cNvSpPr/>
      </dsp:nvSpPr>
      <dsp:spPr>
        <a:xfrm>
          <a:off x="3575249" y="62517"/>
          <a:ext cx="2562109" cy="1421706"/>
        </a:xfrm>
        <a:prstGeom prst="chevron">
          <a:avLst/>
        </a:prstGeom>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0320" tIns="10160" rIns="0" bIns="10160" numCol="1" spcCol="1270" anchor="t" anchorCtr="0">
          <a:noAutofit/>
        </a:bodyPr>
        <a:lstStyle/>
        <a:p>
          <a:pPr lvl="0" algn="r" defTabSz="711200">
            <a:lnSpc>
              <a:spcPct val="90000"/>
            </a:lnSpc>
            <a:spcBef>
              <a:spcPct val="0"/>
            </a:spcBef>
            <a:spcAft>
              <a:spcPct val="35000"/>
            </a:spcAft>
          </a:pPr>
          <a:r>
            <a:rPr lang="he-IL" sz="1600" b="1" u="sng" kern="1200" dirty="0" smtClean="0"/>
            <a:t>שלב תכנון מערכה</a:t>
          </a:r>
        </a:p>
        <a:p>
          <a:pPr lvl="0" algn="ctr" defTabSz="711200">
            <a:lnSpc>
              <a:spcPct val="90000"/>
            </a:lnSpc>
            <a:spcBef>
              <a:spcPct val="0"/>
            </a:spcBef>
            <a:spcAft>
              <a:spcPct val="35000"/>
            </a:spcAft>
          </a:pPr>
          <a:r>
            <a:rPr lang="he-IL" sz="1400" b="0" u="none" kern="1200" dirty="0" smtClean="0"/>
            <a:t>- השינוי הנדרש</a:t>
          </a:r>
        </a:p>
        <a:p>
          <a:pPr lvl="0" algn="ctr" defTabSz="711200">
            <a:lnSpc>
              <a:spcPct val="90000"/>
            </a:lnSpc>
            <a:spcBef>
              <a:spcPct val="0"/>
            </a:spcBef>
            <a:spcAft>
              <a:spcPct val="35000"/>
            </a:spcAft>
          </a:pPr>
          <a:r>
            <a:rPr lang="he-IL" sz="1400" b="0" u="none" kern="1200" dirty="0" smtClean="0"/>
            <a:t>- ארגון הצורה</a:t>
          </a:r>
        </a:p>
        <a:p>
          <a:pPr lvl="0" algn="ctr" defTabSz="711200">
            <a:lnSpc>
              <a:spcPct val="90000"/>
            </a:lnSpc>
            <a:spcBef>
              <a:spcPct val="0"/>
            </a:spcBef>
            <a:spcAft>
              <a:spcPct val="35000"/>
            </a:spcAft>
          </a:pPr>
          <a:r>
            <a:rPr lang="he-IL" sz="1400" b="0" u="none" kern="1200" dirty="0" smtClean="0"/>
            <a:t>-ארגון המערכת </a:t>
          </a:r>
        </a:p>
        <a:p>
          <a:pPr lvl="0" algn="ctr" defTabSz="711200">
            <a:lnSpc>
              <a:spcPct val="90000"/>
            </a:lnSpc>
            <a:spcBef>
              <a:spcPct val="0"/>
            </a:spcBef>
            <a:spcAft>
              <a:spcPct val="35000"/>
            </a:spcAft>
          </a:pPr>
          <a:r>
            <a:rPr lang="he-IL" sz="1400" b="0" u="none" kern="1200" dirty="0" smtClean="0"/>
            <a:t>- שינויים אישיים בהיבטים המערכתיים-ארגוניים</a:t>
          </a:r>
        </a:p>
        <a:p>
          <a:pPr lvl="0" algn="ctr" defTabSz="711200">
            <a:lnSpc>
              <a:spcPct val="90000"/>
            </a:lnSpc>
            <a:spcBef>
              <a:spcPct val="0"/>
            </a:spcBef>
            <a:spcAft>
              <a:spcPct val="35000"/>
            </a:spcAft>
          </a:pPr>
          <a:endParaRPr lang="en-US" sz="1400" b="0" u="none" kern="1200" dirty="0"/>
        </a:p>
      </dsp:txBody>
      <dsp:txXfrm>
        <a:off x="4286102" y="62517"/>
        <a:ext cx="1140403" cy="1421706"/>
      </dsp:txXfrm>
    </dsp:sp>
    <dsp:sp modelId="{DDB74CAC-6E26-45A0-9656-F23CDD57BC79}">
      <dsp:nvSpPr>
        <dsp:cNvPr id="0" name=""/>
        <dsp:cNvSpPr/>
      </dsp:nvSpPr>
      <dsp:spPr>
        <a:xfrm>
          <a:off x="5475703" y="25340"/>
          <a:ext cx="2229584" cy="1498601"/>
        </a:xfrm>
        <a:prstGeom prst="chevron">
          <a:avLst/>
        </a:prstGeom>
        <a:solidFill>
          <a:schemeClr val="accent1">
            <a:alpha val="90000"/>
            <a:tint val="40000"/>
            <a:hueOff val="0"/>
            <a:satOff val="0"/>
            <a:lumOff val="0"/>
            <a:alphaOff val="0"/>
          </a:schemeClr>
        </a:solidFill>
        <a:ln w="12700" cap="flat" cmpd="sng" algn="ctr">
          <a:solidFill>
            <a:schemeClr val="accent1">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0320" tIns="10160" rIns="0" bIns="10160" numCol="1" spcCol="1270" anchor="t" anchorCtr="0">
          <a:noAutofit/>
        </a:bodyPr>
        <a:lstStyle/>
        <a:p>
          <a:pPr lvl="0" algn="ctr" defTabSz="711200">
            <a:lnSpc>
              <a:spcPct val="90000"/>
            </a:lnSpc>
            <a:spcBef>
              <a:spcPct val="0"/>
            </a:spcBef>
            <a:spcAft>
              <a:spcPct val="35000"/>
            </a:spcAft>
          </a:pPr>
          <a:r>
            <a:rPr lang="he-IL" sz="1600" b="1" u="sng" kern="1200" dirty="0" smtClean="0"/>
            <a:t>שלב הסימולציה</a:t>
          </a:r>
        </a:p>
        <a:p>
          <a:pPr lvl="0" algn="ctr" defTabSz="711200">
            <a:lnSpc>
              <a:spcPct val="90000"/>
            </a:lnSpc>
            <a:spcBef>
              <a:spcPct val="0"/>
            </a:spcBef>
            <a:spcAft>
              <a:spcPct val="35000"/>
            </a:spcAft>
          </a:pPr>
          <a:r>
            <a:rPr lang="he-IL" sz="1400" b="0" u="none" kern="1200" dirty="0" smtClean="0"/>
            <a:t>מימוש התוכנית </a:t>
          </a:r>
        </a:p>
        <a:p>
          <a:pPr lvl="0" algn="ctr" defTabSz="711200">
            <a:lnSpc>
              <a:spcPct val="90000"/>
            </a:lnSpc>
            <a:spcBef>
              <a:spcPct val="0"/>
            </a:spcBef>
            <a:spcAft>
              <a:spcPct val="35000"/>
            </a:spcAft>
          </a:pPr>
          <a:r>
            <a:rPr lang="he-IL" sz="1400" b="0" u="none" kern="1200" dirty="0" smtClean="0"/>
            <a:t>המערכתית</a:t>
          </a:r>
        </a:p>
        <a:p>
          <a:pPr lvl="0" algn="ctr" defTabSz="711200" rtl="1">
            <a:lnSpc>
              <a:spcPct val="90000"/>
            </a:lnSpc>
            <a:spcBef>
              <a:spcPct val="0"/>
            </a:spcBef>
            <a:spcAft>
              <a:spcPct val="35000"/>
            </a:spcAft>
          </a:pPr>
          <a:r>
            <a:rPr lang="en-US" sz="1400" b="0" u="none" kern="1200" dirty="0" smtClean="0"/>
            <a:t>Reframing </a:t>
          </a:r>
        </a:p>
        <a:p>
          <a:pPr lvl="0" algn="ctr" defTabSz="711200" rtl="1">
            <a:lnSpc>
              <a:spcPct val="90000"/>
            </a:lnSpc>
            <a:spcBef>
              <a:spcPct val="0"/>
            </a:spcBef>
            <a:spcAft>
              <a:spcPct val="35000"/>
            </a:spcAft>
          </a:pPr>
          <a:r>
            <a:rPr lang="he-IL" sz="1400" b="0" u="none" kern="1200" dirty="0" smtClean="0"/>
            <a:t>מימוש </a:t>
          </a:r>
          <a:r>
            <a:rPr lang="he-IL" sz="1400" b="0" u="none" kern="1200" dirty="0" err="1" smtClean="0"/>
            <a:t>תוכנית</a:t>
          </a:r>
          <a:r>
            <a:rPr lang="he-IL" sz="1400" b="0" u="none" kern="1200" dirty="0" smtClean="0"/>
            <a:t> מעודכנת</a:t>
          </a:r>
        </a:p>
      </dsp:txBody>
      <dsp:txXfrm>
        <a:off x="6225004" y="25340"/>
        <a:ext cx="730983" cy="1498601"/>
      </dsp:txXfrm>
    </dsp:sp>
  </dsp:spTree>
</dsp:drawing>
</file>

<file path=ppt/diagrams/drawing1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52F5E5C-7DB8-4EB1-BBB5-4EDBEF39C1A8}">
      <dsp:nvSpPr>
        <dsp:cNvPr id="0" name=""/>
        <dsp:cNvSpPr/>
      </dsp:nvSpPr>
      <dsp:spPr>
        <a:xfrm>
          <a:off x="797822" y="491398"/>
          <a:ext cx="421198" cy="421198"/>
        </a:xfrm>
        <a:prstGeom prst="roundRect">
          <a:avLst/>
        </a:prstGeom>
        <a:solidFill>
          <a:schemeClr val="accent4">
            <a:shade val="80000"/>
            <a:hueOff val="0"/>
            <a:satOff val="0"/>
            <a:lumOff val="0"/>
            <a:alphaOff val="0"/>
          </a:schemeClr>
        </a:solidFill>
        <a:ln w="25400" cap="flat" cmpd="sng" algn="ctr">
          <a:solidFill>
            <a:schemeClr val="lt1">
              <a:hueOff val="0"/>
              <a:satOff val="0"/>
              <a:lumOff val="0"/>
              <a:alphaOff val="0"/>
            </a:schemeClr>
          </a:solidFill>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lvl="0" algn="ctr" defTabSz="444500" rtl="1">
            <a:lnSpc>
              <a:spcPct val="90000"/>
            </a:lnSpc>
            <a:spcBef>
              <a:spcPct val="0"/>
            </a:spcBef>
            <a:spcAft>
              <a:spcPct val="35000"/>
            </a:spcAft>
          </a:pPr>
          <a:r>
            <a:rPr lang="he-IL" sz="1000" kern="1200" dirty="0" smtClean="0">
              <a:latin typeface="Narkisim" panose="020E0502050101010101" pitchFamily="34" charset="-79"/>
              <a:cs typeface="Narkisim" panose="020E0502050101010101" pitchFamily="34" charset="-79"/>
            </a:rPr>
            <a:t>הרשות</a:t>
          </a:r>
          <a:endParaRPr lang="he-IL" sz="1000" kern="1200" dirty="0">
            <a:latin typeface="Narkisim" panose="020E0502050101010101" pitchFamily="34" charset="-79"/>
            <a:cs typeface="Narkisim" panose="020E0502050101010101" pitchFamily="34" charset="-79"/>
          </a:endParaRPr>
        </a:p>
      </dsp:txBody>
      <dsp:txXfrm>
        <a:off x="818383" y="511959"/>
        <a:ext cx="380076" cy="380076"/>
      </dsp:txXfrm>
    </dsp:sp>
    <dsp:sp modelId="{06715F5A-16BC-426E-97ED-DEC6DAA23D66}">
      <dsp:nvSpPr>
        <dsp:cNvPr id="0" name=""/>
        <dsp:cNvSpPr/>
      </dsp:nvSpPr>
      <dsp:spPr>
        <a:xfrm rot="16200000">
          <a:off x="903884" y="386860"/>
          <a:ext cx="209074" cy="0"/>
        </a:xfrm>
        <a:custGeom>
          <a:avLst/>
          <a:gdLst/>
          <a:ahLst/>
          <a:cxnLst/>
          <a:rect l="0" t="0" r="0" b="0"/>
          <a:pathLst>
            <a:path>
              <a:moveTo>
                <a:pt x="0" y="0"/>
              </a:moveTo>
              <a:lnTo>
                <a:pt x="209074" y="0"/>
              </a:lnTo>
            </a:path>
          </a:pathLst>
        </a:custGeom>
        <a:noFill/>
        <a:ln w="25400" cap="flat" cmpd="sng" algn="ctr">
          <a:solidFill>
            <a:schemeClr val="accent4">
              <a:tint val="99000"/>
              <a:hueOff val="0"/>
              <a:satOff val="0"/>
              <a:lumOff val="0"/>
              <a:alphaOff val="0"/>
            </a:schemeClr>
          </a:solidFill>
          <a:miter lim="800000"/>
        </a:ln>
        <a:effectLst/>
      </dsp:spPr>
      <dsp:style>
        <a:lnRef idx="2">
          <a:scrgbClr r="0" g="0" b="0"/>
        </a:lnRef>
        <a:fillRef idx="0">
          <a:scrgbClr r="0" g="0" b="0"/>
        </a:fillRef>
        <a:effectRef idx="0">
          <a:scrgbClr r="0" g="0" b="0"/>
        </a:effectRef>
        <a:fontRef idx="minor"/>
      </dsp:style>
    </dsp:sp>
    <dsp:sp modelId="{C0511186-EA8C-4926-B644-756489C464D9}">
      <dsp:nvSpPr>
        <dsp:cNvPr id="0" name=""/>
        <dsp:cNvSpPr/>
      </dsp:nvSpPr>
      <dsp:spPr>
        <a:xfrm>
          <a:off x="867320" y="120"/>
          <a:ext cx="282202" cy="282202"/>
        </a:xfrm>
        <a:prstGeom prst="roundRect">
          <a:avLst/>
        </a:prstGeom>
        <a:solidFill>
          <a:schemeClr val="accent4">
            <a:shade val="80000"/>
            <a:hueOff val="-124569"/>
            <a:satOff val="-2370"/>
            <a:lumOff val="5572"/>
            <a:alphaOff val="0"/>
          </a:schemeClr>
        </a:solidFill>
        <a:ln w="25400" cap="flat" cmpd="sng" algn="ctr">
          <a:solidFill>
            <a:schemeClr val="lt1">
              <a:hueOff val="0"/>
              <a:satOff val="0"/>
              <a:lumOff val="0"/>
              <a:alphaOff val="0"/>
            </a:schemeClr>
          </a:solidFill>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400050" rtl="1">
            <a:lnSpc>
              <a:spcPct val="90000"/>
            </a:lnSpc>
            <a:spcBef>
              <a:spcPct val="0"/>
            </a:spcBef>
            <a:spcAft>
              <a:spcPct val="35000"/>
            </a:spcAft>
          </a:pPr>
          <a:r>
            <a:rPr lang="he-IL" sz="900" kern="1200" dirty="0" smtClean="0">
              <a:latin typeface="Narkisim" panose="020E0502050101010101" pitchFamily="34" charset="-79"/>
              <a:cs typeface="Narkisim" panose="020E0502050101010101" pitchFamily="34" charset="-79"/>
            </a:rPr>
            <a:t>כללי</a:t>
          </a:r>
          <a:endParaRPr lang="he-IL" sz="900" kern="1200" dirty="0">
            <a:latin typeface="Narkisim" panose="020E0502050101010101" pitchFamily="34" charset="-79"/>
            <a:cs typeface="Narkisim" panose="020E0502050101010101" pitchFamily="34" charset="-79"/>
          </a:endParaRPr>
        </a:p>
      </dsp:txBody>
      <dsp:txXfrm>
        <a:off x="881096" y="13896"/>
        <a:ext cx="254650" cy="254650"/>
      </dsp:txXfrm>
    </dsp:sp>
    <dsp:sp modelId="{F5DAABEC-3EC8-452B-8203-6524A08433BF}">
      <dsp:nvSpPr>
        <dsp:cNvPr id="0" name=""/>
        <dsp:cNvSpPr/>
      </dsp:nvSpPr>
      <dsp:spPr>
        <a:xfrm rot="19800000">
          <a:off x="1208660" y="541741"/>
          <a:ext cx="154666" cy="0"/>
        </a:xfrm>
        <a:custGeom>
          <a:avLst/>
          <a:gdLst/>
          <a:ahLst/>
          <a:cxnLst/>
          <a:rect l="0" t="0" r="0" b="0"/>
          <a:pathLst>
            <a:path>
              <a:moveTo>
                <a:pt x="0" y="0"/>
              </a:moveTo>
              <a:lnTo>
                <a:pt x="154666" y="0"/>
              </a:lnTo>
            </a:path>
          </a:pathLst>
        </a:custGeom>
        <a:noFill/>
        <a:ln w="25400" cap="flat" cmpd="sng" algn="ctr">
          <a:solidFill>
            <a:schemeClr val="accent4">
              <a:tint val="99000"/>
              <a:hueOff val="0"/>
              <a:satOff val="0"/>
              <a:lumOff val="0"/>
              <a:alphaOff val="0"/>
            </a:schemeClr>
          </a:solidFill>
          <a:miter lim="800000"/>
        </a:ln>
        <a:effectLst/>
      </dsp:spPr>
      <dsp:style>
        <a:lnRef idx="2">
          <a:scrgbClr r="0" g="0" b="0"/>
        </a:lnRef>
        <a:fillRef idx="0">
          <a:scrgbClr r="0" g="0" b="0"/>
        </a:fillRef>
        <a:effectRef idx="0">
          <a:scrgbClr r="0" g="0" b="0"/>
        </a:effectRef>
        <a:fontRef idx="minor"/>
      </dsp:style>
    </dsp:sp>
    <dsp:sp modelId="{5FF6CA34-E002-4854-80A1-C777E54C9E18}">
      <dsp:nvSpPr>
        <dsp:cNvPr id="0" name=""/>
        <dsp:cNvSpPr/>
      </dsp:nvSpPr>
      <dsp:spPr>
        <a:xfrm>
          <a:off x="1352966" y="280508"/>
          <a:ext cx="282202" cy="282202"/>
        </a:xfrm>
        <a:prstGeom prst="roundRect">
          <a:avLst/>
        </a:prstGeom>
        <a:solidFill>
          <a:schemeClr val="accent4">
            <a:shade val="80000"/>
            <a:hueOff val="-249137"/>
            <a:satOff val="-4740"/>
            <a:lumOff val="11145"/>
            <a:alphaOff val="0"/>
          </a:schemeClr>
        </a:solidFill>
        <a:ln w="25400" cap="flat" cmpd="sng" algn="ctr">
          <a:solidFill>
            <a:schemeClr val="lt1">
              <a:hueOff val="0"/>
              <a:satOff val="0"/>
              <a:lumOff val="0"/>
              <a:alphaOff val="0"/>
            </a:schemeClr>
          </a:solidFill>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7940" tIns="27940" rIns="27940" bIns="27940" numCol="1" spcCol="1270" anchor="ctr" anchorCtr="0">
          <a:noAutofit/>
        </a:bodyPr>
        <a:lstStyle/>
        <a:p>
          <a:pPr lvl="0" algn="ctr" defTabSz="488950" rtl="1">
            <a:lnSpc>
              <a:spcPct val="90000"/>
            </a:lnSpc>
            <a:spcBef>
              <a:spcPct val="0"/>
            </a:spcBef>
            <a:spcAft>
              <a:spcPct val="35000"/>
            </a:spcAft>
          </a:pPr>
          <a:r>
            <a:rPr lang="he-IL" sz="1100" kern="1200" dirty="0" smtClean="0">
              <a:latin typeface="Narkisim" panose="020E0502050101010101" pitchFamily="34" charset="-79"/>
              <a:cs typeface="Narkisim" panose="020E0502050101010101" pitchFamily="34" charset="-79"/>
            </a:rPr>
            <a:t>חוץ</a:t>
          </a:r>
          <a:endParaRPr lang="he-IL" sz="1100" kern="1200" dirty="0">
            <a:latin typeface="Narkisim" panose="020E0502050101010101" pitchFamily="34" charset="-79"/>
            <a:cs typeface="Narkisim" panose="020E0502050101010101" pitchFamily="34" charset="-79"/>
          </a:endParaRPr>
        </a:p>
      </dsp:txBody>
      <dsp:txXfrm>
        <a:off x="1366742" y="294284"/>
        <a:ext cx="254650" cy="254650"/>
      </dsp:txXfrm>
    </dsp:sp>
    <dsp:sp modelId="{85274869-8EE9-47F9-82C6-C969E33B49EB}">
      <dsp:nvSpPr>
        <dsp:cNvPr id="0" name=""/>
        <dsp:cNvSpPr/>
      </dsp:nvSpPr>
      <dsp:spPr>
        <a:xfrm rot="1800000">
          <a:off x="1208660" y="862253"/>
          <a:ext cx="154666" cy="0"/>
        </a:xfrm>
        <a:custGeom>
          <a:avLst/>
          <a:gdLst/>
          <a:ahLst/>
          <a:cxnLst/>
          <a:rect l="0" t="0" r="0" b="0"/>
          <a:pathLst>
            <a:path>
              <a:moveTo>
                <a:pt x="0" y="0"/>
              </a:moveTo>
              <a:lnTo>
                <a:pt x="154666" y="0"/>
              </a:lnTo>
            </a:path>
          </a:pathLst>
        </a:custGeom>
        <a:noFill/>
        <a:ln w="25400" cap="flat" cmpd="sng" algn="ctr">
          <a:solidFill>
            <a:schemeClr val="accent4">
              <a:tint val="99000"/>
              <a:hueOff val="0"/>
              <a:satOff val="0"/>
              <a:lumOff val="0"/>
              <a:alphaOff val="0"/>
            </a:schemeClr>
          </a:solidFill>
          <a:miter lim="800000"/>
        </a:ln>
        <a:effectLst/>
      </dsp:spPr>
      <dsp:style>
        <a:lnRef idx="2">
          <a:scrgbClr r="0" g="0" b="0"/>
        </a:lnRef>
        <a:fillRef idx="0">
          <a:scrgbClr r="0" g="0" b="0"/>
        </a:fillRef>
        <a:effectRef idx="0">
          <a:scrgbClr r="0" g="0" b="0"/>
        </a:effectRef>
        <a:fontRef idx="minor"/>
      </dsp:style>
    </dsp:sp>
    <dsp:sp modelId="{E6D33748-AC0E-4229-99AF-9077B995D018}">
      <dsp:nvSpPr>
        <dsp:cNvPr id="0" name=""/>
        <dsp:cNvSpPr/>
      </dsp:nvSpPr>
      <dsp:spPr>
        <a:xfrm>
          <a:off x="1352966" y="841283"/>
          <a:ext cx="282202" cy="282202"/>
        </a:xfrm>
        <a:prstGeom prst="roundRect">
          <a:avLst/>
        </a:prstGeom>
        <a:solidFill>
          <a:schemeClr val="accent4">
            <a:shade val="80000"/>
            <a:hueOff val="-373706"/>
            <a:satOff val="-7111"/>
            <a:lumOff val="16717"/>
            <a:alphaOff val="0"/>
          </a:schemeClr>
        </a:solidFill>
        <a:ln w="25400" cap="flat" cmpd="sng" algn="ctr">
          <a:solidFill>
            <a:schemeClr val="lt1">
              <a:hueOff val="0"/>
              <a:satOff val="0"/>
              <a:lumOff val="0"/>
              <a:alphaOff val="0"/>
            </a:schemeClr>
          </a:solidFill>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400050" rtl="1">
            <a:lnSpc>
              <a:spcPct val="90000"/>
            </a:lnSpc>
            <a:spcBef>
              <a:spcPct val="0"/>
            </a:spcBef>
            <a:spcAft>
              <a:spcPct val="35000"/>
            </a:spcAft>
          </a:pPr>
          <a:r>
            <a:rPr lang="he-IL" sz="900" kern="1200" dirty="0" smtClean="0">
              <a:latin typeface="Narkisim" panose="020E0502050101010101" pitchFamily="34" charset="-79"/>
              <a:cs typeface="Narkisim" panose="020E0502050101010101" pitchFamily="34" charset="-79"/>
            </a:rPr>
            <a:t>פנים</a:t>
          </a:r>
          <a:endParaRPr lang="he-IL" sz="900" kern="1200" dirty="0">
            <a:latin typeface="Narkisim" panose="020E0502050101010101" pitchFamily="34" charset="-79"/>
            <a:cs typeface="Narkisim" panose="020E0502050101010101" pitchFamily="34" charset="-79"/>
          </a:endParaRPr>
        </a:p>
      </dsp:txBody>
      <dsp:txXfrm>
        <a:off x="1366742" y="855059"/>
        <a:ext cx="254650" cy="254650"/>
      </dsp:txXfrm>
    </dsp:sp>
    <dsp:sp modelId="{B444884D-433F-4DC0-B6FA-5DB88321EE27}">
      <dsp:nvSpPr>
        <dsp:cNvPr id="0" name=""/>
        <dsp:cNvSpPr/>
      </dsp:nvSpPr>
      <dsp:spPr>
        <a:xfrm rot="5400000">
          <a:off x="903884" y="1017134"/>
          <a:ext cx="209074" cy="0"/>
        </a:xfrm>
        <a:custGeom>
          <a:avLst/>
          <a:gdLst/>
          <a:ahLst/>
          <a:cxnLst/>
          <a:rect l="0" t="0" r="0" b="0"/>
          <a:pathLst>
            <a:path>
              <a:moveTo>
                <a:pt x="0" y="0"/>
              </a:moveTo>
              <a:lnTo>
                <a:pt x="209074" y="0"/>
              </a:lnTo>
            </a:path>
          </a:pathLst>
        </a:custGeom>
        <a:noFill/>
        <a:ln w="25400" cap="flat" cmpd="sng" algn="ctr">
          <a:solidFill>
            <a:schemeClr val="accent4">
              <a:tint val="99000"/>
              <a:hueOff val="0"/>
              <a:satOff val="0"/>
              <a:lumOff val="0"/>
              <a:alphaOff val="0"/>
            </a:schemeClr>
          </a:solidFill>
          <a:miter lim="800000"/>
        </a:ln>
        <a:effectLst/>
      </dsp:spPr>
      <dsp:style>
        <a:lnRef idx="2">
          <a:scrgbClr r="0" g="0" b="0"/>
        </a:lnRef>
        <a:fillRef idx="0">
          <a:scrgbClr r="0" g="0" b="0"/>
        </a:fillRef>
        <a:effectRef idx="0">
          <a:scrgbClr r="0" g="0" b="0"/>
        </a:effectRef>
        <a:fontRef idx="minor"/>
      </dsp:style>
    </dsp:sp>
    <dsp:sp modelId="{98165232-CFA7-4392-A172-8FFCA5EB9577}">
      <dsp:nvSpPr>
        <dsp:cNvPr id="0" name=""/>
        <dsp:cNvSpPr/>
      </dsp:nvSpPr>
      <dsp:spPr>
        <a:xfrm>
          <a:off x="867320" y="1121671"/>
          <a:ext cx="282202" cy="282202"/>
        </a:xfrm>
        <a:prstGeom prst="roundRect">
          <a:avLst/>
        </a:prstGeom>
        <a:solidFill>
          <a:schemeClr val="accent4">
            <a:shade val="80000"/>
            <a:hueOff val="-498275"/>
            <a:satOff val="-9481"/>
            <a:lumOff val="22289"/>
            <a:alphaOff val="0"/>
          </a:schemeClr>
        </a:solidFill>
        <a:ln w="25400" cap="flat" cmpd="sng" algn="ctr">
          <a:solidFill>
            <a:schemeClr val="lt1">
              <a:hueOff val="0"/>
              <a:satOff val="0"/>
              <a:lumOff val="0"/>
              <a:alphaOff val="0"/>
            </a:schemeClr>
          </a:solidFill>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2700" tIns="12700" rIns="12700" bIns="12700" numCol="1" spcCol="1270" anchor="ctr" anchorCtr="0">
          <a:noAutofit/>
        </a:bodyPr>
        <a:lstStyle/>
        <a:p>
          <a:pPr lvl="0" algn="ctr" defTabSz="222250" rtl="1">
            <a:lnSpc>
              <a:spcPct val="90000"/>
            </a:lnSpc>
            <a:spcBef>
              <a:spcPct val="0"/>
            </a:spcBef>
            <a:spcAft>
              <a:spcPct val="35000"/>
            </a:spcAft>
          </a:pPr>
          <a:r>
            <a:rPr lang="he-IL" sz="500" kern="1200" dirty="0" smtClean="0">
              <a:latin typeface="Narkisim" panose="020E0502050101010101" pitchFamily="34" charset="-79"/>
              <a:cs typeface="Narkisim" panose="020E0502050101010101" pitchFamily="34" charset="-79"/>
            </a:rPr>
            <a:t>ממשקים</a:t>
          </a:r>
          <a:endParaRPr lang="he-IL" sz="500" kern="1200" dirty="0">
            <a:latin typeface="Narkisim" panose="020E0502050101010101" pitchFamily="34" charset="-79"/>
            <a:cs typeface="Narkisim" panose="020E0502050101010101" pitchFamily="34" charset="-79"/>
          </a:endParaRPr>
        </a:p>
      </dsp:txBody>
      <dsp:txXfrm>
        <a:off x="881096" y="1135447"/>
        <a:ext cx="254650" cy="254650"/>
      </dsp:txXfrm>
    </dsp:sp>
    <dsp:sp modelId="{3954058F-4766-4F0F-884C-6DD846E9777B}">
      <dsp:nvSpPr>
        <dsp:cNvPr id="0" name=""/>
        <dsp:cNvSpPr/>
      </dsp:nvSpPr>
      <dsp:spPr>
        <a:xfrm rot="9000000">
          <a:off x="653517" y="862253"/>
          <a:ext cx="154666" cy="0"/>
        </a:xfrm>
        <a:custGeom>
          <a:avLst/>
          <a:gdLst/>
          <a:ahLst/>
          <a:cxnLst/>
          <a:rect l="0" t="0" r="0" b="0"/>
          <a:pathLst>
            <a:path>
              <a:moveTo>
                <a:pt x="0" y="0"/>
              </a:moveTo>
              <a:lnTo>
                <a:pt x="154666" y="0"/>
              </a:lnTo>
            </a:path>
          </a:pathLst>
        </a:custGeom>
        <a:noFill/>
        <a:ln w="25400" cap="flat" cmpd="sng" algn="ctr">
          <a:solidFill>
            <a:schemeClr val="accent4">
              <a:tint val="99000"/>
              <a:hueOff val="0"/>
              <a:satOff val="0"/>
              <a:lumOff val="0"/>
              <a:alphaOff val="0"/>
            </a:schemeClr>
          </a:solidFill>
          <a:miter lim="800000"/>
        </a:ln>
        <a:effectLst/>
      </dsp:spPr>
      <dsp:style>
        <a:lnRef idx="2">
          <a:scrgbClr r="0" g="0" b="0"/>
        </a:lnRef>
        <a:fillRef idx="0">
          <a:scrgbClr r="0" g="0" b="0"/>
        </a:fillRef>
        <a:effectRef idx="0">
          <a:scrgbClr r="0" g="0" b="0"/>
        </a:effectRef>
        <a:fontRef idx="minor"/>
      </dsp:style>
    </dsp:sp>
    <dsp:sp modelId="{62EAC3D1-0459-4AF0-83D4-8E4B2FE8BC20}">
      <dsp:nvSpPr>
        <dsp:cNvPr id="0" name=""/>
        <dsp:cNvSpPr/>
      </dsp:nvSpPr>
      <dsp:spPr>
        <a:xfrm>
          <a:off x="381674" y="841283"/>
          <a:ext cx="282202" cy="282202"/>
        </a:xfrm>
        <a:prstGeom prst="roundRect">
          <a:avLst/>
        </a:prstGeom>
        <a:solidFill>
          <a:schemeClr val="accent4">
            <a:shade val="80000"/>
            <a:hueOff val="-622843"/>
            <a:satOff val="-11851"/>
            <a:lumOff val="27862"/>
            <a:alphaOff val="0"/>
          </a:schemeClr>
        </a:solidFill>
        <a:ln w="25400" cap="flat" cmpd="sng" algn="ctr">
          <a:solidFill>
            <a:schemeClr val="lt1">
              <a:hueOff val="0"/>
              <a:satOff val="0"/>
              <a:lumOff val="0"/>
              <a:alphaOff val="0"/>
            </a:schemeClr>
          </a:solidFill>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lvl="0" algn="ctr" defTabSz="266700" rtl="1">
            <a:lnSpc>
              <a:spcPct val="90000"/>
            </a:lnSpc>
            <a:spcBef>
              <a:spcPct val="0"/>
            </a:spcBef>
            <a:spcAft>
              <a:spcPct val="35000"/>
            </a:spcAft>
          </a:pPr>
          <a:r>
            <a:rPr lang="he-IL" sz="600" kern="1200" dirty="0" smtClean="0">
              <a:latin typeface="Narkisim" panose="020E0502050101010101" pitchFamily="34" charset="-79"/>
              <a:cs typeface="Narkisim" panose="020E0502050101010101" pitchFamily="34" charset="-79"/>
            </a:rPr>
            <a:t>תופעות</a:t>
          </a:r>
          <a:endParaRPr lang="he-IL" sz="600" kern="1200" dirty="0">
            <a:latin typeface="Narkisim" panose="020E0502050101010101" pitchFamily="34" charset="-79"/>
            <a:cs typeface="Narkisim" panose="020E0502050101010101" pitchFamily="34" charset="-79"/>
          </a:endParaRPr>
        </a:p>
      </dsp:txBody>
      <dsp:txXfrm>
        <a:off x="395450" y="855059"/>
        <a:ext cx="254650" cy="254650"/>
      </dsp:txXfrm>
    </dsp:sp>
    <dsp:sp modelId="{8E697BBB-F982-4970-B118-8A935F2EAAF9}">
      <dsp:nvSpPr>
        <dsp:cNvPr id="0" name=""/>
        <dsp:cNvSpPr/>
      </dsp:nvSpPr>
      <dsp:spPr>
        <a:xfrm rot="12600000">
          <a:off x="653517" y="541741"/>
          <a:ext cx="154666" cy="0"/>
        </a:xfrm>
        <a:custGeom>
          <a:avLst/>
          <a:gdLst/>
          <a:ahLst/>
          <a:cxnLst/>
          <a:rect l="0" t="0" r="0" b="0"/>
          <a:pathLst>
            <a:path>
              <a:moveTo>
                <a:pt x="0" y="0"/>
              </a:moveTo>
              <a:lnTo>
                <a:pt x="154666" y="0"/>
              </a:lnTo>
            </a:path>
          </a:pathLst>
        </a:custGeom>
        <a:noFill/>
        <a:ln w="25400" cap="flat" cmpd="sng" algn="ctr">
          <a:solidFill>
            <a:schemeClr val="accent4">
              <a:tint val="99000"/>
              <a:hueOff val="0"/>
              <a:satOff val="0"/>
              <a:lumOff val="0"/>
              <a:alphaOff val="0"/>
            </a:schemeClr>
          </a:solidFill>
          <a:miter lim="800000"/>
        </a:ln>
        <a:effectLst/>
      </dsp:spPr>
      <dsp:style>
        <a:lnRef idx="2">
          <a:scrgbClr r="0" g="0" b="0"/>
        </a:lnRef>
        <a:fillRef idx="0">
          <a:scrgbClr r="0" g="0" b="0"/>
        </a:fillRef>
        <a:effectRef idx="0">
          <a:scrgbClr r="0" g="0" b="0"/>
        </a:effectRef>
        <a:fontRef idx="minor"/>
      </dsp:style>
    </dsp:sp>
    <dsp:sp modelId="{7EEA38F8-C102-472C-8892-EBC7FAD893B7}">
      <dsp:nvSpPr>
        <dsp:cNvPr id="0" name=""/>
        <dsp:cNvSpPr/>
      </dsp:nvSpPr>
      <dsp:spPr>
        <a:xfrm>
          <a:off x="381674" y="280508"/>
          <a:ext cx="282202" cy="282202"/>
        </a:xfrm>
        <a:prstGeom prst="roundRect">
          <a:avLst/>
        </a:prstGeom>
        <a:solidFill>
          <a:schemeClr val="accent4">
            <a:shade val="80000"/>
            <a:hueOff val="-747412"/>
            <a:satOff val="-14221"/>
            <a:lumOff val="33434"/>
            <a:alphaOff val="0"/>
          </a:schemeClr>
        </a:solidFill>
        <a:ln w="25400" cap="flat" cmpd="sng" algn="ctr">
          <a:solidFill>
            <a:schemeClr val="lt1">
              <a:hueOff val="0"/>
              <a:satOff val="0"/>
              <a:lumOff val="0"/>
              <a:alphaOff val="0"/>
            </a:schemeClr>
          </a:solidFill>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lvl="0" algn="ctr" defTabSz="266700" rtl="1">
            <a:lnSpc>
              <a:spcPct val="90000"/>
            </a:lnSpc>
            <a:spcBef>
              <a:spcPct val="0"/>
            </a:spcBef>
            <a:spcAft>
              <a:spcPct val="35000"/>
            </a:spcAft>
          </a:pPr>
          <a:r>
            <a:rPr lang="he-IL" sz="600" kern="1200" dirty="0" smtClean="0">
              <a:latin typeface="Narkisim" panose="020E0502050101010101" pitchFamily="34" charset="-79"/>
              <a:cs typeface="Narkisim" panose="020E0502050101010101" pitchFamily="34" charset="-79"/>
            </a:rPr>
            <a:t>החמאס</a:t>
          </a:r>
          <a:endParaRPr lang="he-IL" sz="600" kern="1200" dirty="0">
            <a:latin typeface="Narkisim" panose="020E0502050101010101" pitchFamily="34" charset="-79"/>
            <a:cs typeface="Narkisim" panose="020E0502050101010101" pitchFamily="34" charset="-79"/>
          </a:endParaRPr>
        </a:p>
      </dsp:txBody>
      <dsp:txXfrm>
        <a:off x="395450" y="294284"/>
        <a:ext cx="254650" cy="254650"/>
      </dsp:txXfrm>
    </dsp:sp>
  </dsp:spTree>
</dsp:drawing>
</file>

<file path=ppt/diagrams/drawing1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6C83C47-EBC1-417F-9C07-15F8373D2DDC}">
      <dsp:nvSpPr>
        <dsp:cNvPr id="0" name=""/>
        <dsp:cNvSpPr/>
      </dsp:nvSpPr>
      <dsp:spPr>
        <a:xfrm>
          <a:off x="5608994" y="2880325"/>
          <a:ext cx="3535005" cy="2790102"/>
        </a:xfrm>
        <a:prstGeom prst="roundRect">
          <a:avLst>
            <a:gd name="adj" fmla="val 10000"/>
          </a:avLst>
        </a:prstGeom>
        <a:solidFill>
          <a:schemeClr val="lt1">
            <a:alpha val="90000"/>
            <a:hueOff val="0"/>
            <a:satOff val="0"/>
            <a:lumOff val="0"/>
            <a:alphaOff val="0"/>
          </a:schemeClr>
        </a:solidFill>
        <a:ln w="12700" cap="flat" cmpd="sng" algn="ctr">
          <a:solidFill>
            <a:schemeClr val="accen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60960" tIns="60960" rIns="60960" bIns="60960" numCol="1" spcCol="1270" anchor="t" anchorCtr="0">
          <a:noAutofit/>
        </a:bodyPr>
        <a:lstStyle/>
        <a:p>
          <a:pPr marL="171450" lvl="1" indent="-171450" algn="r" defTabSz="711200" rtl="1">
            <a:lnSpc>
              <a:spcPct val="90000"/>
            </a:lnSpc>
            <a:spcBef>
              <a:spcPct val="0"/>
            </a:spcBef>
            <a:spcAft>
              <a:spcPct val="15000"/>
            </a:spcAft>
            <a:buChar char="••"/>
          </a:pPr>
          <a:r>
            <a:rPr lang="he-IL" sz="1600" b="1" kern="1200" dirty="0" smtClean="0">
              <a:latin typeface="Narkisim" panose="020E0502050101010101" pitchFamily="34" charset="-79"/>
              <a:cs typeface="Narkisim" panose="020E0502050101010101" pitchFamily="34" charset="-79"/>
            </a:rPr>
            <a:t>"הועד הערבי העליון"</a:t>
          </a:r>
          <a:endParaRPr lang="he-IL" sz="1600" b="1" kern="1200" dirty="0">
            <a:latin typeface="Narkisim" panose="020E0502050101010101" pitchFamily="34" charset="-79"/>
            <a:cs typeface="Narkisim" panose="020E0502050101010101" pitchFamily="34" charset="-79"/>
          </a:endParaRPr>
        </a:p>
        <a:p>
          <a:pPr marL="171450" lvl="1" indent="-171450" algn="r" defTabSz="711200" rtl="1">
            <a:lnSpc>
              <a:spcPct val="90000"/>
            </a:lnSpc>
            <a:spcBef>
              <a:spcPct val="0"/>
            </a:spcBef>
            <a:spcAft>
              <a:spcPct val="15000"/>
            </a:spcAft>
            <a:buChar char="••"/>
          </a:pPr>
          <a:r>
            <a:rPr lang="he-IL" sz="1600" b="1" kern="1200" dirty="0" smtClean="0">
              <a:latin typeface="Narkisim" panose="020E0502050101010101" pitchFamily="34" charset="-79"/>
              <a:cs typeface="Narkisim" panose="020E0502050101010101" pitchFamily="34" charset="-79"/>
            </a:rPr>
            <a:t>מאבק מתמשך על ייצוג העם ועצמאות ההחלטה: </a:t>
          </a:r>
          <a:r>
            <a:rPr lang="he-IL" sz="1600" b="1" kern="1200" dirty="0" err="1" smtClean="0">
              <a:latin typeface="Narkisim" panose="020E0502050101010101" pitchFamily="34" charset="-79"/>
              <a:cs typeface="Narkisim" panose="020E0502050101010101" pitchFamily="34" charset="-79"/>
            </a:rPr>
            <a:t>אש"פ</a:t>
          </a:r>
          <a:r>
            <a:rPr lang="he-IL" sz="1600" b="1" kern="1200" dirty="0" smtClean="0">
              <a:latin typeface="Narkisim" panose="020E0502050101010101" pitchFamily="34" charset="-79"/>
              <a:cs typeface="Narkisim" panose="020E0502050101010101" pitchFamily="34" charset="-79"/>
            </a:rPr>
            <a:t>-פת"ח, </a:t>
          </a:r>
          <a:r>
            <a:rPr lang="he-IL" sz="1600" b="1" kern="1200" dirty="0" err="1" smtClean="0">
              <a:latin typeface="Narkisim" panose="020E0502050101010101" pitchFamily="34" charset="-79"/>
              <a:cs typeface="Narkisim" panose="020E0502050101010101" pitchFamily="34" charset="-79"/>
            </a:rPr>
            <a:t>אש"פ</a:t>
          </a:r>
          <a:r>
            <a:rPr lang="he-IL" sz="1600" b="1" kern="1200" dirty="0" smtClean="0">
              <a:latin typeface="Narkisim" panose="020E0502050101010101" pitchFamily="34" charset="-79"/>
              <a:cs typeface="Narkisim" panose="020E0502050101010101" pitchFamily="34" charset="-79"/>
            </a:rPr>
            <a:t>-ערבים, </a:t>
          </a:r>
          <a:r>
            <a:rPr lang="he-IL" sz="1600" b="1" kern="1200" dirty="0" err="1" smtClean="0">
              <a:latin typeface="Narkisim" panose="020E0502050101010101" pitchFamily="34" charset="-79"/>
              <a:cs typeface="Narkisim" panose="020E0502050101010101" pitchFamily="34" charset="-79"/>
            </a:rPr>
            <a:t>אש"פ</a:t>
          </a:r>
          <a:r>
            <a:rPr lang="he-IL" sz="1600" b="1" kern="1200" dirty="0" smtClean="0">
              <a:latin typeface="Narkisim" panose="020E0502050101010101" pitchFamily="34" charset="-79"/>
              <a:cs typeface="Narkisim" panose="020E0502050101010101" pitchFamily="34" charset="-79"/>
            </a:rPr>
            <a:t>-ירדן ופנים, </a:t>
          </a:r>
          <a:r>
            <a:rPr lang="he-IL" sz="1600" b="1" kern="1200" dirty="0" err="1" smtClean="0">
              <a:latin typeface="Narkisim" panose="020E0502050101010101" pitchFamily="34" charset="-79"/>
              <a:cs typeface="Narkisim" panose="020E0502050101010101" pitchFamily="34" charset="-79"/>
            </a:rPr>
            <a:t>אש"פ</a:t>
          </a:r>
          <a:r>
            <a:rPr lang="he-IL" sz="1600" b="1" kern="1200" dirty="0" smtClean="0">
              <a:latin typeface="Narkisim" panose="020E0502050101010101" pitchFamily="34" charset="-79"/>
              <a:cs typeface="Narkisim" panose="020E0502050101010101" pitchFamily="34" charset="-79"/>
            </a:rPr>
            <a:t>-חמאס, רשות-חמאס</a:t>
          </a:r>
          <a:endParaRPr lang="he-IL" sz="1600" b="1" kern="1200" dirty="0">
            <a:latin typeface="Narkisim" panose="020E0502050101010101" pitchFamily="34" charset="-79"/>
            <a:cs typeface="Narkisim" panose="020E0502050101010101" pitchFamily="34" charset="-79"/>
          </a:endParaRPr>
        </a:p>
        <a:p>
          <a:pPr marL="171450" lvl="1" indent="-171450" algn="r" defTabSz="711200" rtl="1">
            <a:lnSpc>
              <a:spcPct val="90000"/>
            </a:lnSpc>
            <a:spcBef>
              <a:spcPct val="0"/>
            </a:spcBef>
            <a:spcAft>
              <a:spcPct val="15000"/>
            </a:spcAft>
            <a:buChar char="••"/>
          </a:pPr>
          <a:r>
            <a:rPr lang="he-IL" sz="1600" b="1" kern="1200" dirty="0" smtClean="0">
              <a:latin typeface="Narkisim" panose="020E0502050101010101" pitchFamily="34" charset="-79"/>
              <a:cs typeface="Narkisim" panose="020E0502050101010101" pitchFamily="34" charset="-79"/>
            </a:rPr>
            <a:t>מאבק ארגוני, עממי</a:t>
          </a:r>
          <a:endParaRPr lang="he-IL" sz="1600" b="1" kern="1200" dirty="0">
            <a:latin typeface="Narkisim" panose="020E0502050101010101" pitchFamily="34" charset="-79"/>
            <a:cs typeface="Narkisim" panose="020E0502050101010101" pitchFamily="34" charset="-79"/>
          </a:endParaRPr>
        </a:p>
      </dsp:txBody>
      <dsp:txXfrm>
        <a:off x="6730785" y="3639140"/>
        <a:ext cx="2351925" cy="1969998"/>
      </dsp:txXfrm>
    </dsp:sp>
    <dsp:sp modelId="{F50BB730-4A42-4B85-B295-BE9CA4720EE8}">
      <dsp:nvSpPr>
        <dsp:cNvPr id="0" name=""/>
        <dsp:cNvSpPr/>
      </dsp:nvSpPr>
      <dsp:spPr>
        <a:xfrm>
          <a:off x="0" y="2636929"/>
          <a:ext cx="3594785" cy="2790102"/>
        </a:xfrm>
        <a:prstGeom prst="roundRect">
          <a:avLst>
            <a:gd name="adj" fmla="val 10000"/>
          </a:avLst>
        </a:prstGeom>
        <a:solidFill>
          <a:schemeClr val="lt1">
            <a:alpha val="90000"/>
            <a:hueOff val="0"/>
            <a:satOff val="0"/>
            <a:lumOff val="0"/>
            <a:alphaOff val="0"/>
          </a:schemeClr>
        </a:solidFill>
        <a:ln w="12700" cap="flat" cmpd="sng" algn="ctr">
          <a:solidFill>
            <a:schemeClr val="accen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76200" tIns="76200" rIns="76200" bIns="76200" numCol="1" spcCol="1270" anchor="t" anchorCtr="0">
          <a:noAutofit/>
        </a:bodyPr>
        <a:lstStyle/>
        <a:p>
          <a:pPr marL="228600" lvl="1" indent="-228600" algn="r" defTabSz="889000" rtl="1">
            <a:lnSpc>
              <a:spcPct val="90000"/>
            </a:lnSpc>
            <a:spcBef>
              <a:spcPct val="0"/>
            </a:spcBef>
            <a:spcAft>
              <a:spcPct val="15000"/>
            </a:spcAft>
            <a:buChar char="••"/>
          </a:pPr>
          <a:r>
            <a:rPr lang="he-IL" sz="2000" b="1" kern="1200" baseline="0" dirty="0" smtClean="0">
              <a:latin typeface="Narkisim" panose="020E0502050101010101" pitchFamily="34" charset="-79"/>
              <a:cs typeface="Narkisim" panose="020E0502050101010101" pitchFamily="34" charset="-79"/>
            </a:rPr>
            <a:t> "נכבה" (</a:t>
          </a:r>
          <a:r>
            <a:rPr lang="he-IL" sz="2000" b="1" kern="1200" baseline="0" dirty="0" err="1" smtClean="0">
              <a:latin typeface="Narkisim" panose="020E0502050101010101" pitchFamily="34" charset="-79"/>
              <a:cs typeface="Narkisim" panose="020E0502050101010101" pitchFamily="34" charset="-79"/>
            </a:rPr>
            <a:t>48</a:t>
          </a:r>
          <a:r>
            <a:rPr lang="he-IL" sz="2000" b="1" kern="1200" baseline="0" dirty="0" smtClean="0">
              <a:latin typeface="Narkisim" panose="020E0502050101010101" pitchFamily="34" charset="-79"/>
              <a:cs typeface="Narkisim" panose="020E0502050101010101" pitchFamily="34" charset="-79"/>
            </a:rPr>
            <a:t>')</a:t>
          </a:r>
          <a:endParaRPr lang="he-IL" sz="2000" b="1" kern="1200" dirty="0">
            <a:latin typeface="Narkisim" panose="020E0502050101010101" pitchFamily="34" charset="-79"/>
            <a:cs typeface="Narkisim" panose="020E0502050101010101" pitchFamily="34" charset="-79"/>
          </a:endParaRPr>
        </a:p>
        <a:p>
          <a:pPr marL="228600" lvl="1" indent="-228600" algn="r" defTabSz="889000" rtl="1">
            <a:lnSpc>
              <a:spcPct val="90000"/>
            </a:lnSpc>
            <a:spcBef>
              <a:spcPct val="0"/>
            </a:spcBef>
            <a:spcAft>
              <a:spcPct val="15000"/>
            </a:spcAft>
            <a:buChar char="••"/>
          </a:pPr>
          <a:r>
            <a:rPr lang="he-IL" sz="2000" b="1" kern="1200" baseline="0" dirty="0" smtClean="0">
              <a:latin typeface="Narkisim" panose="020E0502050101010101" pitchFamily="34" charset="-79"/>
              <a:cs typeface="Narkisim" panose="020E0502050101010101" pitchFamily="34" charset="-79"/>
            </a:rPr>
            <a:t>"נכסה" (</a:t>
          </a:r>
          <a:r>
            <a:rPr lang="he-IL" sz="2000" b="1" kern="1200" baseline="0" dirty="0" err="1" smtClean="0">
              <a:latin typeface="Narkisim" panose="020E0502050101010101" pitchFamily="34" charset="-79"/>
              <a:cs typeface="Narkisim" panose="020E0502050101010101" pitchFamily="34" charset="-79"/>
            </a:rPr>
            <a:t>67</a:t>
          </a:r>
          <a:r>
            <a:rPr lang="he-IL" sz="2000" b="1" kern="1200" baseline="0" dirty="0" smtClean="0">
              <a:latin typeface="Narkisim" panose="020E0502050101010101" pitchFamily="34" charset="-79"/>
              <a:cs typeface="Narkisim" panose="020E0502050101010101" pitchFamily="34" charset="-79"/>
            </a:rPr>
            <a:t>') התנחלויות</a:t>
          </a:r>
          <a:endParaRPr lang="he-IL" sz="2000" b="1" kern="1200" dirty="0">
            <a:latin typeface="Narkisim" panose="020E0502050101010101" pitchFamily="34" charset="-79"/>
            <a:cs typeface="Narkisim" panose="020E0502050101010101" pitchFamily="34" charset="-79"/>
          </a:endParaRPr>
        </a:p>
        <a:p>
          <a:pPr marL="228600" lvl="1" indent="-228600" algn="r" defTabSz="889000" rtl="1">
            <a:lnSpc>
              <a:spcPct val="90000"/>
            </a:lnSpc>
            <a:spcBef>
              <a:spcPct val="0"/>
            </a:spcBef>
            <a:spcAft>
              <a:spcPct val="15000"/>
            </a:spcAft>
            <a:buChar char="••"/>
          </a:pPr>
          <a:r>
            <a:rPr lang="he-IL" sz="2000" b="1" kern="1200" dirty="0" err="1" smtClean="0">
              <a:latin typeface="Narkisim" panose="020E0502050101010101" pitchFamily="34" charset="-79"/>
              <a:cs typeface="Narkisim" panose="020E0502050101010101" pitchFamily="34" charset="-79"/>
            </a:rPr>
            <a:t>82</a:t>
          </a:r>
          <a:r>
            <a:rPr lang="he-IL" sz="2000" b="1" kern="1200" dirty="0" smtClean="0">
              <a:latin typeface="Narkisim" panose="020E0502050101010101" pitchFamily="34" charset="-79"/>
              <a:cs typeface="Narkisim" panose="020E0502050101010101" pitchFamily="34" charset="-79"/>
            </a:rPr>
            <a:t>'-</a:t>
          </a:r>
          <a:r>
            <a:rPr lang="he-IL" sz="2000" b="1" kern="1200" dirty="0" err="1" smtClean="0">
              <a:latin typeface="Narkisim" panose="020E0502050101010101" pitchFamily="34" charset="-79"/>
              <a:cs typeface="Narkisim" panose="020E0502050101010101" pitchFamily="34" charset="-79"/>
            </a:rPr>
            <a:t>68</a:t>
          </a:r>
          <a:r>
            <a:rPr lang="he-IL" sz="2000" b="1" kern="1200" dirty="0" smtClean="0">
              <a:latin typeface="Narkisim" panose="020E0502050101010101" pitchFamily="34" charset="-79"/>
              <a:cs typeface="Narkisim" panose="020E0502050101010101" pitchFamily="34" charset="-79"/>
            </a:rPr>
            <a:t>' מכרמה לתוניס</a:t>
          </a:r>
          <a:endParaRPr lang="he-IL" sz="2000" b="1" kern="1200" dirty="0">
            <a:latin typeface="Narkisim" panose="020E0502050101010101" pitchFamily="34" charset="-79"/>
            <a:cs typeface="Narkisim" panose="020E0502050101010101" pitchFamily="34" charset="-79"/>
          </a:endParaRPr>
        </a:p>
        <a:p>
          <a:pPr marL="228600" lvl="1" indent="-228600" algn="r" defTabSz="889000" rtl="1">
            <a:lnSpc>
              <a:spcPct val="90000"/>
            </a:lnSpc>
            <a:spcBef>
              <a:spcPct val="0"/>
            </a:spcBef>
            <a:spcAft>
              <a:spcPct val="15000"/>
            </a:spcAft>
            <a:buChar char="••"/>
          </a:pPr>
          <a:r>
            <a:rPr lang="he-IL" sz="2000" b="1" kern="1200" dirty="0" err="1" smtClean="0">
              <a:latin typeface="Narkisim" panose="020E0502050101010101" pitchFamily="34" charset="-79"/>
              <a:cs typeface="Narkisim" panose="020E0502050101010101" pitchFamily="34" charset="-79"/>
            </a:rPr>
            <a:t>אנתפאדה</a:t>
          </a:r>
          <a:r>
            <a:rPr lang="he-IL" sz="2000" b="1" kern="1200" dirty="0" smtClean="0">
              <a:latin typeface="Narkisim" panose="020E0502050101010101" pitchFamily="34" charset="-79"/>
              <a:cs typeface="Narkisim" panose="020E0502050101010101" pitchFamily="34" charset="-79"/>
            </a:rPr>
            <a:t> 1 ומדריד</a:t>
          </a:r>
          <a:endParaRPr lang="he-IL" sz="2000" b="1" kern="1200" dirty="0">
            <a:latin typeface="Narkisim" panose="020E0502050101010101" pitchFamily="34" charset="-79"/>
            <a:cs typeface="Narkisim" panose="020E0502050101010101" pitchFamily="34" charset="-79"/>
          </a:endParaRPr>
        </a:p>
        <a:p>
          <a:pPr marL="228600" lvl="1" indent="-228600" algn="r" defTabSz="889000" rtl="1">
            <a:lnSpc>
              <a:spcPct val="90000"/>
            </a:lnSpc>
            <a:spcBef>
              <a:spcPct val="0"/>
            </a:spcBef>
            <a:spcAft>
              <a:spcPct val="15000"/>
            </a:spcAft>
            <a:buChar char="••"/>
          </a:pPr>
          <a:r>
            <a:rPr lang="he-IL" sz="2000" b="1" kern="1200" dirty="0" smtClean="0">
              <a:latin typeface="Narkisim" panose="020E0502050101010101" pitchFamily="34" charset="-79"/>
              <a:cs typeface="Narkisim" panose="020E0502050101010101" pitchFamily="34" charset="-79"/>
            </a:rPr>
            <a:t>אוסלו </a:t>
          </a:r>
          <a:r>
            <a:rPr lang="he-IL" sz="2000" b="1" kern="1200" dirty="0" err="1" smtClean="0">
              <a:latin typeface="Narkisim" panose="020E0502050101010101" pitchFamily="34" charset="-79"/>
              <a:cs typeface="Narkisim" panose="020E0502050101010101" pitchFamily="34" charset="-79"/>
            </a:rPr>
            <a:t>ואנתפאדה</a:t>
          </a:r>
          <a:r>
            <a:rPr lang="he-IL" sz="2000" b="1" kern="1200" dirty="0" smtClean="0">
              <a:latin typeface="Narkisim" panose="020E0502050101010101" pitchFamily="34" charset="-79"/>
              <a:cs typeface="Narkisim" panose="020E0502050101010101" pitchFamily="34" charset="-79"/>
            </a:rPr>
            <a:t> 2 </a:t>
          </a:r>
          <a:endParaRPr lang="he-IL" sz="2000" b="1" kern="1200" dirty="0">
            <a:latin typeface="Narkisim" panose="020E0502050101010101" pitchFamily="34" charset="-79"/>
            <a:cs typeface="Narkisim" panose="020E0502050101010101" pitchFamily="34" charset="-79"/>
          </a:endParaRPr>
        </a:p>
        <a:p>
          <a:pPr marL="228600" lvl="1" indent="-228600" algn="r" defTabSz="889000" rtl="1">
            <a:lnSpc>
              <a:spcPct val="90000"/>
            </a:lnSpc>
            <a:spcBef>
              <a:spcPct val="0"/>
            </a:spcBef>
            <a:spcAft>
              <a:spcPct val="15000"/>
            </a:spcAft>
            <a:buChar char="••"/>
          </a:pPr>
          <a:r>
            <a:rPr lang="he-IL" sz="2000" b="1" kern="1200" dirty="0" smtClean="0">
              <a:latin typeface="Narkisim" panose="020E0502050101010101" pitchFamily="34" charset="-79"/>
              <a:cs typeface="Narkisim" panose="020E0502050101010101" pitchFamily="34" charset="-79"/>
            </a:rPr>
            <a:t>התנתקות </a:t>
          </a:r>
          <a:r>
            <a:rPr lang="he-IL" sz="2000" b="1" kern="1200" dirty="0" err="1" smtClean="0">
              <a:latin typeface="Narkisim" panose="020E0502050101010101" pitchFamily="34" charset="-79"/>
              <a:cs typeface="Narkisim" panose="020E0502050101010101" pitchFamily="34" charset="-79"/>
            </a:rPr>
            <a:t>וחמסטאן</a:t>
          </a:r>
          <a:endParaRPr lang="he-IL" sz="2000" b="1" kern="1200" dirty="0">
            <a:latin typeface="Narkisim" panose="020E0502050101010101" pitchFamily="34" charset="-79"/>
            <a:cs typeface="Narkisim" panose="020E0502050101010101" pitchFamily="34" charset="-79"/>
          </a:endParaRPr>
        </a:p>
        <a:p>
          <a:pPr marL="228600" lvl="1" indent="-228600" algn="r" defTabSz="889000" rtl="1">
            <a:lnSpc>
              <a:spcPct val="90000"/>
            </a:lnSpc>
            <a:spcBef>
              <a:spcPct val="0"/>
            </a:spcBef>
            <a:spcAft>
              <a:spcPct val="15000"/>
            </a:spcAft>
            <a:buChar char="••"/>
          </a:pPr>
          <a:r>
            <a:rPr lang="he-IL" sz="2000" b="1" kern="1200" dirty="0" smtClean="0">
              <a:latin typeface="Narkisim" panose="020E0502050101010101" pitchFamily="34" charset="-79"/>
              <a:cs typeface="Narkisim" panose="020E0502050101010101" pitchFamily="34" charset="-79"/>
            </a:rPr>
            <a:t>מבצעי עזה</a:t>
          </a:r>
          <a:endParaRPr lang="he-IL" sz="2000" b="1" kern="1200" dirty="0">
            <a:latin typeface="Narkisim" panose="020E0502050101010101" pitchFamily="34" charset="-79"/>
            <a:cs typeface="Narkisim" panose="020E0502050101010101" pitchFamily="34" charset="-79"/>
          </a:endParaRPr>
        </a:p>
        <a:p>
          <a:pPr marL="228600" lvl="1" indent="-228600" algn="r" defTabSz="889000" rtl="1">
            <a:lnSpc>
              <a:spcPct val="90000"/>
            </a:lnSpc>
            <a:spcBef>
              <a:spcPct val="0"/>
            </a:spcBef>
            <a:spcAft>
              <a:spcPct val="15000"/>
            </a:spcAft>
            <a:buChar char="••"/>
          </a:pPr>
          <a:endParaRPr lang="he-IL" sz="2000" b="1" kern="1200" dirty="0">
            <a:latin typeface="Narkisim" panose="020E0502050101010101" pitchFamily="34" charset="-79"/>
            <a:cs typeface="Narkisim" panose="020E0502050101010101" pitchFamily="34" charset="-79"/>
          </a:endParaRPr>
        </a:p>
        <a:p>
          <a:pPr marL="57150" lvl="1" indent="-57150" algn="r" defTabSz="488950" rtl="1">
            <a:lnSpc>
              <a:spcPct val="90000"/>
            </a:lnSpc>
            <a:spcBef>
              <a:spcPct val="0"/>
            </a:spcBef>
            <a:spcAft>
              <a:spcPct val="15000"/>
            </a:spcAft>
            <a:buChar char="••"/>
          </a:pPr>
          <a:endParaRPr lang="he-IL" sz="1100" kern="1200" dirty="0">
            <a:latin typeface="Narkisim" panose="020E0502050101010101" pitchFamily="34" charset="-79"/>
            <a:cs typeface="Narkisim" panose="020E0502050101010101" pitchFamily="34" charset="-79"/>
          </a:endParaRPr>
        </a:p>
      </dsp:txBody>
      <dsp:txXfrm>
        <a:off x="61289" y="3395743"/>
        <a:ext cx="2393771" cy="1969998"/>
      </dsp:txXfrm>
    </dsp:sp>
    <dsp:sp modelId="{82B624E3-60A0-46D8-B30F-2ED528C67E5E}">
      <dsp:nvSpPr>
        <dsp:cNvPr id="0" name=""/>
        <dsp:cNvSpPr/>
      </dsp:nvSpPr>
      <dsp:spPr>
        <a:xfrm>
          <a:off x="5667076" y="-432057"/>
          <a:ext cx="3393428" cy="2751434"/>
        </a:xfrm>
        <a:prstGeom prst="roundRect">
          <a:avLst>
            <a:gd name="adj" fmla="val 10000"/>
          </a:avLst>
        </a:prstGeom>
        <a:solidFill>
          <a:schemeClr val="lt1">
            <a:alpha val="90000"/>
            <a:hueOff val="0"/>
            <a:satOff val="0"/>
            <a:lumOff val="0"/>
            <a:alphaOff val="0"/>
          </a:schemeClr>
        </a:solidFill>
        <a:ln w="12700" cap="flat" cmpd="sng" algn="ctr">
          <a:solidFill>
            <a:schemeClr val="accen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60960" tIns="60960" rIns="60960" bIns="60960" numCol="1" spcCol="1270" anchor="t" anchorCtr="0">
          <a:noAutofit/>
        </a:bodyPr>
        <a:lstStyle/>
        <a:p>
          <a:pPr marL="171450" lvl="1" indent="-171450" algn="r" defTabSz="711200" rtl="1">
            <a:lnSpc>
              <a:spcPct val="90000"/>
            </a:lnSpc>
            <a:spcBef>
              <a:spcPct val="0"/>
            </a:spcBef>
            <a:spcAft>
              <a:spcPct val="15000"/>
            </a:spcAft>
            <a:buChar char="••"/>
          </a:pPr>
          <a:r>
            <a:rPr lang="he-IL" sz="1600" b="1" kern="1200" dirty="0" smtClean="0">
              <a:latin typeface="Narkisim" panose="020E0502050101010101" pitchFamily="34" charset="-79"/>
              <a:cs typeface="Narkisim" panose="020E0502050101010101" pitchFamily="34" charset="-79"/>
            </a:rPr>
            <a:t>מנדט וחלוקה</a:t>
          </a:r>
          <a:endParaRPr lang="he-IL" sz="1600" b="1" kern="1200" dirty="0">
            <a:latin typeface="Narkisim" panose="020E0502050101010101" pitchFamily="34" charset="-79"/>
            <a:cs typeface="Narkisim" panose="020E0502050101010101" pitchFamily="34" charset="-79"/>
          </a:endParaRPr>
        </a:p>
        <a:p>
          <a:pPr marL="171450" lvl="1" indent="-171450" algn="r" defTabSz="711200" rtl="1">
            <a:lnSpc>
              <a:spcPct val="90000"/>
            </a:lnSpc>
            <a:spcBef>
              <a:spcPct val="0"/>
            </a:spcBef>
            <a:spcAft>
              <a:spcPct val="15000"/>
            </a:spcAft>
            <a:buChar char="••"/>
          </a:pPr>
          <a:r>
            <a:rPr lang="he-IL" sz="1600" b="1" kern="1200" dirty="0" smtClean="0">
              <a:latin typeface="Narkisim" panose="020E0502050101010101" pitchFamily="34" charset="-79"/>
              <a:cs typeface="Narkisim" panose="020E0502050101010101" pitchFamily="34" charset="-79"/>
            </a:rPr>
            <a:t>"מלחמה קרה"</a:t>
          </a:r>
          <a:endParaRPr lang="he-IL" sz="1600" b="1" kern="1200" dirty="0">
            <a:latin typeface="Narkisim" panose="020E0502050101010101" pitchFamily="34" charset="-79"/>
            <a:cs typeface="Narkisim" panose="020E0502050101010101" pitchFamily="34" charset="-79"/>
          </a:endParaRPr>
        </a:p>
        <a:p>
          <a:pPr marL="171450" lvl="1" indent="-171450" algn="r" defTabSz="711200" rtl="1">
            <a:lnSpc>
              <a:spcPct val="90000"/>
            </a:lnSpc>
            <a:spcBef>
              <a:spcPct val="0"/>
            </a:spcBef>
            <a:spcAft>
              <a:spcPct val="15000"/>
            </a:spcAft>
            <a:buChar char="••"/>
          </a:pPr>
          <a:r>
            <a:rPr lang="he-IL" sz="1600" b="1" kern="1200" dirty="0" smtClean="0">
              <a:latin typeface="Narkisim" panose="020E0502050101010101" pitchFamily="34" charset="-79"/>
              <a:cs typeface="Narkisim" panose="020E0502050101010101" pitchFamily="34" charset="-79"/>
            </a:rPr>
            <a:t>התפרקות בריה"מ</a:t>
          </a:r>
          <a:endParaRPr lang="he-IL" sz="1600" b="1" kern="1200" dirty="0">
            <a:latin typeface="Narkisim" panose="020E0502050101010101" pitchFamily="34" charset="-79"/>
            <a:cs typeface="Narkisim" panose="020E0502050101010101" pitchFamily="34" charset="-79"/>
          </a:endParaRPr>
        </a:p>
        <a:p>
          <a:pPr marL="171450" lvl="1" indent="-171450" algn="r" defTabSz="711200" rtl="1">
            <a:lnSpc>
              <a:spcPct val="90000"/>
            </a:lnSpc>
            <a:spcBef>
              <a:spcPct val="0"/>
            </a:spcBef>
            <a:spcAft>
              <a:spcPct val="15000"/>
            </a:spcAft>
            <a:buChar char="••"/>
          </a:pPr>
          <a:r>
            <a:rPr lang="he-IL" sz="1600" b="1" kern="1200" dirty="0" smtClean="0">
              <a:latin typeface="Narkisim" panose="020E0502050101010101" pitchFamily="34" charset="-79"/>
              <a:cs typeface="Narkisim" panose="020E0502050101010101" pitchFamily="34" charset="-79"/>
            </a:rPr>
            <a:t>חסות למדריד</a:t>
          </a:r>
          <a:endParaRPr lang="he-IL" sz="1600" b="1" kern="1200" dirty="0">
            <a:latin typeface="Narkisim" panose="020E0502050101010101" pitchFamily="34" charset="-79"/>
            <a:cs typeface="Narkisim" panose="020E0502050101010101" pitchFamily="34" charset="-79"/>
          </a:endParaRPr>
        </a:p>
        <a:p>
          <a:pPr marL="171450" lvl="1" indent="-171450" algn="r" defTabSz="711200" rtl="1">
            <a:lnSpc>
              <a:spcPct val="90000"/>
            </a:lnSpc>
            <a:spcBef>
              <a:spcPct val="0"/>
            </a:spcBef>
            <a:spcAft>
              <a:spcPct val="15000"/>
            </a:spcAft>
            <a:buChar char="••"/>
          </a:pPr>
          <a:r>
            <a:rPr lang="he-IL" sz="1600" b="1" kern="1200" dirty="0" smtClean="0">
              <a:latin typeface="Narkisim" panose="020E0502050101010101" pitchFamily="34" charset="-79"/>
              <a:cs typeface="Narkisim" panose="020E0502050101010101" pitchFamily="34" charset="-79"/>
            </a:rPr>
            <a:t>בחירות, תנאי קוורטט</a:t>
          </a:r>
          <a:endParaRPr lang="he-IL" sz="1600" b="1" kern="1200" dirty="0">
            <a:latin typeface="Narkisim" panose="020E0502050101010101" pitchFamily="34" charset="-79"/>
            <a:cs typeface="Narkisim" panose="020E0502050101010101" pitchFamily="34" charset="-79"/>
          </a:endParaRPr>
        </a:p>
        <a:p>
          <a:pPr marL="171450" lvl="1" indent="-171450" algn="r" defTabSz="711200" rtl="1">
            <a:lnSpc>
              <a:spcPct val="90000"/>
            </a:lnSpc>
            <a:spcBef>
              <a:spcPct val="0"/>
            </a:spcBef>
            <a:spcAft>
              <a:spcPct val="15000"/>
            </a:spcAft>
            <a:buChar char="••"/>
          </a:pPr>
          <a:r>
            <a:rPr lang="he-IL" sz="1600" b="1" kern="1200" dirty="0" smtClean="0">
              <a:latin typeface="Narkisim" panose="020E0502050101010101" pitchFamily="34" charset="-79"/>
              <a:cs typeface="Narkisim" panose="020E0502050101010101" pitchFamily="34" charset="-79"/>
            </a:rPr>
            <a:t>רב-קוטביות ובינאום  (</a:t>
          </a:r>
          <a:r>
            <a:rPr lang="en-US" sz="1600" b="1" kern="1200" dirty="0" smtClean="0">
              <a:latin typeface="Narkisim" panose="020E0502050101010101" pitchFamily="34" charset="-79"/>
              <a:cs typeface="Narkisim" panose="020E0502050101010101" pitchFamily="34" charset="-79"/>
            </a:rPr>
            <a:t>NMS</a:t>
          </a:r>
          <a:r>
            <a:rPr lang="he-IL" sz="1600" b="1" kern="1200" dirty="0" smtClean="0">
              <a:latin typeface="Narkisim" panose="020E0502050101010101" pitchFamily="34" charset="-79"/>
              <a:cs typeface="Narkisim" panose="020E0502050101010101" pitchFamily="34" charset="-79"/>
            </a:rPr>
            <a:t>, וטו, </a:t>
          </a:r>
          <a:r>
            <a:rPr lang="he-IL" sz="1600" b="1" kern="1200" dirty="0" err="1" smtClean="0">
              <a:latin typeface="Narkisim" panose="020E0502050101010101" pitchFamily="34" charset="-79"/>
              <a:cs typeface="Narkisim" panose="020E0502050101010101" pitchFamily="34" charset="-79"/>
            </a:rPr>
            <a:t>גולדסטון</a:t>
          </a:r>
          <a:r>
            <a:rPr lang="he-IL" sz="1600" b="1" kern="1200" dirty="0" smtClean="0">
              <a:latin typeface="Narkisim" panose="020E0502050101010101" pitchFamily="34" charset="-79"/>
              <a:cs typeface="Narkisim" panose="020E0502050101010101" pitchFamily="34" charset="-79"/>
            </a:rPr>
            <a:t>) דה-לגיטימציה   וקשב מוגבל (קרים)</a:t>
          </a:r>
          <a:endParaRPr lang="he-IL" sz="1600" b="1" kern="1200" dirty="0">
            <a:latin typeface="Narkisim" panose="020E0502050101010101" pitchFamily="34" charset="-79"/>
            <a:cs typeface="Narkisim" panose="020E0502050101010101" pitchFamily="34" charset="-79"/>
          </a:endParaRPr>
        </a:p>
      </dsp:txBody>
      <dsp:txXfrm>
        <a:off x="6745545" y="-371617"/>
        <a:ext cx="2254520" cy="1942695"/>
      </dsp:txXfrm>
    </dsp:sp>
    <dsp:sp modelId="{A9B3929A-ED35-4A58-8563-1DFD697A382B}">
      <dsp:nvSpPr>
        <dsp:cNvPr id="0" name=""/>
        <dsp:cNvSpPr/>
      </dsp:nvSpPr>
      <dsp:spPr>
        <a:xfrm>
          <a:off x="50440" y="-450658"/>
          <a:ext cx="3451634" cy="2746241"/>
        </a:xfrm>
        <a:prstGeom prst="roundRect">
          <a:avLst>
            <a:gd name="adj" fmla="val 10000"/>
          </a:avLst>
        </a:prstGeom>
        <a:solidFill>
          <a:schemeClr val="lt1">
            <a:alpha val="90000"/>
            <a:hueOff val="0"/>
            <a:satOff val="0"/>
            <a:lumOff val="0"/>
            <a:alphaOff val="0"/>
          </a:schemeClr>
        </a:solidFill>
        <a:ln w="12700" cap="flat" cmpd="sng" algn="ctr">
          <a:solidFill>
            <a:schemeClr val="accen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60960" tIns="60960" rIns="60960" bIns="60960" numCol="1" spcCol="1270" anchor="t" anchorCtr="0">
          <a:noAutofit/>
        </a:bodyPr>
        <a:lstStyle/>
        <a:p>
          <a:pPr marL="171450" lvl="1" indent="-171450" algn="r" defTabSz="711200" rtl="1">
            <a:lnSpc>
              <a:spcPct val="90000"/>
            </a:lnSpc>
            <a:spcBef>
              <a:spcPct val="0"/>
            </a:spcBef>
            <a:spcAft>
              <a:spcPct val="15000"/>
            </a:spcAft>
            <a:buChar char="••"/>
          </a:pPr>
          <a:r>
            <a:rPr lang="he-IL" sz="1600" b="1" kern="1200" dirty="0" smtClean="0">
              <a:latin typeface="Narkisim" panose="020E0502050101010101" pitchFamily="34" charset="-79"/>
              <a:cs typeface="Narkisim" panose="020E0502050101010101" pitchFamily="34" charset="-79"/>
            </a:rPr>
            <a:t>מרד ערבי, מלחמות</a:t>
          </a:r>
          <a:endParaRPr lang="he-IL" sz="1600" b="1" kern="1200" dirty="0">
            <a:latin typeface="Narkisim" panose="020E0502050101010101" pitchFamily="34" charset="-79"/>
            <a:cs typeface="Narkisim" panose="020E0502050101010101" pitchFamily="34" charset="-79"/>
          </a:endParaRPr>
        </a:p>
        <a:p>
          <a:pPr marL="171450" lvl="1" indent="-171450" algn="r" defTabSz="711200" rtl="1">
            <a:lnSpc>
              <a:spcPct val="90000"/>
            </a:lnSpc>
            <a:spcBef>
              <a:spcPct val="0"/>
            </a:spcBef>
            <a:spcAft>
              <a:spcPct val="15000"/>
            </a:spcAft>
            <a:buChar char="••"/>
          </a:pPr>
          <a:r>
            <a:rPr lang="he-IL" sz="1600" b="1" kern="1200" dirty="0" err="1" smtClean="0">
              <a:latin typeface="Narkisim" panose="020E0502050101010101" pitchFamily="34" charset="-79"/>
              <a:cs typeface="Narkisim" panose="020E0502050101010101" pitchFamily="34" charset="-79"/>
            </a:rPr>
            <a:t>אש"פ</a:t>
          </a:r>
          <a:r>
            <a:rPr lang="he-IL" sz="1600" b="1" kern="1200" dirty="0" smtClean="0">
              <a:latin typeface="Narkisim" panose="020E0502050101010101" pitchFamily="34" charset="-79"/>
              <a:cs typeface="Narkisim" panose="020E0502050101010101" pitchFamily="34" charset="-79"/>
            </a:rPr>
            <a:t>, </a:t>
          </a:r>
          <a:r>
            <a:rPr lang="he-IL" sz="1600" b="1" kern="1200" dirty="0" err="1" smtClean="0">
              <a:latin typeface="Narkisim" panose="020E0502050101010101" pitchFamily="34" charset="-79"/>
              <a:cs typeface="Narkisim" panose="020E0502050101010101" pitchFamily="34" charset="-79"/>
            </a:rPr>
            <a:t>ספט</a:t>
          </a:r>
          <a:r>
            <a:rPr lang="he-IL" sz="1600" b="1" kern="1200" dirty="0" smtClean="0">
              <a:latin typeface="Narkisim" panose="020E0502050101010101" pitchFamily="34" charset="-79"/>
              <a:cs typeface="Narkisim" panose="020E0502050101010101" pitchFamily="34" charset="-79"/>
            </a:rPr>
            <a:t>' השחור, פתח-לנד ותוניס</a:t>
          </a:r>
          <a:endParaRPr lang="he-IL" sz="1600" b="1" kern="1200" dirty="0">
            <a:latin typeface="Narkisim" panose="020E0502050101010101" pitchFamily="34" charset="-79"/>
            <a:cs typeface="Narkisim" panose="020E0502050101010101" pitchFamily="34" charset="-79"/>
          </a:endParaRPr>
        </a:p>
        <a:p>
          <a:pPr marL="171450" lvl="1" indent="-171450" algn="r" defTabSz="711200" rtl="1">
            <a:lnSpc>
              <a:spcPct val="90000"/>
            </a:lnSpc>
            <a:spcBef>
              <a:spcPct val="0"/>
            </a:spcBef>
            <a:spcAft>
              <a:spcPct val="15000"/>
            </a:spcAft>
            <a:buChar char="••"/>
          </a:pPr>
          <a:r>
            <a:rPr lang="he-IL" sz="1600" b="1" kern="1200" dirty="0" smtClean="0">
              <a:latin typeface="Narkisim" panose="020E0502050101010101" pitchFamily="34" charset="-79"/>
              <a:cs typeface="Narkisim" panose="020E0502050101010101" pitchFamily="34" charset="-79"/>
            </a:rPr>
            <a:t>מלחמת המפרץ</a:t>
          </a:r>
          <a:endParaRPr lang="he-IL" sz="1600" b="1" kern="1200" dirty="0">
            <a:latin typeface="Narkisim" panose="020E0502050101010101" pitchFamily="34" charset="-79"/>
            <a:cs typeface="Narkisim" panose="020E0502050101010101" pitchFamily="34" charset="-79"/>
          </a:endParaRPr>
        </a:p>
        <a:p>
          <a:pPr marL="171450" lvl="1" indent="-171450" algn="r" defTabSz="711200" rtl="1">
            <a:lnSpc>
              <a:spcPct val="90000"/>
            </a:lnSpc>
            <a:spcBef>
              <a:spcPct val="0"/>
            </a:spcBef>
            <a:spcAft>
              <a:spcPct val="15000"/>
            </a:spcAft>
            <a:buChar char="••"/>
          </a:pPr>
          <a:r>
            <a:rPr lang="he-IL" sz="1600" b="1" kern="1200" dirty="0" smtClean="0">
              <a:latin typeface="Narkisim" panose="020E0502050101010101" pitchFamily="34" charset="-79"/>
              <a:cs typeface="Narkisim" panose="020E0502050101010101" pitchFamily="34" charset="-79"/>
            </a:rPr>
            <a:t>שלום מצרים וירדן</a:t>
          </a:r>
          <a:endParaRPr lang="he-IL" sz="1600" b="1" kern="1200" dirty="0">
            <a:latin typeface="Narkisim" panose="020E0502050101010101" pitchFamily="34" charset="-79"/>
            <a:cs typeface="Narkisim" panose="020E0502050101010101" pitchFamily="34" charset="-79"/>
          </a:endParaRPr>
        </a:p>
        <a:p>
          <a:pPr marL="171450" lvl="1" indent="-171450" algn="r" defTabSz="711200" rtl="1">
            <a:lnSpc>
              <a:spcPct val="90000"/>
            </a:lnSpc>
            <a:spcBef>
              <a:spcPct val="0"/>
            </a:spcBef>
            <a:spcAft>
              <a:spcPct val="15000"/>
            </a:spcAft>
            <a:buChar char="••"/>
          </a:pPr>
          <a:r>
            <a:rPr lang="he-IL" sz="1600" b="1" kern="1200" dirty="0" smtClean="0">
              <a:latin typeface="Narkisim" panose="020E0502050101010101" pitchFamily="34" charset="-79"/>
              <a:cs typeface="Narkisim" panose="020E0502050101010101" pitchFamily="34" charset="-79"/>
            </a:rPr>
            <a:t>ציר רדיקאלי מול מתון</a:t>
          </a:r>
          <a:endParaRPr lang="he-IL" sz="1600" b="1" kern="1200" dirty="0">
            <a:latin typeface="Narkisim" panose="020E0502050101010101" pitchFamily="34" charset="-79"/>
            <a:cs typeface="Narkisim" panose="020E0502050101010101" pitchFamily="34" charset="-79"/>
          </a:endParaRPr>
        </a:p>
        <a:p>
          <a:pPr marL="171450" lvl="1" indent="-171450" algn="r" defTabSz="711200" rtl="1">
            <a:lnSpc>
              <a:spcPct val="90000"/>
            </a:lnSpc>
            <a:spcBef>
              <a:spcPct val="0"/>
            </a:spcBef>
            <a:spcAft>
              <a:spcPct val="15000"/>
            </a:spcAft>
            <a:buChar char="••"/>
          </a:pPr>
          <a:r>
            <a:rPr lang="he-IL" sz="1600" b="1" kern="1200" dirty="0" smtClean="0">
              <a:latin typeface="Narkisim" panose="020E0502050101010101" pitchFamily="34" charset="-79"/>
              <a:cs typeface="Narkisim" panose="020E0502050101010101" pitchFamily="34" charset="-79"/>
            </a:rPr>
            <a:t>התנתקות ירדן מהגדה</a:t>
          </a:r>
          <a:endParaRPr lang="he-IL" sz="1600" b="1" kern="1200" dirty="0">
            <a:latin typeface="Narkisim" panose="020E0502050101010101" pitchFamily="34" charset="-79"/>
            <a:cs typeface="Narkisim" panose="020E0502050101010101" pitchFamily="34" charset="-79"/>
          </a:endParaRPr>
        </a:p>
        <a:p>
          <a:pPr marL="171450" lvl="1" indent="-171450" algn="r" defTabSz="711200" rtl="1">
            <a:lnSpc>
              <a:spcPct val="90000"/>
            </a:lnSpc>
            <a:spcBef>
              <a:spcPct val="0"/>
            </a:spcBef>
            <a:spcAft>
              <a:spcPct val="15000"/>
            </a:spcAft>
            <a:buChar char="••"/>
          </a:pPr>
          <a:r>
            <a:rPr lang="he-IL" sz="1600" b="1" kern="1200" dirty="0" smtClean="0">
              <a:latin typeface="Narkisim" panose="020E0502050101010101" pitchFamily="34" charset="-79"/>
              <a:cs typeface="Narkisim" panose="020E0502050101010101" pitchFamily="34" charset="-79"/>
            </a:rPr>
            <a:t>חסות, יוזמה ערבית</a:t>
          </a:r>
          <a:endParaRPr lang="he-IL" sz="1600" b="1" kern="1200" dirty="0">
            <a:latin typeface="Narkisim" panose="020E0502050101010101" pitchFamily="34" charset="-79"/>
            <a:cs typeface="Narkisim" panose="020E0502050101010101" pitchFamily="34" charset="-79"/>
          </a:endParaRPr>
        </a:p>
        <a:p>
          <a:pPr marL="171450" lvl="1" indent="-171450" algn="r" defTabSz="711200" rtl="1">
            <a:lnSpc>
              <a:spcPct val="90000"/>
            </a:lnSpc>
            <a:spcBef>
              <a:spcPct val="0"/>
            </a:spcBef>
            <a:spcAft>
              <a:spcPct val="15000"/>
            </a:spcAft>
            <a:buChar char="••"/>
          </a:pPr>
          <a:r>
            <a:rPr lang="he-IL" sz="1600" b="1" kern="1200" dirty="0" smtClean="0">
              <a:latin typeface="Narkisim" panose="020E0502050101010101" pitchFamily="34" charset="-79"/>
              <a:cs typeface="Narkisim" panose="020E0502050101010101" pitchFamily="34" charset="-79"/>
            </a:rPr>
            <a:t>  הטלטלה ("</a:t>
          </a:r>
          <a:r>
            <a:rPr lang="en-US" sz="1600" b="1" kern="1200" dirty="0" smtClean="0">
              <a:latin typeface="Narkisim" panose="020E0502050101010101" pitchFamily="34" charset="-79"/>
              <a:cs typeface="Narkisim" panose="020E0502050101010101" pitchFamily="34" charset="-79"/>
            </a:rPr>
            <a:t>ISISI</a:t>
          </a:r>
          <a:r>
            <a:rPr lang="he-IL" sz="1600" b="1" kern="1200" dirty="0" smtClean="0">
              <a:latin typeface="Narkisim" panose="020E0502050101010101" pitchFamily="34" charset="-79"/>
              <a:cs typeface="Narkisim" panose="020E0502050101010101" pitchFamily="34" charset="-79"/>
            </a:rPr>
            <a:t>")  </a:t>
          </a:r>
          <a:endParaRPr lang="he-IL" sz="1600" b="1" kern="1200" dirty="0">
            <a:latin typeface="Narkisim" panose="020E0502050101010101" pitchFamily="34" charset="-79"/>
            <a:cs typeface="Narkisim" panose="020E0502050101010101" pitchFamily="34" charset="-79"/>
          </a:endParaRPr>
        </a:p>
      </dsp:txBody>
      <dsp:txXfrm>
        <a:off x="110766" y="-390332"/>
        <a:ext cx="2295491" cy="1939028"/>
      </dsp:txXfrm>
    </dsp:sp>
    <dsp:sp modelId="{28360F4B-FD6A-45B5-B62B-3CDAE2312BEB}">
      <dsp:nvSpPr>
        <dsp:cNvPr id="0" name=""/>
        <dsp:cNvSpPr/>
      </dsp:nvSpPr>
      <dsp:spPr>
        <a:xfrm>
          <a:off x="2004550" y="121674"/>
          <a:ext cx="2509493" cy="2509493"/>
        </a:xfrm>
        <a:prstGeom prst="pieWedge">
          <a:avLst/>
        </a:prstGeom>
        <a:solidFill>
          <a:schemeClr val="accent2">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42240" tIns="142240" rIns="142240" bIns="142240" numCol="1" spcCol="1270" anchor="ctr" anchorCtr="0">
          <a:noAutofit/>
        </a:bodyPr>
        <a:lstStyle/>
        <a:p>
          <a:pPr lvl="0" algn="ctr" defTabSz="889000" rtl="1">
            <a:lnSpc>
              <a:spcPct val="90000"/>
            </a:lnSpc>
            <a:spcBef>
              <a:spcPct val="0"/>
            </a:spcBef>
            <a:spcAft>
              <a:spcPct val="35000"/>
            </a:spcAft>
          </a:pPr>
          <a:r>
            <a:rPr lang="he-IL" sz="2000" b="1" kern="1200" dirty="0" smtClean="0">
              <a:solidFill>
                <a:srgbClr val="002060"/>
              </a:solidFill>
              <a:latin typeface="Narkisim" panose="020E0502050101010101" pitchFamily="34" charset="-79"/>
              <a:cs typeface="Narkisim" panose="020E0502050101010101" pitchFamily="34" charset="-79"/>
            </a:rPr>
            <a:t>זירה אזורית מחבלת ומסרבלת</a:t>
          </a:r>
        </a:p>
      </dsp:txBody>
      <dsp:txXfrm>
        <a:off x="2739563" y="856687"/>
        <a:ext cx="1774480" cy="1774480"/>
      </dsp:txXfrm>
    </dsp:sp>
    <dsp:sp modelId="{D1B8DEF2-65AD-4B46-9F97-FCC145CC4237}">
      <dsp:nvSpPr>
        <dsp:cNvPr id="0" name=""/>
        <dsp:cNvSpPr/>
      </dsp:nvSpPr>
      <dsp:spPr>
        <a:xfrm rot="5400000">
          <a:off x="4629955" y="121674"/>
          <a:ext cx="2509493" cy="2509493"/>
        </a:xfrm>
        <a:prstGeom prst="pieWedge">
          <a:avLst/>
        </a:prstGeom>
        <a:solidFill>
          <a:schemeClr val="accent2">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42240" tIns="142240" rIns="142240" bIns="142240" numCol="1" spcCol="1270" anchor="ctr" anchorCtr="0">
          <a:noAutofit/>
        </a:bodyPr>
        <a:lstStyle/>
        <a:p>
          <a:pPr lvl="0" algn="ctr" defTabSz="889000" rtl="1">
            <a:lnSpc>
              <a:spcPct val="90000"/>
            </a:lnSpc>
            <a:spcBef>
              <a:spcPct val="0"/>
            </a:spcBef>
            <a:spcAft>
              <a:spcPct val="35000"/>
            </a:spcAft>
          </a:pPr>
          <a:r>
            <a:rPr lang="he-IL" sz="2000" b="1" kern="1200" dirty="0" smtClean="0">
              <a:solidFill>
                <a:srgbClr val="002060"/>
              </a:solidFill>
              <a:latin typeface="Narkisim" panose="020E0502050101010101" pitchFamily="34" charset="-79"/>
              <a:cs typeface="Narkisim" panose="020E0502050101010101" pitchFamily="34" charset="-79"/>
            </a:rPr>
            <a:t>זירה בינ"ל מסובכת ומסבכת</a:t>
          </a:r>
          <a:endParaRPr lang="he-IL" sz="2000" b="1" kern="1200" dirty="0">
            <a:solidFill>
              <a:srgbClr val="002060"/>
            </a:solidFill>
            <a:latin typeface="Narkisim" panose="020E0502050101010101" pitchFamily="34" charset="-79"/>
            <a:cs typeface="Narkisim" panose="020E0502050101010101" pitchFamily="34" charset="-79"/>
          </a:endParaRPr>
        </a:p>
      </dsp:txBody>
      <dsp:txXfrm rot="-5400000">
        <a:off x="4629955" y="856687"/>
        <a:ext cx="1774480" cy="1774480"/>
      </dsp:txXfrm>
    </dsp:sp>
    <dsp:sp modelId="{BD2D94E8-21B4-4B48-B1F5-D7E255F92853}">
      <dsp:nvSpPr>
        <dsp:cNvPr id="0" name=""/>
        <dsp:cNvSpPr/>
      </dsp:nvSpPr>
      <dsp:spPr>
        <a:xfrm rot="10800000">
          <a:off x="4644009" y="2738824"/>
          <a:ext cx="2509493" cy="2509493"/>
        </a:xfrm>
        <a:prstGeom prst="pieWedge">
          <a:avLst/>
        </a:prstGeom>
        <a:solidFill>
          <a:schemeClr val="accent2">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42240" tIns="142240" rIns="142240" bIns="142240" numCol="1" spcCol="1270" anchor="ctr" anchorCtr="0">
          <a:noAutofit/>
        </a:bodyPr>
        <a:lstStyle/>
        <a:p>
          <a:pPr lvl="0" algn="ctr" defTabSz="889000" rtl="1">
            <a:lnSpc>
              <a:spcPct val="90000"/>
            </a:lnSpc>
            <a:spcBef>
              <a:spcPct val="0"/>
            </a:spcBef>
            <a:spcAft>
              <a:spcPct val="35000"/>
            </a:spcAft>
          </a:pPr>
          <a:r>
            <a:rPr lang="he-IL" sz="2000" b="1" kern="1200" dirty="0" smtClean="0">
              <a:solidFill>
                <a:srgbClr val="002060"/>
              </a:solidFill>
              <a:latin typeface="Narkisim" panose="020E0502050101010101" pitchFamily="34" charset="-79"/>
              <a:cs typeface="Narkisim" panose="020E0502050101010101" pitchFamily="34" charset="-79"/>
            </a:rPr>
            <a:t>הזירה הפנימית מסוכסכת ומפוצלת</a:t>
          </a:r>
        </a:p>
      </dsp:txBody>
      <dsp:txXfrm rot="10800000">
        <a:off x="4644009" y="2738824"/>
        <a:ext cx="1774480" cy="1774480"/>
      </dsp:txXfrm>
    </dsp:sp>
    <dsp:sp modelId="{1CEDA07C-E53E-47D1-89C9-6A3ADC07D9DB}">
      <dsp:nvSpPr>
        <dsp:cNvPr id="0" name=""/>
        <dsp:cNvSpPr/>
      </dsp:nvSpPr>
      <dsp:spPr>
        <a:xfrm rot="16200000">
          <a:off x="2004550" y="2747080"/>
          <a:ext cx="2509493" cy="2509493"/>
        </a:xfrm>
        <a:prstGeom prst="pieWedge">
          <a:avLst/>
        </a:prstGeom>
        <a:solidFill>
          <a:schemeClr val="accent2">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a:schemeClr val="lt1"/>
        </a:fontRef>
      </dsp:style>
      <dsp:txBody>
        <a:bodyPr spcFirstLastPara="0" vert="horz" wrap="square" lIns="142240" tIns="142240" rIns="142240" bIns="142240" numCol="1" spcCol="1270" anchor="ctr" anchorCtr="0">
          <a:noAutofit/>
        </a:bodyPr>
        <a:lstStyle/>
        <a:p>
          <a:pPr lvl="0" algn="ctr" defTabSz="889000" rtl="1">
            <a:lnSpc>
              <a:spcPct val="90000"/>
            </a:lnSpc>
            <a:spcBef>
              <a:spcPct val="0"/>
            </a:spcBef>
            <a:spcAft>
              <a:spcPct val="35000"/>
            </a:spcAft>
          </a:pPr>
          <a:r>
            <a:rPr lang="he-IL" sz="2000" b="1" kern="1200" dirty="0" smtClean="0">
              <a:latin typeface="Narkisim" panose="020E0502050101010101" pitchFamily="34" charset="-79"/>
              <a:cs typeface="Narkisim" panose="020E0502050101010101" pitchFamily="34" charset="-79"/>
            </a:rPr>
            <a:t>ישראל כובשת, משגשגת ומסכלת</a:t>
          </a:r>
        </a:p>
      </dsp:txBody>
      <dsp:txXfrm rot="5400000">
        <a:off x="2739563" y="2747080"/>
        <a:ext cx="1774480" cy="1774480"/>
      </dsp:txXfrm>
    </dsp:sp>
    <dsp:sp modelId="{84847BAA-3AA5-4E61-A5D3-1180C5BB345C}">
      <dsp:nvSpPr>
        <dsp:cNvPr id="0" name=""/>
        <dsp:cNvSpPr/>
      </dsp:nvSpPr>
      <dsp:spPr>
        <a:xfrm>
          <a:off x="4139953" y="2381028"/>
          <a:ext cx="864093" cy="753427"/>
        </a:xfrm>
        <a:prstGeom prst="circularArrow">
          <a:avLst/>
        </a:prstGeom>
        <a:solidFill>
          <a:schemeClr val="accent2">
            <a:tint val="60000"/>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dsp:style>
    </dsp:sp>
    <dsp:sp modelId="{C09E6F09-A72E-4AA4-9B7C-F6FEBF8F05CB}">
      <dsp:nvSpPr>
        <dsp:cNvPr id="0" name=""/>
        <dsp:cNvSpPr/>
      </dsp:nvSpPr>
      <dsp:spPr>
        <a:xfrm rot="10800000">
          <a:off x="4138779" y="2670808"/>
          <a:ext cx="866441" cy="753427"/>
        </a:xfrm>
        <a:prstGeom prst="circularArrow">
          <a:avLst/>
        </a:prstGeom>
        <a:solidFill>
          <a:schemeClr val="accent2">
            <a:tint val="60000"/>
            <a:hueOff val="0"/>
            <a:satOff val="0"/>
            <a:lumOff val="0"/>
            <a:alphaOff val="0"/>
          </a:schemeClr>
        </a:solidFill>
        <a:ln w="19050" cap="flat" cmpd="sng" algn="ctr">
          <a:solidFill>
            <a:schemeClr val="lt1">
              <a:hueOff val="0"/>
              <a:satOff val="0"/>
              <a:lumOff val="0"/>
              <a:alphaOff val="0"/>
            </a:schemeClr>
          </a:solidFill>
          <a:prstDash val="solid"/>
          <a:miter lim="800000"/>
        </a:ln>
        <a:effectLst/>
      </dsp:spPr>
      <dsp:style>
        <a:lnRef idx="3">
          <a:scrgbClr r="0" g="0" b="0"/>
        </a:lnRef>
        <a:fillRef idx="1">
          <a:scrgbClr r="0" g="0" b="0"/>
        </a:fillRef>
        <a:effectRef idx="1">
          <a:scrgbClr r="0" g="0" b="0"/>
        </a:effectRef>
        <a:fontRef idx="minor"/>
      </dsp:style>
    </dsp:sp>
  </dsp:spTree>
</dsp:drawing>
</file>

<file path=ppt/diagrams/drawing1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C2A0EE4-3ACA-49BC-BA39-7EBAA763F96E}">
      <dsp:nvSpPr>
        <dsp:cNvPr id="0" name=""/>
        <dsp:cNvSpPr/>
      </dsp:nvSpPr>
      <dsp:spPr>
        <a:xfrm>
          <a:off x="966" y="681245"/>
          <a:ext cx="3770926" cy="2262556"/>
        </a:xfrm>
        <a:prstGeom prst="rect">
          <a:avLst/>
        </a:prstGeom>
        <a:solidFill>
          <a:srgbClr val="0070C0"/>
        </a:solidFill>
        <a:ln w="12700" cap="flat" cmpd="sng" algn="ctr">
          <a:noFill/>
          <a:prstDash val="solid"/>
          <a:miter lim="800000"/>
        </a:ln>
        <a:effectLst>
          <a:outerShdw blurRad="44450" dist="27940" dir="5400000" algn="ctr" rotWithShape="0">
            <a:srgbClr val="000000">
              <a:alpha val="32000"/>
            </a:srgbClr>
          </a:outerShdw>
        </a:effectLst>
        <a:scene3d>
          <a:camera prst="orthographicFront">
            <a:rot lat="0" lon="0" rev="0"/>
          </a:camera>
          <a:lightRig rig="balanced" dir="t">
            <a:rot lat="0" lon="0" rev="8700000"/>
          </a:lightRig>
        </a:scene3d>
        <a:sp3d>
          <a:bevelT w="190500" h="38100"/>
        </a:sp3d>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lvl="0" algn="ctr" defTabSz="800100" rtl="1">
            <a:lnSpc>
              <a:spcPct val="90000"/>
            </a:lnSpc>
            <a:spcBef>
              <a:spcPct val="0"/>
            </a:spcBef>
            <a:spcAft>
              <a:spcPct val="35000"/>
            </a:spcAft>
          </a:pPr>
          <a:endParaRPr lang="he-IL" sz="1800" kern="1200" dirty="0" smtClean="0"/>
        </a:p>
        <a:p>
          <a:pPr lvl="0" algn="ctr" defTabSz="800100" rtl="1">
            <a:lnSpc>
              <a:spcPct val="90000"/>
            </a:lnSpc>
            <a:spcBef>
              <a:spcPct val="0"/>
            </a:spcBef>
            <a:spcAft>
              <a:spcPct val="35000"/>
            </a:spcAft>
          </a:pPr>
          <a:r>
            <a:rPr lang="he-IL" sz="4000" b="1" kern="1200" dirty="0" smtClean="0">
              <a:latin typeface="Narkisim" panose="020E0502050101010101" pitchFamily="34" charset="-79"/>
              <a:cs typeface="Narkisim" panose="020E0502050101010101" pitchFamily="34" charset="-79"/>
            </a:rPr>
            <a:t>המאבק המדיני</a:t>
          </a:r>
        </a:p>
        <a:p>
          <a:pPr lvl="0" algn="ctr" defTabSz="800100" rtl="1">
            <a:lnSpc>
              <a:spcPct val="90000"/>
            </a:lnSpc>
            <a:spcBef>
              <a:spcPct val="0"/>
            </a:spcBef>
            <a:spcAft>
              <a:spcPct val="35000"/>
            </a:spcAft>
          </a:pPr>
          <a:r>
            <a:rPr lang="he-IL" sz="1800" kern="1200" dirty="0" smtClean="0">
              <a:latin typeface="Narkisim" panose="020E0502050101010101" pitchFamily="34" charset="-79"/>
              <a:cs typeface="Narkisim" panose="020E0502050101010101" pitchFamily="34" charset="-79"/>
            </a:rPr>
            <a:t>הסדר (שלבי, מלא), </a:t>
          </a:r>
          <a:r>
            <a:rPr lang="he-IL" sz="1800" kern="1200" dirty="0" err="1" smtClean="0">
              <a:latin typeface="Narkisim" panose="020E0502050101010101" pitchFamily="34" charset="-79"/>
              <a:cs typeface="Narkisim" panose="020E0502050101010101" pitchFamily="34" charset="-79"/>
            </a:rPr>
            <a:t>פיאדיזם</a:t>
          </a:r>
          <a:r>
            <a:rPr lang="he-IL" sz="1800" kern="1200" dirty="0" smtClean="0">
              <a:latin typeface="Narkisim" panose="020E0502050101010101" pitchFamily="34" charset="-79"/>
              <a:cs typeface="Narkisim" panose="020E0502050101010101" pitchFamily="34" charset="-79"/>
            </a:rPr>
            <a:t> (</a:t>
          </a:r>
          <a:r>
            <a:rPr lang="en-US" sz="1800" kern="1200" dirty="0" smtClean="0">
              <a:latin typeface="Narkisim" panose="020E0502050101010101" pitchFamily="34" charset="-79"/>
              <a:cs typeface="Narkisim" panose="020E0502050101010101" pitchFamily="34" charset="-79"/>
            </a:rPr>
            <a:t>B.U</a:t>
          </a:r>
          <a:r>
            <a:rPr lang="he-IL" sz="1800" kern="1200" dirty="0" smtClean="0">
              <a:latin typeface="Narkisim" panose="020E0502050101010101" pitchFamily="34" charset="-79"/>
              <a:cs typeface="Narkisim" panose="020E0502050101010101" pitchFamily="34" charset="-79"/>
            </a:rPr>
            <a:t>),</a:t>
          </a:r>
          <a:r>
            <a:rPr lang="en-US" sz="1800" kern="1200" dirty="0" smtClean="0">
              <a:latin typeface="Narkisim" panose="020E0502050101010101" pitchFamily="34" charset="-79"/>
              <a:cs typeface="Narkisim" panose="020E0502050101010101" pitchFamily="34" charset="-79"/>
            </a:rPr>
            <a:t> </a:t>
          </a:r>
          <a:endParaRPr lang="he-IL" sz="1800" kern="1200" dirty="0" smtClean="0">
            <a:latin typeface="Narkisim" panose="020E0502050101010101" pitchFamily="34" charset="-79"/>
            <a:cs typeface="Narkisim" panose="020E0502050101010101" pitchFamily="34" charset="-79"/>
          </a:endParaRPr>
        </a:p>
        <a:p>
          <a:pPr lvl="0" algn="ctr" defTabSz="800100" rtl="1">
            <a:lnSpc>
              <a:spcPct val="90000"/>
            </a:lnSpc>
            <a:spcBef>
              <a:spcPct val="0"/>
            </a:spcBef>
            <a:spcAft>
              <a:spcPct val="35000"/>
            </a:spcAft>
          </a:pPr>
          <a:r>
            <a:rPr lang="he-IL" sz="1800" kern="1200" dirty="0" smtClean="0">
              <a:latin typeface="Narkisim" panose="020E0502050101010101" pitchFamily="34" charset="-79"/>
              <a:cs typeface="Narkisim" panose="020E0502050101010101" pitchFamily="34" charset="-79"/>
            </a:rPr>
            <a:t>הסדרה ללא הכרה, חד צדדי, דו-לאומי</a:t>
          </a:r>
        </a:p>
        <a:p>
          <a:pPr lvl="0" algn="ctr" defTabSz="800100" rtl="1">
            <a:lnSpc>
              <a:spcPct val="90000"/>
            </a:lnSpc>
            <a:spcBef>
              <a:spcPct val="0"/>
            </a:spcBef>
            <a:spcAft>
              <a:spcPct val="35000"/>
            </a:spcAft>
          </a:pPr>
          <a:endParaRPr lang="he-IL" sz="1800" kern="1200" dirty="0"/>
        </a:p>
      </dsp:txBody>
      <dsp:txXfrm>
        <a:off x="966" y="681245"/>
        <a:ext cx="3770926" cy="2262556"/>
      </dsp:txXfrm>
    </dsp:sp>
    <dsp:sp modelId="{8349B4B0-C638-4CCD-B2A5-2119F04899C4}">
      <dsp:nvSpPr>
        <dsp:cNvPr id="0" name=""/>
        <dsp:cNvSpPr/>
      </dsp:nvSpPr>
      <dsp:spPr>
        <a:xfrm>
          <a:off x="4148986" y="681245"/>
          <a:ext cx="3770926" cy="2262556"/>
        </a:xfrm>
        <a:prstGeom prst="rect">
          <a:avLst/>
        </a:prstGeom>
        <a:solidFill>
          <a:srgbClr val="0070C0"/>
        </a:solidFill>
        <a:ln w="12700" cap="flat" cmpd="sng" algn="ctr">
          <a:noFill/>
          <a:prstDash val="solid"/>
          <a:miter lim="800000"/>
        </a:ln>
        <a:effectLst>
          <a:outerShdw blurRad="44450" dist="27940" dir="5400000" algn="ctr" rotWithShape="0">
            <a:srgbClr val="000000">
              <a:alpha val="32000"/>
            </a:srgbClr>
          </a:outerShdw>
        </a:effectLst>
        <a:scene3d>
          <a:camera prst="orthographicFront">
            <a:rot lat="0" lon="0" rev="0"/>
          </a:camera>
          <a:lightRig rig="balanced" dir="t">
            <a:rot lat="0" lon="0" rev="8700000"/>
          </a:lightRig>
        </a:scene3d>
        <a:sp3d>
          <a:bevelT w="190500" h="38100"/>
        </a:sp3d>
      </dsp:spPr>
      <dsp:style>
        <a:lnRef idx="2">
          <a:scrgbClr r="0" g="0" b="0"/>
        </a:lnRef>
        <a:fillRef idx="1">
          <a:scrgbClr r="0" g="0" b="0"/>
        </a:fillRef>
        <a:effectRef idx="0">
          <a:scrgbClr r="0" g="0" b="0"/>
        </a:effectRef>
        <a:fontRef idx="minor">
          <a:schemeClr val="lt1"/>
        </a:fontRef>
      </dsp:style>
      <dsp:txBody>
        <a:bodyPr spcFirstLastPara="0" vert="horz" wrap="square" lIns="152400" tIns="152400" rIns="152400" bIns="152400" numCol="1" spcCol="1270" anchor="ctr" anchorCtr="0">
          <a:noAutofit/>
        </a:bodyPr>
        <a:lstStyle/>
        <a:p>
          <a:pPr lvl="0" algn="ctr" defTabSz="1778000" rtl="1">
            <a:lnSpc>
              <a:spcPct val="90000"/>
            </a:lnSpc>
            <a:spcBef>
              <a:spcPct val="0"/>
            </a:spcBef>
            <a:spcAft>
              <a:spcPct val="35000"/>
            </a:spcAft>
          </a:pPr>
          <a:r>
            <a:rPr lang="he-IL" sz="4000" b="1" kern="1200" dirty="0" smtClean="0">
              <a:latin typeface="Narkisim" panose="020E0502050101010101" pitchFamily="34" charset="-79"/>
              <a:cs typeface="Narkisim" panose="020E0502050101010101" pitchFamily="34" charset="-79"/>
            </a:rPr>
            <a:t>המאבק המזוין</a:t>
          </a:r>
        </a:p>
        <a:p>
          <a:pPr lvl="0" algn="ctr" defTabSz="1778000" rtl="1">
            <a:lnSpc>
              <a:spcPct val="90000"/>
            </a:lnSpc>
            <a:spcBef>
              <a:spcPct val="0"/>
            </a:spcBef>
            <a:spcAft>
              <a:spcPct val="35000"/>
            </a:spcAft>
          </a:pPr>
          <a:r>
            <a:rPr lang="he-IL" sz="1800" kern="1200" dirty="0" smtClean="0">
              <a:latin typeface="Narkisim" panose="020E0502050101010101" pitchFamily="34" charset="-79"/>
              <a:cs typeface="Narkisim" panose="020E0502050101010101" pitchFamily="34" charset="-79"/>
            </a:rPr>
            <a:t>ארגוני, צבאי, עממי ועצמאי              מהאבן ועד לרחם, מהסכין ועד </a:t>
          </a:r>
          <a:r>
            <a:rPr lang="he-IL" sz="1800" kern="1200" dirty="0" err="1" smtClean="0">
              <a:latin typeface="Narkisim" panose="020E0502050101010101" pitchFamily="34" charset="-79"/>
              <a:cs typeface="Narkisim" panose="020E0502050101010101" pitchFamily="34" charset="-79"/>
            </a:rPr>
            <a:t>לפג'ר</a:t>
          </a:r>
          <a:r>
            <a:rPr lang="he-IL" sz="1800" kern="1200" dirty="0" smtClean="0">
              <a:latin typeface="Narkisim" panose="020E0502050101010101" pitchFamily="34" charset="-79"/>
              <a:cs typeface="Narkisim" panose="020E0502050101010101" pitchFamily="34" charset="-79"/>
            </a:rPr>
            <a:t>, מהמנהרה ועד לכיפה</a:t>
          </a:r>
          <a:endParaRPr lang="he-IL" sz="1800" kern="1200" dirty="0">
            <a:latin typeface="Narkisim" panose="020E0502050101010101" pitchFamily="34" charset="-79"/>
            <a:cs typeface="Narkisim" panose="020E0502050101010101" pitchFamily="34" charset="-79"/>
          </a:endParaRPr>
        </a:p>
      </dsp:txBody>
      <dsp:txXfrm>
        <a:off x="4148986" y="681245"/>
        <a:ext cx="3770926" cy="2262556"/>
      </dsp:txXfrm>
    </dsp:sp>
    <dsp:sp modelId="{15281B01-8F05-4FA9-BFFC-3EDE1C9E6177}">
      <dsp:nvSpPr>
        <dsp:cNvPr id="0" name=""/>
        <dsp:cNvSpPr/>
      </dsp:nvSpPr>
      <dsp:spPr>
        <a:xfrm>
          <a:off x="966" y="3320894"/>
          <a:ext cx="3770926" cy="2262556"/>
        </a:xfrm>
        <a:prstGeom prst="rect">
          <a:avLst/>
        </a:prstGeom>
        <a:solidFill>
          <a:srgbClr val="0070C0"/>
        </a:solidFill>
        <a:ln w="12700" cap="flat" cmpd="sng" algn="ctr">
          <a:noFill/>
          <a:prstDash val="solid"/>
          <a:miter lim="800000"/>
        </a:ln>
        <a:effectLst>
          <a:outerShdw blurRad="44450" dist="27940" dir="5400000" algn="ctr" rotWithShape="0">
            <a:srgbClr val="000000">
              <a:alpha val="32000"/>
            </a:srgbClr>
          </a:outerShdw>
        </a:effectLst>
        <a:scene3d>
          <a:camera prst="orthographicFront">
            <a:rot lat="0" lon="0" rev="0"/>
          </a:camera>
          <a:lightRig rig="balanced" dir="t">
            <a:rot lat="0" lon="0" rev="8700000"/>
          </a:lightRig>
        </a:scene3d>
        <a:sp3d>
          <a:bevelT w="190500" h="38100"/>
        </a:sp3d>
      </dsp:spPr>
      <dsp:style>
        <a:lnRef idx="2">
          <a:scrgbClr r="0" g="0" b="0"/>
        </a:lnRef>
        <a:fillRef idx="1">
          <a:scrgbClr r="0" g="0" b="0"/>
        </a:fillRef>
        <a:effectRef idx="0">
          <a:scrgbClr r="0" g="0" b="0"/>
        </a:effectRef>
        <a:fontRef idx="minor">
          <a:schemeClr val="lt1"/>
        </a:fontRef>
      </dsp:style>
      <dsp:txBody>
        <a:bodyPr spcFirstLastPara="0" vert="horz" wrap="square" lIns="152400" tIns="152400" rIns="152400" bIns="152400" numCol="1" spcCol="1270" anchor="ctr" anchorCtr="0">
          <a:noAutofit/>
        </a:bodyPr>
        <a:lstStyle/>
        <a:p>
          <a:pPr lvl="0" algn="ctr" defTabSz="1778000" rtl="1">
            <a:lnSpc>
              <a:spcPct val="90000"/>
            </a:lnSpc>
            <a:spcBef>
              <a:spcPct val="0"/>
            </a:spcBef>
            <a:spcAft>
              <a:spcPct val="35000"/>
            </a:spcAft>
          </a:pPr>
          <a:r>
            <a:rPr lang="he-IL" sz="4000" b="1" kern="1200" dirty="0" smtClean="0">
              <a:latin typeface="Narkisim" panose="020E0502050101010101" pitchFamily="34" charset="-79"/>
              <a:cs typeface="Narkisim" panose="020E0502050101010101" pitchFamily="34" charset="-79"/>
            </a:rPr>
            <a:t>המעורבות החיצונית</a:t>
          </a:r>
        </a:p>
        <a:p>
          <a:pPr lvl="0" algn="ctr" defTabSz="1778000" rtl="1">
            <a:lnSpc>
              <a:spcPct val="90000"/>
            </a:lnSpc>
            <a:spcBef>
              <a:spcPct val="0"/>
            </a:spcBef>
            <a:spcAft>
              <a:spcPct val="35000"/>
            </a:spcAft>
          </a:pPr>
          <a:r>
            <a:rPr lang="he-IL" sz="1800" kern="1200" dirty="0" smtClean="0">
              <a:latin typeface="Narkisim" panose="020E0502050101010101" pitchFamily="34" charset="-79"/>
              <a:cs typeface="Narkisim" panose="020E0502050101010101" pitchFamily="34" charset="-79"/>
            </a:rPr>
            <a:t>חסות, דרבון ובניין </a:t>
          </a:r>
          <a:r>
            <a:rPr lang="he-IL" sz="1800" kern="1200" dirty="0" err="1" smtClean="0">
              <a:latin typeface="Narkisim" panose="020E0502050101010101" pitchFamily="34" charset="-79"/>
              <a:cs typeface="Narkisim" panose="020E0502050101010101" pitchFamily="34" charset="-79"/>
            </a:rPr>
            <a:t>כח</a:t>
          </a:r>
          <a:r>
            <a:rPr lang="he-IL" sz="1800" kern="1200" dirty="0" smtClean="0">
              <a:latin typeface="Narkisim" panose="020E0502050101010101" pitchFamily="34" charset="-79"/>
              <a:cs typeface="Narkisim" panose="020E0502050101010101" pitchFamily="34" charset="-79"/>
            </a:rPr>
            <a:t> (שלילי וחיובי), אדישות, בינאום ודה-לגיטימציה</a:t>
          </a:r>
          <a:endParaRPr lang="he-IL" sz="1800" kern="1200" dirty="0">
            <a:latin typeface="Narkisim" panose="020E0502050101010101" pitchFamily="34" charset="-79"/>
            <a:cs typeface="Narkisim" panose="020E0502050101010101" pitchFamily="34" charset="-79"/>
          </a:endParaRPr>
        </a:p>
      </dsp:txBody>
      <dsp:txXfrm>
        <a:off x="966" y="3320894"/>
        <a:ext cx="3770926" cy="2262556"/>
      </dsp:txXfrm>
    </dsp:sp>
    <dsp:sp modelId="{D9E42536-4444-4359-8AAE-7D8422552913}">
      <dsp:nvSpPr>
        <dsp:cNvPr id="0" name=""/>
        <dsp:cNvSpPr/>
      </dsp:nvSpPr>
      <dsp:spPr>
        <a:xfrm>
          <a:off x="4149953" y="3330374"/>
          <a:ext cx="3770926" cy="2262556"/>
        </a:xfrm>
        <a:prstGeom prst="rect">
          <a:avLst/>
        </a:prstGeom>
        <a:solidFill>
          <a:srgbClr val="0070C0"/>
        </a:solidFill>
        <a:ln w="12700" cap="flat" cmpd="sng" algn="ctr">
          <a:noFill/>
          <a:prstDash val="solid"/>
          <a:miter lim="800000"/>
        </a:ln>
        <a:effectLst>
          <a:outerShdw blurRad="44450" dist="27940" dir="5400000" algn="ctr" rotWithShape="0">
            <a:srgbClr val="000000">
              <a:alpha val="32000"/>
            </a:srgbClr>
          </a:outerShdw>
        </a:effectLst>
        <a:scene3d>
          <a:camera prst="orthographicFront">
            <a:rot lat="0" lon="0" rev="0"/>
          </a:camera>
          <a:lightRig rig="balanced" dir="t">
            <a:rot lat="0" lon="0" rev="8700000"/>
          </a:lightRig>
        </a:scene3d>
        <a:sp3d>
          <a:bevelT w="190500" h="38100"/>
        </a:sp3d>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lvl="0" algn="ctr" defTabSz="800100" rtl="1">
            <a:lnSpc>
              <a:spcPct val="90000"/>
            </a:lnSpc>
            <a:spcBef>
              <a:spcPct val="0"/>
            </a:spcBef>
            <a:spcAft>
              <a:spcPct val="35000"/>
            </a:spcAft>
          </a:pPr>
          <a:endParaRPr lang="he-IL" sz="1800" b="1" kern="1200" dirty="0" smtClean="0"/>
        </a:p>
        <a:p>
          <a:pPr lvl="0" algn="ctr" defTabSz="800100" rtl="1">
            <a:lnSpc>
              <a:spcPct val="90000"/>
            </a:lnSpc>
            <a:spcBef>
              <a:spcPct val="0"/>
            </a:spcBef>
            <a:spcAft>
              <a:spcPct val="35000"/>
            </a:spcAft>
          </a:pPr>
          <a:endParaRPr lang="he-IL" sz="1800" b="1" kern="1200" dirty="0" smtClean="0"/>
        </a:p>
        <a:p>
          <a:pPr lvl="0" algn="ctr" defTabSz="800100" rtl="1">
            <a:lnSpc>
              <a:spcPct val="90000"/>
            </a:lnSpc>
            <a:spcBef>
              <a:spcPct val="0"/>
            </a:spcBef>
            <a:spcAft>
              <a:spcPct val="35000"/>
            </a:spcAft>
          </a:pPr>
          <a:r>
            <a:rPr lang="he-IL" sz="4000" b="1" kern="1200" dirty="0" smtClean="0">
              <a:latin typeface="Narkisim" panose="020E0502050101010101" pitchFamily="34" charset="-79"/>
              <a:cs typeface="Narkisim" panose="020E0502050101010101" pitchFamily="34" charset="-79"/>
            </a:rPr>
            <a:t>הזירה הפנימית</a:t>
          </a:r>
        </a:p>
        <a:p>
          <a:pPr lvl="0" algn="ctr" defTabSz="800100" rtl="1">
            <a:lnSpc>
              <a:spcPct val="90000"/>
            </a:lnSpc>
            <a:spcBef>
              <a:spcPct val="0"/>
            </a:spcBef>
            <a:spcAft>
              <a:spcPct val="35000"/>
            </a:spcAft>
          </a:pPr>
          <a:r>
            <a:rPr lang="he-IL" sz="1800" kern="1200" dirty="0" smtClean="0">
              <a:latin typeface="Narkisim" panose="020E0502050101010101" pitchFamily="34" charset="-79"/>
              <a:cs typeface="Narkisim" panose="020E0502050101010101" pitchFamily="34" charset="-79"/>
            </a:rPr>
            <a:t>מחד קוטבית לדו קוטבית (רעיונית וטריטוריאלית),  </a:t>
          </a:r>
        </a:p>
        <a:p>
          <a:pPr lvl="0" algn="ctr" defTabSz="800100" rtl="1">
            <a:lnSpc>
              <a:spcPct val="90000"/>
            </a:lnSpc>
            <a:spcBef>
              <a:spcPct val="0"/>
            </a:spcBef>
            <a:spcAft>
              <a:spcPct val="35000"/>
            </a:spcAft>
          </a:pPr>
          <a:r>
            <a:rPr lang="he-IL" sz="1800" kern="1200" dirty="0" smtClean="0">
              <a:latin typeface="Narkisim" panose="020E0502050101010101" pitchFamily="34" charset="-79"/>
              <a:cs typeface="Narkisim" panose="020E0502050101010101" pitchFamily="34" charset="-79"/>
            </a:rPr>
            <a:t>התהוות מנהיגות רב-קוטבית, </a:t>
          </a:r>
        </a:p>
        <a:p>
          <a:pPr lvl="0" algn="ctr" defTabSz="800100" rtl="1">
            <a:lnSpc>
              <a:spcPct val="90000"/>
            </a:lnSpc>
            <a:spcBef>
              <a:spcPct val="0"/>
            </a:spcBef>
            <a:spcAft>
              <a:spcPct val="35000"/>
            </a:spcAft>
          </a:pPr>
          <a:r>
            <a:rPr lang="he-IL" sz="1800" kern="1200" dirty="0" smtClean="0">
              <a:latin typeface="Narkisim" panose="020E0502050101010101" pitchFamily="34" charset="-79"/>
              <a:cs typeface="Narkisim" panose="020E0502050101010101" pitchFamily="34" charset="-79"/>
            </a:rPr>
            <a:t>חברה צעירה – </a:t>
          </a:r>
          <a:r>
            <a:rPr lang="he-IL" sz="1800" kern="1200" dirty="0" err="1" smtClean="0">
              <a:latin typeface="Narkisim" panose="020E0502050101010101" pitchFamily="34" charset="-79"/>
              <a:cs typeface="Narkisim" panose="020E0502050101010101" pitchFamily="34" charset="-79"/>
            </a:rPr>
            <a:t>אסלאמיסטית</a:t>
          </a:r>
          <a:r>
            <a:rPr lang="he-IL" sz="1800" kern="1200" dirty="0" smtClean="0">
              <a:latin typeface="Narkisim" panose="020E0502050101010101" pitchFamily="34" charset="-79"/>
              <a:cs typeface="Narkisim" panose="020E0502050101010101" pitchFamily="34" charset="-79"/>
            </a:rPr>
            <a:t>, מתקדמת, משכילה, </a:t>
          </a:r>
          <a:r>
            <a:rPr lang="en-US" sz="1800" kern="1200" dirty="0" smtClean="0">
              <a:latin typeface="Narkisim" panose="020E0502050101010101" pitchFamily="34" charset="-79"/>
              <a:cs typeface="Narkisim" panose="020E0502050101010101" pitchFamily="34" charset="-79"/>
            </a:rPr>
            <a:t>Y</a:t>
          </a:r>
          <a:r>
            <a:rPr lang="he-IL" sz="1800" kern="1200" dirty="0" smtClean="0">
              <a:latin typeface="Narkisim" panose="020E0502050101010101" pitchFamily="34" charset="-79"/>
              <a:cs typeface="Narkisim" panose="020E0502050101010101" pitchFamily="34" charset="-79"/>
            </a:rPr>
            <a:t>, מתוסכלת </a:t>
          </a:r>
        </a:p>
        <a:p>
          <a:pPr lvl="0" algn="ctr" defTabSz="800100" rtl="1">
            <a:lnSpc>
              <a:spcPct val="90000"/>
            </a:lnSpc>
            <a:spcBef>
              <a:spcPct val="0"/>
            </a:spcBef>
            <a:spcAft>
              <a:spcPct val="35000"/>
            </a:spcAft>
          </a:pPr>
          <a:endParaRPr lang="he-IL" sz="1800" b="0" kern="1200" dirty="0" smtClean="0"/>
        </a:p>
        <a:p>
          <a:pPr lvl="0" algn="ctr" defTabSz="800100" rtl="1">
            <a:lnSpc>
              <a:spcPct val="90000"/>
            </a:lnSpc>
            <a:spcBef>
              <a:spcPct val="0"/>
            </a:spcBef>
            <a:spcAft>
              <a:spcPct val="35000"/>
            </a:spcAft>
          </a:pPr>
          <a:endParaRPr lang="he-IL" sz="1800" b="0" kern="1200" dirty="0" smtClean="0"/>
        </a:p>
        <a:p>
          <a:pPr lvl="0" algn="ctr" defTabSz="800100" rtl="1">
            <a:lnSpc>
              <a:spcPct val="90000"/>
            </a:lnSpc>
            <a:spcBef>
              <a:spcPct val="0"/>
            </a:spcBef>
            <a:spcAft>
              <a:spcPct val="35000"/>
            </a:spcAft>
          </a:pPr>
          <a:endParaRPr lang="he-IL" sz="1800" b="0" kern="1200" dirty="0" smtClean="0"/>
        </a:p>
      </dsp:txBody>
      <dsp:txXfrm>
        <a:off x="4149953" y="3330374"/>
        <a:ext cx="3770926" cy="2262556"/>
      </dsp:txXfrm>
    </dsp:sp>
  </dsp:spTree>
</dsp:drawing>
</file>

<file path=ppt/diagrams/drawing1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C2A0EE4-3ACA-49BC-BA39-7EBAA763F96E}">
      <dsp:nvSpPr>
        <dsp:cNvPr id="0" name=""/>
        <dsp:cNvSpPr/>
      </dsp:nvSpPr>
      <dsp:spPr>
        <a:xfrm>
          <a:off x="0" y="0"/>
          <a:ext cx="3555463" cy="2389596"/>
        </a:xfrm>
        <a:prstGeom prst="rect">
          <a:avLst/>
        </a:prstGeom>
        <a:solidFill>
          <a:srgbClr val="002060"/>
        </a:solidFill>
        <a:ln w="12700" cap="flat" cmpd="sng" algn="ctr">
          <a:noFill/>
          <a:prstDash val="solid"/>
          <a:miter lim="800000"/>
        </a:ln>
        <a:effectLst>
          <a:outerShdw blurRad="44450" dist="27940" dir="5400000" algn="ctr" rotWithShape="0">
            <a:srgbClr val="000000">
              <a:alpha val="32000"/>
            </a:srgbClr>
          </a:outerShdw>
        </a:effectLst>
        <a:scene3d>
          <a:camera prst="orthographicFront">
            <a:rot lat="0" lon="0" rev="0"/>
          </a:camera>
          <a:lightRig rig="balanced" dir="t">
            <a:rot lat="0" lon="0" rev="8700000"/>
          </a:lightRig>
        </a:scene3d>
        <a:sp3d>
          <a:bevelT w="190500" h="38100"/>
        </a:sp3d>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rtl="1">
            <a:lnSpc>
              <a:spcPct val="90000"/>
            </a:lnSpc>
            <a:spcBef>
              <a:spcPct val="0"/>
            </a:spcBef>
            <a:spcAft>
              <a:spcPct val="35000"/>
            </a:spcAft>
          </a:pPr>
          <a:endParaRPr lang="he-IL" sz="2800" kern="1200" dirty="0" smtClean="0">
            <a:latin typeface="Narkisim" panose="020E0502050101010101" pitchFamily="34" charset="-79"/>
            <a:cs typeface="Narkisim" panose="020E0502050101010101" pitchFamily="34" charset="-79"/>
          </a:endParaRPr>
        </a:p>
        <a:p>
          <a:pPr lvl="0" algn="ctr" defTabSz="1244600" rtl="1">
            <a:lnSpc>
              <a:spcPct val="90000"/>
            </a:lnSpc>
            <a:spcBef>
              <a:spcPct val="0"/>
            </a:spcBef>
            <a:spcAft>
              <a:spcPct val="35000"/>
            </a:spcAft>
          </a:pPr>
          <a:endParaRPr lang="he-IL" sz="2800" kern="1200" dirty="0" smtClean="0">
            <a:latin typeface="Narkisim" panose="020E0502050101010101" pitchFamily="34" charset="-79"/>
            <a:cs typeface="Narkisim" panose="020E0502050101010101" pitchFamily="34" charset="-79"/>
          </a:endParaRPr>
        </a:p>
        <a:p>
          <a:pPr lvl="0" algn="ctr" defTabSz="1244600" rtl="1">
            <a:lnSpc>
              <a:spcPct val="90000"/>
            </a:lnSpc>
            <a:spcBef>
              <a:spcPct val="0"/>
            </a:spcBef>
            <a:spcAft>
              <a:spcPct val="35000"/>
            </a:spcAft>
          </a:pPr>
          <a:r>
            <a:rPr lang="he-IL" sz="2800" kern="1200" dirty="0" smtClean="0">
              <a:latin typeface="Narkisim" panose="020E0502050101010101" pitchFamily="34" charset="-79"/>
              <a:cs typeface="Narkisim" panose="020E0502050101010101" pitchFamily="34" charset="-79"/>
            </a:rPr>
            <a:t>"ניהול הסכסוך"</a:t>
          </a:r>
        </a:p>
        <a:p>
          <a:pPr lvl="0" algn="ctr" defTabSz="1244600" rtl="1">
            <a:lnSpc>
              <a:spcPct val="90000"/>
            </a:lnSpc>
            <a:spcBef>
              <a:spcPct val="0"/>
            </a:spcBef>
            <a:spcAft>
              <a:spcPct val="35000"/>
            </a:spcAft>
          </a:pPr>
          <a:r>
            <a:rPr lang="he-IL" sz="2800" kern="1200" dirty="0" smtClean="0">
              <a:latin typeface="Narkisim" panose="020E0502050101010101" pitchFamily="34" charset="-79"/>
              <a:cs typeface="Narkisim" panose="020E0502050101010101" pitchFamily="34" charset="-79"/>
            </a:rPr>
            <a:t>"אין פרטנר"</a:t>
          </a:r>
        </a:p>
        <a:p>
          <a:pPr lvl="0" algn="ctr" defTabSz="1244600" rtl="1">
            <a:lnSpc>
              <a:spcPct val="90000"/>
            </a:lnSpc>
            <a:spcBef>
              <a:spcPct val="0"/>
            </a:spcBef>
            <a:spcAft>
              <a:spcPct val="35000"/>
            </a:spcAft>
          </a:pPr>
          <a:r>
            <a:rPr lang="he-IL" sz="2800" kern="1200" dirty="0" smtClean="0">
              <a:latin typeface="Narkisim" panose="020E0502050101010101" pitchFamily="34" charset="-79"/>
              <a:cs typeface="Narkisim" panose="020E0502050101010101" pitchFamily="34" charset="-79"/>
            </a:rPr>
            <a:t>"בין הסדר למשבר" </a:t>
          </a:r>
        </a:p>
        <a:p>
          <a:pPr lvl="0" algn="ctr" defTabSz="1244600" rtl="1">
            <a:lnSpc>
              <a:spcPct val="90000"/>
            </a:lnSpc>
            <a:spcBef>
              <a:spcPct val="0"/>
            </a:spcBef>
            <a:spcAft>
              <a:spcPct val="35000"/>
            </a:spcAft>
          </a:pPr>
          <a:endParaRPr lang="he-IL" sz="2800" kern="1200" dirty="0">
            <a:latin typeface="Narkisim" panose="020E0502050101010101" pitchFamily="34" charset="-79"/>
            <a:cs typeface="Narkisim" panose="020E0502050101010101" pitchFamily="34" charset="-79"/>
          </a:endParaRPr>
        </a:p>
      </dsp:txBody>
      <dsp:txXfrm>
        <a:off x="0" y="0"/>
        <a:ext cx="3555463" cy="2389596"/>
      </dsp:txXfrm>
    </dsp:sp>
    <dsp:sp modelId="{8349B4B0-C638-4CCD-B2A5-2119F04899C4}">
      <dsp:nvSpPr>
        <dsp:cNvPr id="0" name=""/>
        <dsp:cNvSpPr/>
      </dsp:nvSpPr>
      <dsp:spPr>
        <a:xfrm>
          <a:off x="4995740" y="0"/>
          <a:ext cx="2925139" cy="2416227"/>
        </a:xfrm>
        <a:prstGeom prst="rect">
          <a:avLst/>
        </a:prstGeom>
        <a:solidFill>
          <a:srgbClr val="002060"/>
        </a:solidFill>
        <a:ln w="12700" cap="flat" cmpd="sng" algn="ctr">
          <a:noFill/>
          <a:prstDash val="solid"/>
          <a:miter lim="800000"/>
        </a:ln>
        <a:effectLst>
          <a:outerShdw blurRad="44450" dist="27940" dir="5400000" algn="ctr" rotWithShape="0">
            <a:srgbClr val="000000">
              <a:alpha val="32000"/>
            </a:srgbClr>
          </a:outerShdw>
        </a:effectLst>
        <a:scene3d>
          <a:camera prst="orthographicFront">
            <a:rot lat="0" lon="0" rev="0"/>
          </a:camera>
          <a:lightRig rig="balanced" dir="t">
            <a:rot lat="0" lon="0" rev="8700000"/>
          </a:lightRig>
        </a:scene3d>
        <a:sp3d>
          <a:bevelT w="190500" h="38100"/>
        </a:sp3d>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rtl="1">
            <a:lnSpc>
              <a:spcPct val="90000"/>
            </a:lnSpc>
            <a:spcBef>
              <a:spcPct val="0"/>
            </a:spcBef>
            <a:spcAft>
              <a:spcPct val="35000"/>
            </a:spcAft>
          </a:pPr>
          <a:endParaRPr lang="he-IL" sz="2800" kern="1200" dirty="0" smtClean="0">
            <a:latin typeface="Narkisim" panose="020E0502050101010101" pitchFamily="34" charset="-79"/>
            <a:cs typeface="Narkisim" panose="020E0502050101010101" pitchFamily="34" charset="-79"/>
          </a:endParaRPr>
        </a:p>
        <a:p>
          <a:pPr lvl="0" algn="ctr" defTabSz="1244600" rtl="1">
            <a:lnSpc>
              <a:spcPct val="90000"/>
            </a:lnSpc>
            <a:spcBef>
              <a:spcPct val="0"/>
            </a:spcBef>
            <a:spcAft>
              <a:spcPct val="35000"/>
            </a:spcAft>
          </a:pPr>
          <a:r>
            <a:rPr lang="he-IL" sz="2400" kern="1200" dirty="0" smtClean="0">
              <a:latin typeface="Narkisim" panose="020E0502050101010101" pitchFamily="34" charset="-79"/>
              <a:cs typeface="Narkisim" panose="020E0502050101010101" pitchFamily="34" charset="-79"/>
            </a:rPr>
            <a:t>"זירה ישראלית משנית"</a:t>
          </a:r>
        </a:p>
        <a:p>
          <a:pPr lvl="0" algn="ctr" defTabSz="1244600" rtl="1">
            <a:lnSpc>
              <a:spcPct val="90000"/>
            </a:lnSpc>
            <a:spcBef>
              <a:spcPct val="0"/>
            </a:spcBef>
            <a:spcAft>
              <a:spcPct val="35000"/>
            </a:spcAft>
          </a:pPr>
          <a:r>
            <a:rPr lang="he-IL" sz="2400" kern="1200" dirty="0" smtClean="0">
              <a:latin typeface="Narkisim" panose="020E0502050101010101" pitchFamily="34" charset="-79"/>
              <a:cs typeface="Narkisim" panose="020E0502050101010101" pitchFamily="34" charset="-79"/>
            </a:rPr>
            <a:t>"הכיבוש" </a:t>
          </a:r>
        </a:p>
        <a:p>
          <a:pPr lvl="0" algn="ctr" defTabSz="1244600" rtl="1">
            <a:lnSpc>
              <a:spcPct val="90000"/>
            </a:lnSpc>
            <a:spcBef>
              <a:spcPct val="0"/>
            </a:spcBef>
            <a:spcAft>
              <a:spcPct val="35000"/>
            </a:spcAft>
          </a:pPr>
          <a:r>
            <a:rPr lang="he-IL" sz="2400" kern="1200" dirty="0" smtClean="0">
              <a:latin typeface="Narkisim" panose="020E0502050101010101" pitchFamily="34" charset="-79"/>
              <a:cs typeface="Narkisim" panose="020E0502050101010101" pitchFamily="34" charset="-79"/>
            </a:rPr>
            <a:t>ומעמד ישראל באזור, בעולם ובארה"ב </a:t>
          </a:r>
        </a:p>
      </dsp:txBody>
      <dsp:txXfrm>
        <a:off x="4995740" y="0"/>
        <a:ext cx="2925139" cy="2416227"/>
      </dsp:txXfrm>
    </dsp:sp>
    <dsp:sp modelId="{15281B01-8F05-4FA9-BFFC-3EDE1C9E6177}">
      <dsp:nvSpPr>
        <dsp:cNvPr id="0" name=""/>
        <dsp:cNvSpPr/>
      </dsp:nvSpPr>
      <dsp:spPr>
        <a:xfrm>
          <a:off x="63257" y="2847382"/>
          <a:ext cx="3063495" cy="2984189"/>
        </a:xfrm>
        <a:prstGeom prst="rect">
          <a:avLst/>
        </a:prstGeom>
        <a:solidFill>
          <a:srgbClr val="002060"/>
        </a:solidFill>
        <a:ln w="12700" cap="flat" cmpd="sng" algn="ctr">
          <a:noFill/>
          <a:prstDash val="solid"/>
          <a:miter lim="800000"/>
        </a:ln>
        <a:effectLst>
          <a:outerShdw blurRad="44450" dist="27940" dir="5400000" algn="ctr" rotWithShape="0">
            <a:srgbClr val="000000">
              <a:alpha val="32000"/>
            </a:srgbClr>
          </a:outerShdw>
        </a:effectLst>
        <a:scene3d>
          <a:camera prst="orthographicFront">
            <a:rot lat="0" lon="0" rev="0"/>
          </a:camera>
          <a:lightRig rig="balanced" dir="t">
            <a:rot lat="0" lon="0" rev="8700000"/>
          </a:lightRig>
        </a:scene3d>
        <a:sp3d>
          <a:bevelT w="190500" h="38100"/>
        </a:sp3d>
      </dsp:spPr>
      <dsp:style>
        <a:lnRef idx="2">
          <a:scrgbClr r="0" g="0" b="0"/>
        </a:lnRef>
        <a:fillRef idx="1">
          <a:scrgbClr r="0" g="0" b="0"/>
        </a:fillRef>
        <a:effectRef idx="0">
          <a:scrgbClr r="0" g="0" b="0"/>
        </a:effectRef>
        <a:fontRef idx="minor">
          <a:schemeClr val="lt1"/>
        </a:fontRef>
      </dsp:style>
      <dsp:txBody>
        <a:bodyPr spcFirstLastPara="0" vert="horz" wrap="square" lIns="91440" tIns="91440" rIns="91440" bIns="91440" numCol="1" spcCol="1270" anchor="ctr" anchorCtr="0">
          <a:noAutofit/>
        </a:bodyPr>
        <a:lstStyle/>
        <a:p>
          <a:pPr lvl="0" algn="ctr" defTabSz="1066800" rtl="1">
            <a:lnSpc>
              <a:spcPct val="90000"/>
            </a:lnSpc>
            <a:spcBef>
              <a:spcPct val="0"/>
            </a:spcBef>
            <a:spcAft>
              <a:spcPct val="35000"/>
            </a:spcAft>
          </a:pPr>
          <a:r>
            <a:rPr lang="he-IL" sz="2400" kern="1200" dirty="0" smtClean="0">
              <a:latin typeface="Narkisim" panose="020E0502050101010101" pitchFamily="34" charset="-79"/>
              <a:cs typeface="Narkisim" panose="020E0502050101010101" pitchFamily="34" charset="-79"/>
            </a:rPr>
            <a:t>"ירושלים מאוחדת" </a:t>
          </a:r>
        </a:p>
        <a:p>
          <a:pPr lvl="0" algn="ctr" defTabSz="1066800" rtl="1">
            <a:lnSpc>
              <a:spcPct val="90000"/>
            </a:lnSpc>
            <a:spcBef>
              <a:spcPct val="0"/>
            </a:spcBef>
            <a:spcAft>
              <a:spcPct val="35000"/>
            </a:spcAft>
          </a:pPr>
          <a:r>
            <a:rPr lang="he-IL" sz="2400" kern="1200" dirty="0" smtClean="0">
              <a:latin typeface="Narkisim" panose="020E0502050101010101" pitchFamily="34" charset="-79"/>
              <a:cs typeface="Narkisim" panose="020E0502050101010101" pitchFamily="34" charset="-79"/>
            </a:rPr>
            <a:t>ערביי ישראל</a:t>
          </a:r>
        </a:p>
        <a:p>
          <a:pPr lvl="0" algn="ctr" defTabSz="1066800" rtl="1">
            <a:lnSpc>
              <a:spcPct val="90000"/>
            </a:lnSpc>
            <a:spcBef>
              <a:spcPct val="0"/>
            </a:spcBef>
            <a:spcAft>
              <a:spcPct val="35000"/>
            </a:spcAft>
          </a:pPr>
          <a:r>
            <a:rPr lang="he-IL" sz="2400" kern="1200" dirty="0" smtClean="0">
              <a:latin typeface="Narkisim" panose="020E0502050101010101" pitchFamily="34" charset="-79"/>
              <a:cs typeface="Narkisim" panose="020E0502050101010101" pitchFamily="34" charset="-79"/>
            </a:rPr>
            <a:t>ישראל רוצה להיות </a:t>
          </a:r>
        </a:p>
        <a:p>
          <a:pPr lvl="0" algn="ctr" defTabSz="1066800" rtl="1">
            <a:lnSpc>
              <a:spcPct val="90000"/>
            </a:lnSpc>
            <a:spcBef>
              <a:spcPct val="0"/>
            </a:spcBef>
            <a:spcAft>
              <a:spcPct val="35000"/>
            </a:spcAft>
          </a:pPr>
          <a:r>
            <a:rPr lang="he-IL" sz="2400" kern="1200" dirty="0" smtClean="0">
              <a:latin typeface="Narkisim" panose="020E0502050101010101" pitchFamily="34" charset="-79"/>
              <a:cs typeface="Narkisim" panose="020E0502050101010101" pitchFamily="34" charset="-79"/>
            </a:rPr>
            <a:t>יהודית ודמוקרטית</a:t>
          </a:r>
          <a:endParaRPr lang="he-IL" sz="2400" kern="1200" dirty="0">
            <a:latin typeface="Narkisim" panose="020E0502050101010101" pitchFamily="34" charset="-79"/>
            <a:cs typeface="Narkisim" panose="020E0502050101010101" pitchFamily="34" charset="-79"/>
          </a:endParaRPr>
        </a:p>
      </dsp:txBody>
      <dsp:txXfrm>
        <a:off x="63257" y="2847382"/>
        <a:ext cx="3063495" cy="2984189"/>
      </dsp:txXfrm>
    </dsp:sp>
    <dsp:sp modelId="{D9E42536-4444-4359-8AAE-7D8422552913}">
      <dsp:nvSpPr>
        <dsp:cNvPr id="0" name=""/>
        <dsp:cNvSpPr/>
      </dsp:nvSpPr>
      <dsp:spPr>
        <a:xfrm>
          <a:off x="3556832" y="3049239"/>
          <a:ext cx="4300790" cy="2580474"/>
        </a:xfrm>
        <a:prstGeom prst="rect">
          <a:avLst/>
        </a:prstGeom>
        <a:solidFill>
          <a:srgbClr val="002060"/>
        </a:solidFill>
        <a:ln w="12700" cap="flat" cmpd="sng" algn="ctr">
          <a:noFill/>
          <a:prstDash val="solid"/>
          <a:miter lim="800000"/>
        </a:ln>
        <a:effectLst>
          <a:outerShdw blurRad="44450" dist="27940" dir="5400000" algn="ctr" rotWithShape="0">
            <a:srgbClr val="000000">
              <a:alpha val="32000"/>
            </a:srgbClr>
          </a:outerShdw>
        </a:effectLst>
        <a:scene3d>
          <a:camera prst="orthographicFront">
            <a:rot lat="0" lon="0" rev="0"/>
          </a:camera>
          <a:lightRig rig="balanced" dir="t">
            <a:rot lat="0" lon="0" rev="8700000"/>
          </a:lightRig>
        </a:scene3d>
        <a:sp3d>
          <a:bevelT w="190500" h="38100"/>
        </a:sp3d>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rtl="1">
            <a:lnSpc>
              <a:spcPct val="90000"/>
            </a:lnSpc>
            <a:spcBef>
              <a:spcPct val="0"/>
            </a:spcBef>
            <a:spcAft>
              <a:spcPct val="35000"/>
            </a:spcAft>
          </a:pPr>
          <a:r>
            <a:rPr lang="he-IL" sz="2800" kern="1200" dirty="0" smtClean="0">
              <a:latin typeface="Narkisim" panose="020E0502050101010101" pitchFamily="34" charset="-79"/>
              <a:cs typeface="Narkisim" panose="020E0502050101010101" pitchFamily="34" charset="-79"/>
            </a:rPr>
            <a:t>"הבידול והפיוס"</a:t>
          </a:r>
        </a:p>
        <a:p>
          <a:pPr lvl="0" algn="ctr" defTabSz="1244600" rtl="1">
            <a:lnSpc>
              <a:spcPct val="90000"/>
            </a:lnSpc>
            <a:spcBef>
              <a:spcPct val="0"/>
            </a:spcBef>
            <a:spcAft>
              <a:spcPct val="35000"/>
            </a:spcAft>
          </a:pPr>
          <a:r>
            <a:rPr lang="he-IL" sz="2800" kern="1200" dirty="0" smtClean="0">
              <a:latin typeface="Narkisim" panose="020E0502050101010101" pitchFamily="34" charset="-79"/>
              <a:cs typeface="Narkisim" panose="020E0502050101010101" pitchFamily="34" charset="-79"/>
            </a:rPr>
            <a:t>"מרקם החיים"</a:t>
          </a:r>
        </a:p>
        <a:p>
          <a:pPr lvl="0" algn="ctr" defTabSz="1244600" rtl="1">
            <a:lnSpc>
              <a:spcPct val="90000"/>
            </a:lnSpc>
            <a:spcBef>
              <a:spcPct val="0"/>
            </a:spcBef>
            <a:spcAft>
              <a:spcPct val="35000"/>
            </a:spcAft>
          </a:pPr>
          <a:r>
            <a:rPr lang="he-IL" sz="2800" kern="1200" dirty="0" smtClean="0">
              <a:latin typeface="Narkisim" panose="020E0502050101010101" pitchFamily="34" charset="-79"/>
              <a:cs typeface="Narkisim" panose="020E0502050101010101" pitchFamily="34" charset="-79"/>
            </a:rPr>
            <a:t>"כתובת מוחלשת"</a:t>
          </a:r>
        </a:p>
        <a:p>
          <a:pPr lvl="0" algn="ctr" defTabSz="1244600" rtl="1">
            <a:lnSpc>
              <a:spcPct val="90000"/>
            </a:lnSpc>
            <a:spcBef>
              <a:spcPct val="0"/>
            </a:spcBef>
            <a:spcAft>
              <a:spcPct val="35000"/>
            </a:spcAft>
          </a:pPr>
          <a:r>
            <a:rPr lang="he-IL" sz="2800" kern="1200" dirty="0" smtClean="0">
              <a:latin typeface="Narkisim" panose="020E0502050101010101" pitchFamily="34" charset="-79"/>
              <a:cs typeface="Narkisim" panose="020E0502050101010101" pitchFamily="34" charset="-79"/>
            </a:rPr>
            <a:t>"עזה תחילה" או בסוף</a:t>
          </a:r>
        </a:p>
      </dsp:txBody>
      <dsp:txXfrm>
        <a:off x="3556832" y="3049239"/>
        <a:ext cx="4300790" cy="2580474"/>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FFFBE4A-6652-4F87-8006-869213A758AC}">
      <dsp:nvSpPr>
        <dsp:cNvPr id="0" name=""/>
        <dsp:cNvSpPr/>
      </dsp:nvSpPr>
      <dsp:spPr>
        <a:xfrm>
          <a:off x="0" y="881945"/>
          <a:ext cx="8702235" cy="587963"/>
        </a:xfrm>
        <a:prstGeom prst="notchedRightArrow">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C2313BE9-9F97-4575-B44A-1DA40AA15139}">
      <dsp:nvSpPr>
        <dsp:cNvPr id="0" name=""/>
        <dsp:cNvSpPr/>
      </dsp:nvSpPr>
      <dsp:spPr>
        <a:xfrm>
          <a:off x="235192" y="524539"/>
          <a:ext cx="1385880" cy="58796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9568" tIns="99568" rIns="99568" bIns="99568" numCol="1" spcCol="1270" anchor="b" anchorCtr="0">
          <a:noAutofit/>
        </a:bodyPr>
        <a:lstStyle/>
        <a:p>
          <a:pPr lvl="0" algn="ctr" defTabSz="622300" rtl="1">
            <a:lnSpc>
              <a:spcPct val="90000"/>
            </a:lnSpc>
            <a:spcBef>
              <a:spcPct val="0"/>
            </a:spcBef>
            <a:spcAft>
              <a:spcPct val="35000"/>
            </a:spcAft>
          </a:pPr>
          <a:r>
            <a:rPr lang="he-IL" sz="1400" kern="1200" dirty="0" smtClean="0"/>
            <a:t>קורס מודיעין</a:t>
          </a:r>
          <a:endParaRPr lang="he-IL" sz="1400" kern="1200" dirty="0"/>
        </a:p>
      </dsp:txBody>
      <dsp:txXfrm>
        <a:off x="235192" y="524539"/>
        <a:ext cx="1385880" cy="587963"/>
      </dsp:txXfrm>
    </dsp:sp>
    <dsp:sp modelId="{A5A9C167-812C-4413-9DFC-7996CD81CB95}">
      <dsp:nvSpPr>
        <dsp:cNvPr id="0" name=""/>
        <dsp:cNvSpPr/>
      </dsp:nvSpPr>
      <dsp:spPr>
        <a:xfrm>
          <a:off x="830430" y="1130185"/>
          <a:ext cx="146990" cy="146990"/>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EC5DC4F4-70A6-4EF4-BE55-AB97F578926A}">
      <dsp:nvSpPr>
        <dsp:cNvPr id="0" name=""/>
        <dsp:cNvSpPr/>
      </dsp:nvSpPr>
      <dsp:spPr>
        <a:xfrm>
          <a:off x="1621515" y="745267"/>
          <a:ext cx="1142038" cy="58796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9568" tIns="99568" rIns="99568" bIns="99568" numCol="1" spcCol="1270" anchor="t" anchorCtr="0">
          <a:noAutofit/>
        </a:bodyPr>
        <a:lstStyle/>
        <a:p>
          <a:pPr lvl="0" algn="ctr" defTabSz="622300" rtl="1">
            <a:lnSpc>
              <a:spcPct val="90000"/>
            </a:lnSpc>
            <a:spcBef>
              <a:spcPct val="0"/>
            </a:spcBef>
            <a:spcAft>
              <a:spcPct val="35000"/>
            </a:spcAft>
          </a:pPr>
          <a:r>
            <a:rPr lang="he-IL" sz="1400" kern="1200" dirty="0" smtClean="0"/>
            <a:t>קורס </a:t>
          </a:r>
          <a:r>
            <a:rPr lang="he-IL" sz="1400" kern="1200" dirty="0" err="1" smtClean="0"/>
            <a:t>מז"ת</a:t>
          </a:r>
          <a:endParaRPr lang="he-IL" sz="1400" kern="1200" dirty="0"/>
        </a:p>
      </dsp:txBody>
      <dsp:txXfrm>
        <a:off x="1621515" y="745267"/>
        <a:ext cx="1142038" cy="587963"/>
      </dsp:txXfrm>
    </dsp:sp>
    <dsp:sp modelId="{E9E74DD4-9D80-4F5B-B2E4-5C5A33F033CE}">
      <dsp:nvSpPr>
        <dsp:cNvPr id="0" name=""/>
        <dsp:cNvSpPr/>
      </dsp:nvSpPr>
      <dsp:spPr>
        <a:xfrm>
          <a:off x="2104946" y="1143883"/>
          <a:ext cx="146990" cy="146990"/>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286C3BAC-782A-4C7E-A921-D5569BA65DD9}">
      <dsp:nvSpPr>
        <dsp:cNvPr id="0" name=""/>
        <dsp:cNvSpPr/>
      </dsp:nvSpPr>
      <dsp:spPr>
        <a:xfrm>
          <a:off x="2767212" y="526738"/>
          <a:ext cx="1205622" cy="58796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9568" tIns="99568" rIns="99568" bIns="99568" numCol="1" spcCol="1270" anchor="b" anchorCtr="0">
          <a:noAutofit/>
        </a:bodyPr>
        <a:lstStyle/>
        <a:p>
          <a:pPr lvl="0" algn="ctr" defTabSz="622300" rtl="1">
            <a:lnSpc>
              <a:spcPct val="90000"/>
            </a:lnSpc>
            <a:spcBef>
              <a:spcPct val="0"/>
            </a:spcBef>
            <a:spcAft>
              <a:spcPct val="35000"/>
            </a:spcAft>
          </a:pPr>
          <a:r>
            <a:rPr lang="he-IL" sz="1400" kern="1200" dirty="0" smtClean="0"/>
            <a:t>ביקור </a:t>
          </a:r>
          <a:r>
            <a:rPr lang="he-IL" sz="1400" kern="1200" dirty="0" err="1" smtClean="0"/>
            <a:t>במשה"ח</a:t>
          </a:r>
          <a:endParaRPr lang="he-IL" sz="1400" kern="1200" dirty="0"/>
        </a:p>
      </dsp:txBody>
      <dsp:txXfrm>
        <a:off x="2767212" y="526738"/>
        <a:ext cx="1205622" cy="587963"/>
      </dsp:txXfrm>
    </dsp:sp>
    <dsp:sp modelId="{682FE366-C000-41C9-9EEB-B1F529CAD5C3}">
      <dsp:nvSpPr>
        <dsp:cNvPr id="0" name=""/>
        <dsp:cNvSpPr/>
      </dsp:nvSpPr>
      <dsp:spPr>
        <a:xfrm>
          <a:off x="3255182" y="1112505"/>
          <a:ext cx="146990" cy="146990"/>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280BF636-56C2-4D74-9CC3-B9E90F49E574}">
      <dsp:nvSpPr>
        <dsp:cNvPr id="0" name=""/>
        <dsp:cNvSpPr/>
      </dsp:nvSpPr>
      <dsp:spPr>
        <a:xfrm>
          <a:off x="4428317" y="750329"/>
          <a:ext cx="1405161" cy="58796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9568" tIns="99568" rIns="99568" bIns="99568" numCol="1" spcCol="1270" anchor="t" anchorCtr="0">
          <a:noAutofit/>
        </a:bodyPr>
        <a:lstStyle/>
        <a:p>
          <a:pPr lvl="0" algn="ctr" defTabSz="622300" rtl="1">
            <a:lnSpc>
              <a:spcPct val="90000"/>
            </a:lnSpc>
            <a:spcBef>
              <a:spcPct val="0"/>
            </a:spcBef>
            <a:spcAft>
              <a:spcPct val="35000"/>
            </a:spcAft>
          </a:pPr>
          <a:r>
            <a:rPr lang="he-IL" sz="1400" kern="1200" dirty="0" smtClean="0"/>
            <a:t>סדנת </a:t>
          </a:r>
          <a:r>
            <a:rPr lang="he-IL" sz="1400" kern="1200" dirty="0" err="1" smtClean="0"/>
            <a:t>מו"ם</a:t>
          </a:r>
          <a:r>
            <a:rPr lang="he-IL" sz="1400" kern="1200" dirty="0" smtClean="0"/>
            <a:t> 1-3/3</a:t>
          </a:r>
        </a:p>
      </dsp:txBody>
      <dsp:txXfrm>
        <a:off x="4428317" y="750329"/>
        <a:ext cx="1405161" cy="587963"/>
      </dsp:txXfrm>
    </dsp:sp>
    <dsp:sp modelId="{E76B3D1B-AAFE-465C-BFA5-BBBE20E5BFFB}">
      <dsp:nvSpPr>
        <dsp:cNvPr id="0" name=""/>
        <dsp:cNvSpPr/>
      </dsp:nvSpPr>
      <dsp:spPr>
        <a:xfrm>
          <a:off x="5248525" y="1129084"/>
          <a:ext cx="146990" cy="146990"/>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A237C98D-5B85-420A-97A8-DC2EF16E949F}">
      <dsp:nvSpPr>
        <dsp:cNvPr id="0" name=""/>
        <dsp:cNvSpPr/>
      </dsp:nvSpPr>
      <dsp:spPr>
        <a:xfrm>
          <a:off x="5300632" y="0"/>
          <a:ext cx="804043" cy="58796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9568" tIns="99568" rIns="99568" bIns="99568" numCol="1" spcCol="1270" anchor="b" anchorCtr="0">
          <a:noAutofit/>
        </a:bodyPr>
        <a:lstStyle/>
        <a:p>
          <a:pPr lvl="0" algn="ctr" defTabSz="622300" rtl="1">
            <a:lnSpc>
              <a:spcPct val="90000"/>
            </a:lnSpc>
            <a:spcBef>
              <a:spcPct val="0"/>
            </a:spcBef>
            <a:spcAft>
              <a:spcPct val="35000"/>
            </a:spcAft>
          </a:pPr>
          <a:endParaRPr lang="he-IL" sz="1400" kern="1200" dirty="0"/>
        </a:p>
      </dsp:txBody>
      <dsp:txXfrm>
        <a:off x="5300632" y="0"/>
        <a:ext cx="804043" cy="587963"/>
      </dsp:txXfrm>
    </dsp:sp>
    <dsp:sp modelId="{8D195FBB-886B-4612-B0C9-361404C1B53C}">
      <dsp:nvSpPr>
        <dsp:cNvPr id="0" name=""/>
        <dsp:cNvSpPr/>
      </dsp:nvSpPr>
      <dsp:spPr>
        <a:xfrm>
          <a:off x="6432547" y="1112503"/>
          <a:ext cx="146990" cy="146990"/>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5A145D61-B26B-4023-AF13-09127DC233B7}">
      <dsp:nvSpPr>
        <dsp:cNvPr id="0" name=""/>
        <dsp:cNvSpPr/>
      </dsp:nvSpPr>
      <dsp:spPr>
        <a:xfrm>
          <a:off x="5900336" y="749453"/>
          <a:ext cx="1686014" cy="587963"/>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28016" tIns="128016" rIns="128016" bIns="128016" numCol="1" spcCol="1270" anchor="t" anchorCtr="0">
          <a:noAutofit/>
        </a:bodyPr>
        <a:lstStyle/>
        <a:p>
          <a:pPr lvl="0" algn="ctr" defTabSz="800100" rtl="1">
            <a:lnSpc>
              <a:spcPct val="90000"/>
            </a:lnSpc>
            <a:spcBef>
              <a:spcPct val="0"/>
            </a:spcBef>
            <a:spcAft>
              <a:spcPct val="35000"/>
            </a:spcAft>
          </a:pPr>
          <a:r>
            <a:rPr lang="he-IL" sz="1800" kern="1200" dirty="0" smtClean="0"/>
            <a:t>סיורי </a:t>
          </a:r>
          <a:r>
            <a:rPr lang="he-IL" sz="1800" kern="1200" dirty="0" err="1" smtClean="0"/>
            <a:t>בטל"מ</a:t>
          </a:r>
          <a:endParaRPr lang="he-IL" sz="1800" kern="1200" dirty="0"/>
        </a:p>
      </dsp:txBody>
      <dsp:txXfrm>
        <a:off x="5900336" y="749453"/>
        <a:ext cx="1686014" cy="587963"/>
      </dsp:txXfrm>
    </dsp:sp>
    <dsp:sp modelId="{46B6076A-8910-47D7-AF53-BCF019F092C5}">
      <dsp:nvSpPr>
        <dsp:cNvPr id="0" name=""/>
        <dsp:cNvSpPr/>
      </dsp:nvSpPr>
      <dsp:spPr>
        <a:xfrm>
          <a:off x="7010012" y="1112503"/>
          <a:ext cx="146990" cy="146990"/>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CDD6A14-B5EE-4D28-A1BF-C27175E1E20B}">
      <dsp:nvSpPr>
        <dsp:cNvPr id="0" name=""/>
        <dsp:cNvSpPr/>
      </dsp:nvSpPr>
      <dsp:spPr>
        <a:xfrm>
          <a:off x="3315" y="264678"/>
          <a:ext cx="2178905" cy="1370543"/>
        </a:xfrm>
        <a:prstGeom prst="ellipse">
          <a:avLst/>
        </a:prstGeom>
        <a:solidFill>
          <a:schemeClr val="dk2">
            <a:hueOff val="0"/>
            <a:satOff val="0"/>
            <a:lumOff val="0"/>
            <a:alphaOff val="0"/>
          </a:schemeClr>
        </a:solidFill>
        <a:ln w="25400" cap="flat" cmpd="sng" algn="ctr">
          <a:solidFill>
            <a:schemeClr val="l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1600200" rtl="1">
            <a:lnSpc>
              <a:spcPct val="90000"/>
            </a:lnSpc>
            <a:spcBef>
              <a:spcPct val="0"/>
            </a:spcBef>
            <a:spcAft>
              <a:spcPct val="35000"/>
            </a:spcAft>
          </a:pPr>
          <a:r>
            <a:rPr lang="he-IL" sz="3600" kern="1200" dirty="0" smtClean="0">
              <a:latin typeface="Narkisim" panose="020E0502050101010101" pitchFamily="34" charset="-79"/>
              <a:cs typeface="Narkisim" panose="020E0502050101010101" pitchFamily="34" charset="-79"/>
            </a:rPr>
            <a:t>הבניית הלמידה</a:t>
          </a:r>
          <a:endParaRPr lang="he-IL" sz="3600" kern="1200" dirty="0">
            <a:latin typeface="Narkisim" panose="020E0502050101010101" pitchFamily="34" charset="-79"/>
            <a:cs typeface="Narkisim" panose="020E0502050101010101" pitchFamily="34" charset="-79"/>
          </a:endParaRPr>
        </a:p>
      </dsp:txBody>
      <dsp:txXfrm>
        <a:off x="322408" y="465389"/>
        <a:ext cx="1540719" cy="969121"/>
      </dsp:txXfrm>
    </dsp:sp>
    <dsp:sp modelId="{0F7E5358-42FB-48B1-B44D-0809ABAA64F9}">
      <dsp:nvSpPr>
        <dsp:cNvPr id="0" name=""/>
        <dsp:cNvSpPr/>
      </dsp:nvSpPr>
      <dsp:spPr>
        <a:xfrm rot="10800000">
          <a:off x="912148" y="1734411"/>
          <a:ext cx="361239" cy="200868"/>
        </a:xfrm>
        <a:prstGeom prst="triangle">
          <a:avLst/>
        </a:prstGeom>
        <a:solidFill>
          <a:schemeClr val="dk2">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6CAFFE8C-4AFE-46B6-A82F-C0B53B3908C7}">
      <dsp:nvSpPr>
        <dsp:cNvPr id="0" name=""/>
        <dsp:cNvSpPr/>
      </dsp:nvSpPr>
      <dsp:spPr>
        <a:xfrm>
          <a:off x="308582" y="2023100"/>
          <a:ext cx="1568371" cy="978836"/>
        </a:xfrm>
        <a:prstGeom prst="ellipse">
          <a:avLst/>
        </a:prstGeom>
        <a:solidFill>
          <a:schemeClr val="dk2">
            <a:hueOff val="0"/>
            <a:satOff val="0"/>
            <a:lumOff val="0"/>
            <a:alphaOff val="0"/>
          </a:schemeClr>
        </a:solidFill>
        <a:ln w="25400" cap="flat" cmpd="sng" algn="ctr">
          <a:solidFill>
            <a:schemeClr val="l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lvl="0" algn="ctr" defTabSz="889000" rtl="1">
            <a:lnSpc>
              <a:spcPct val="90000"/>
            </a:lnSpc>
            <a:spcBef>
              <a:spcPct val="0"/>
            </a:spcBef>
            <a:spcAft>
              <a:spcPct val="35000"/>
            </a:spcAft>
          </a:pPr>
          <a:r>
            <a:rPr lang="he-IL" sz="2000" kern="1200" dirty="0" smtClean="0">
              <a:latin typeface="Narkisim" panose="020E0502050101010101" pitchFamily="34" charset="-79"/>
              <a:cs typeface="Narkisim" panose="020E0502050101010101" pitchFamily="34" charset="-79"/>
            </a:rPr>
            <a:t>גנאלוגיה</a:t>
          </a:r>
          <a:endParaRPr lang="he-IL" sz="2000" kern="1200" dirty="0">
            <a:latin typeface="Narkisim" panose="020E0502050101010101" pitchFamily="34" charset="-79"/>
            <a:cs typeface="Narkisim" panose="020E0502050101010101" pitchFamily="34" charset="-79"/>
          </a:endParaRPr>
        </a:p>
      </dsp:txBody>
      <dsp:txXfrm>
        <a:off x="538265" y="2166447"/>
        <a:ext cx="1109005" cy="692142"/>
      </dsp:txXfrm>
    </dsp:sp>
    <dsp:sp modelId="{1C78F3A2-D19B-4867-8C60-4AEBA4043A78}">
      <dsp:nvSpPr>
        <dsp:cNvPr id="0" name=""/>
        <dsp:cNvSpPr/>
      </dsp:nvSpPr>
      <dsp:spPr>
        <a:xfrm rot="10800000">
          <a:off x="912148" y="3187049"/>
          <a:ext cx="361239" cy="200868"/>
        </a:xfrm>
        <a:prstGeom prst="triangle">
          <a:avLst/>
        </a:prstGeom>
        <a:solidFill>
          <a:schemeClr val="dk2">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EA5E29C9-EC2D-43FB-905A-257ACC79C94B}">
      <dsp:nvSpPr>
        <dsp:cNvPr id="0" name=""/>
        <dsp:cNvSpPr/>
      </dsp:nvSpPr>
      <dsp:spPr>
        <a:xfrm>
          <a:off x="308206" y="3561661"/>
          <a:ext cx="1569121" cy="688419"/>
        </a:xfrm>
        <a:prstGeom prst="ellipse">
          <a:avLst/>
        </a:prstGeom>
        <a:solidFill>
          <a:schemeClr val="dk2">
            <a:hueOff val="0"/>
            <a:satOff val="0"/>
            <a:lumOff val="0"/>
            <a:alphaOff val="0"/>
          </a:schemeClr>
        </a:solidFill>
        <a:ln w="25400" cap="flat" cmpd="sng" algn="ctr">
          <a:solidFill>
            <a:schemeClr val="l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lvl="0" algn="ctr" defTabSz="889000" rtl="1">
            <a:lnSpc>
              <a:spcPct val="90000"/>
            </a:lnSpc>
            <a:spcBef>
              <a:spcPct val="0"/>
            </a:spcBef>
            <a:spcAft>
              <a:spcPct val="35000"/>
            </a:spcAft>
          </a:pPr>
          <a:r>
            <a:rPr lang="he-IL" sz="2000" kern="1200" dirty="0" smtClean="0">
              <a:latin typeface="Narkisim" panose="020E0502050101010101" pitchFamily="34" charset="-79"/>
              <a:cs typeface="Narkisim" panose="020E0502050101010101" pitchFamily="34" charset="-79"/>
            </a:rPr>
            <a:t>תצפית</a:t>
          </a:r>
          <a:endParaRPr lang="he-IL" sz="2000" kern="1200" dirty="0">
            <a:latin typeface="Narkisim" panose="020E0502050101010101" pitchFamily="34" charset="-79"/>
            <a:cs typeface="Narkisim" panose="020E0502050101010101" pitchFamily="34" charset="-79"/>
          </a:endParaRPr>
        </a:p>
      </dsp:txBody>
      <dsp:txXfrm>
        <a:off x="537998" y="3662478"/>
        <a:ext cx="1109537" cy="486785"/>
      </dsp:txXfrm>
    </dsp:sp>
    <dsp:sp modelId="{9DCF591A-8A46-4DA6-9BBD-9A4B316DD984}">
      <dsp:nvSpPr>
        <dsp:cNvPr id="0" name=""/>
        <dsp:cNvSpPr/>
      </dsp:nvSpPr>
      <dsp:spPr>
        <a:xfrm rot="5400000">
          <a:off x="2408427" y="3805437"/>
          <a:ext cx="361239" cy="200868"/>
        </a:xfrm>
        <a:prstGeom prst="triangle">
          <a:avLst/>
        </a:prstGeom>
        <a:solidFill>
          <a:schemeClr val="dk2">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246496C1-DFE4-47C9-ACEC-D6A8EAE26964}">
      <dsp:nvSpPr>
        <dsp:cNvPr id="0" name=""/>
        <dsp:cNvSpPr/>
      </dsp:nvSpPr>
      <dsp:spPr>
        <a:xfrm>
          <a:off x="3289395" y="3561661"/>
          <a:ext cx="1155491" cy="688419"/>
        </a:xfrm>
        <a:prstGeom prst="ellipse">
          <a:avLst/>
        </a:prstGeom>
        <a:solidFill>
          <a:schemeClr val="dk2">
            <a:hueOff val="0"/>
            <a:satOff val="0"/>
            <a:lumOff val="0"/>
            <a:alphaOff val="0"/>
          </a:schemeClr>
        </a:solidFill>
        <a:ln w="25400" cap="flat" cmpd="sng" algn="ctr">
          <a:solidFill>
            <a:schemeClr val="l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lvl="0" algn="ctr" defTabSz="889000" rtl="1">
            <a:lnSpc>
              <a:spcPct val="90000"/>
            </a:lnSpc>
            <a:spcBef>
              <a:spcPct val="0"/>
            </a:spcBef>
            <a:spcAft>
              <a:spcPct val="35000"/>
            </a:spcAft>
          </a:pPr>
          <a:r>
            <a:rPr lang="he-IL" sz="2000" kern="1200" dirty="0" smtClean="0">
              <a:latin typeface="Narkisim" panose="020E0502050101010101" pitchFamily="34" charset="-79"/>
              <a:cs typeface="Narkisim" panose="020E0502050101010101" pitchFamily="34" charset="-79"/>
            </a:rPr>
            <a:t>תובנות בצוות</a:t>
          </a:r>
          <a:endParaRPr lang="he-IL" sz="2000" kern="1200" dirty="0">
            <a:latin typeface="Narkisim" panose="020E0502050101010101" pitchFamily="34" charset="-79"/>
            <a:cs typeface="Narkisim" panose="020E0502050101010101" pitchFamily="34" charset="-79"/>
          </a:endParaRPr>
        </a:p>
      </dsp:txBody>
      <dsp:txXfrm>
        <a:off x="3458613" y="3662478"/>
        <a:ext cx="817055" cy="486785"/>
      </dsp:txXfrm>
    </dsp:sp>
    <dsp:sp modelId="{196D5AE5-D27F-46F9-8453-EBC4267FB4D2}">
      <dsp:nvSpPr>
        <dsp:cNvPr id="0" name=""/>
        <dsp:cNvSpPr/>
      </dsp:nvSpPr>
      <dsp:spPr>
        <a:xfrm>
          <a:off x="3686521" y="3103075"/>
          <a:ext cx="361239" cy="200868"/>
        </a:xfrm>
        <a:prstGeom prst="triangle">
          <a:avLst/>
        </a:prstGeom>
        <a:solidFill>
          <a:schemeClr val="dk2">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46CFCB0B-53A8-4CCA-9042-29C4889D2AA2}">
      <dsp:nvSpPr>
        <dsp:cNvPr id="0" name=""/>
        <dsp:cNvSpPr/>
      </dsp:nvSpPr>
      <dsp:spPr>
        <a:xfrm>
          <a:off x="3233186" y="2168308"/>
          <a:ext cx="1267910" cy="688419"/>
        </a:xfrm>
        <a:prstGeom prst="ellipse">
          <a:avLst/>
        </a:prstGeom>
        <a:solidFill>
          <a:schemeClr val="dk2">
            <a:hueOff val="0"/>
            <a:satOff val="0"/>
            <a:lumOff val="0"/>
            <a:alphaOff val="0"/>
          </a:schemeClr>
        </a:solidFill>
        <a:ln w="25400" cap="flat" cmpd="sng" algn="ctr">
          <a:solidFill>
            <a:schemeClr val="l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lvl="0" algn="ctr" defTabSz="889000" rtl="1">
            <a:lnSpc>
              <a:spcPct val="90000"/>
            </a:lnSpc>
            <a:spcBef>
              <a:spcPct val="0"/>
            </a:spcBef>
            <a:spcAft>
              <a:spcPct val="35000"/>
            </a:spcAft>
          </a:pPr>
          <a:r>
            <a:rPr lang="he-IL" sz="2000" kern="1200" dirty="0" smtClean="0">
              <a:latin typeface="Narkisim" panose="020E0502050101010101" pitchFamily="34" charset="-79"/>
              <a:cs typeface="Narkisim" panose="020E0502050101010101" pitchFamily="34" charset="-79"/>
            </a:rPr>
            <a:t>למידה עצמית</a:t>
          </a:r>
          <a:endParaRPr lang="he-IL" sz="2000" kern="1200" dirty="0">
            <a:latin typeface="Narkisim" panose="020E0502050101010101" pitchFamily="34" charset="-79"/>
            <a:cs typeface="Narkisim" panose="020E0502050101010101" pitchFamily="34" charset="-79"/>
          </a:endParaRPr>
        </a:p>
      </dsp:txBody>
      <dsp:txXfrm>
        <a:off x="3418867" y="2269125"/>
        <a:ext cx="896548" cy="486785"/>
      </dsp:txXfrm>
    </dsp:sp>
    <dsp:sp modelId="{6934CAF6-EA22-4A5A-8BDD-D4EDCEFF484C}">
      <dsp:nvSpPr>
        <dsp:cNvPr id="0" name=""/>
        <dsp:cNvSpPr/>
      </dsp:nvSpPr>
      <dsp:spPr>
        <a:xfrm>
          <a:off x="3686521" y="1795646"/>
          <a:ext cx="361239" cy="200868"/>
        </a:xfrm>
        <a:prstGeom prst="triangle">
          <a:avLst/>
        </a:prstGeom>
        <a:solidFill>
          <a:schemeClr val="dk2">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CCDCA351-76C7-4791-83D5-E5F91BFB543A}">
      <dsp:nvSpPr>
        <dsp:cNvPr id="0" name=""/>
        <dsp:cNvSpPr/>
      </dsp:nvSpPr>
      <dsp:spPr>
        <a:xfrm>
          <a:off x="2698277" y="190036"/>
          <a:ext cx="2337728" cy="1445185"/>
        </a:xfrm>
        <a:prstGeom prst="ellipse">
          <a:avLst/>
        </a:prstGeom>
        <a:solidFill>
          <a:schemeClr val="dk2">
            <a:hueOff val="0"/>
            <a:satOff val="0"/>
            <a:lumOff val="0"/>
            <a:alphaOff val="0"/>
          </a:schemeClr>
        </a:solidFill>
        <a:ln w="25400" cap="flat" cmpd="sng" algn="ctr">
          <a:solidFill>
            <a:schemeClr val="l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1600200" rtl="1">
            <a:lnSpc>
              <a:spcPct val="90000"/>
            </a:lnSpc>
            <a:spcBef>
              <a:spcPct val="0"/>
            </a:spcBef>
            <a:spcAft>
              <a:spcPct val="35000"/>
            </a:spcAft>
          </a:pPr>
          <a:r>
            <a:rPr lang="he-IL" sz="3600" kern="1200" dirty="0" smtClean="0">
              <a:latin typeface="Narkisim" panose="020E0502050101010101" pitchFamily="34" charset="-79"/>
              <a:cs typeface="Narkisim" panose="020E0502050101010101" pitchFamily="34" charset="-79"/>
            </a:rPr>
            <a:t>ממשקים</a:t>
          </a:r>
          <a:endParaRPr lang="he-IL" sz="3600" kern="1200" dirty="0">
            <a:latin typeface="Narkisim" panose="020E0502050101010101" pitchFamily="34" charset="-79"/>
            <a:cs typeface="Narkisim" panose="020E0502050101010101" pitchFamily="34" charset="-79"/>
          </a:endParaRPr>
        </a:p>
      </dsp:txBody>
      <dsp:txXfrm>
        <a:off x="3040629" y="401678"/>
        <a:ext cx="1653024" cy="1021901"/>
      </dsp:txXfrm>
    </dsp:sp>
    <dsp:sp modelId="{8DB4EEA0-5FBB-4A7F-A864-F6103BECEB9E}">
      <dsp:nvSpPr>
        <dsp:cNvPr id="0" name=""/>
        <dsp:cNvSpPr/>
      </dsp:nvSpPr>
      <dsp:spPr>
        <a:xfrm rot="5167396">
          <a:off x="5430699" y="694000"/>
          <a:ext cx="361239" cy="200868"/>
        </a:xfrm>
        <a:prstGeom prst="triangle">
          <a:avLst/>
        </a:prstGeom>
        <a:solidFill>
          <a:schemeClr val="dk2">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4B3DC7FC-E5EF-44AA-A3C2-007810D820FD}">
      <dsp:nvSpPr>
        <dsp:cNvPr id="0" name=""/>
        <dsp:cNvSpPr/>
      </dsp:nvSpPr>
      <dsp:spPr>
        <a:xfrm>
          <a:off x="6174504" y="361883"/>
          <a:ext cx="1480907" cy="688419"/>
        </a:xfrm>
        <a:prstGeom prst="ellipse">
          <a:avLst/>
        </a:prstGeom>
        <a:solidFill>
          <a:schemeClr val="dk2">
            <a:hueOff val="0"/>
            <a:satOff val="0"/>
            <a:lumOff val="0"/>
            <a:alphaOff val="0"/>
          </a:schemeClr>
        </a:solidFill>
        <a:ln w="25400" cap="flat" cmpd="sng" algn="ctr">
          <a:solidFill>
            <a:schemeClr val="l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lvl="0" algn="ctr" defTabSz="889000" rtl="1">
            <a:lnSpc>
              <a:spcPct val="90000"/>
            </a:lnSpc>
            <a:spcBef>
              <a:spcPct val="0"/>
            </a:spcBef>
            <a:spcAft>
              <a:spcPct val="35000"/>
            </a:spcAft>
          </a:pPr>
          <a:r>
            <a:rPr lang="he-IL" sz="2000" kern="1200" dirty="0" smtClean="0">
              <a:latin typeface="Narkisim" panose="020E0502050101010101" pitchFamily="34" charset="-79"/>
              <a:cs typeface="Narkisim" panose="020E0502050101010101" pitchFamily="34" charset="-79"/>
            </a:rPr>
            <a:t>תובנות רוחב</a:t>
          </a:r>
          <a:endParaRPr lang="he-IL" sz="2000" kern="1200" dirty="0">
            <a:latin typeface="Narkisim" panose="020E0502050101010101" pitchFamily="34" charset="-79"/>
            <a:cs typeface="Narkisim" panose="020E0502050101010101" pitchFamily="34" charset="-79"/>
          </a:endParaRPr>
        </a:p>
      </dsp:txBody>
      <dsp:txXfrm>
        <a:off x="6391378" y="462700"/>
        <a:ext cx="1047159" cy="486785"/>
      </dsp:txXfrm>
    </dsp:sp>
    <dsp:sp modelId="{22801F67-F9DB-4BE8-9041-46A385FDBD12}">
      <dsp:nvSpPr>
        <dsp:cNvPr id="0" name=""/>
        <dsp:cNvSpPr/>
      </dsp:nvSpPr>
      <dsp:spPr>
        <a:xfrm rot="10800000">
          <a:off x="6734338" y="1308020"/>
          <a:ext cx="361239" cy="200868"/>
        </a:xfrm>
        <a:prstGeom prst="triangle">
          <a:avLst/>
        </a:prstGeom>
        <a:solidFill>
          <a:schemeClr val="dk2">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49469378-6FE7-4735-9231-8CB165AA1512}">
      <dsp:nvSpPr>
        <dsp:cNvPr id="0" name=""/>
        <dsp:cNvSpPr/>
      </dsp:nvSpPr>
      <dsp:spPr>
        <a:xfrm>
          <a:off x="6128187" y="1755236"/>
          <a:ext cx="1573541" cy="688419"/>
        </a:xfrm>
        <a:prstGeom prst="ellipse">
          <a:avLst/>
        </a:prstGeom>
        <a:solidFill>
          <a:schemeClr val="dk2">
            <a:hueOff val="0"/>
            <a:satOff val="0"/>
            <a:lumOff val="0"/>
            <a:alphaOff val="0"/>
          </a:schemeClr>
        </a:solidFill>
        <a:ln w="25400" cap="flat" cmpd="sng" algn="ctr">
          <a:solidFill>
            <a:schemeClr val="l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lvl="0" algn="ctr" defTabSz="889000" rtl="1">
            <a:lnSpc>
              <a:spcPct val="90000"/>
            </a:lnSpc>
            <a:spcBef>
              <a:spcPct val="0"/>
            </a:spcBef>
            <a:spcAft>
              <a:spcPct val="35000"/>
            </a:spcAft>
          </a:pPr>
          <a:r>
            <a:rPr lang="he-IL" sz="2000" kern="1200" dirty="0" smtClean="0">
              <a:latin typeface="Narkisim" panose="020E0502050101010101" pitchFamily="34" charset="-79"/>
              <a:cs typeface="Narkisim" panose="020E0502050101010101" pitchFamily="34" charset="-79"/>
            </a:rPr>
            <a:t>תובנות לתופעות</a:t>
          </a:r>
          <a:endParaRPr lang="he-IL" sz="2000" kern="1200" dirty="0">
            <a:latin typeface="Narkisim" panose="020E0502050101010101" pitchFamily="34" charset="-79"/>
            <a:cs typeface="Narkisim" panose="020E0502050101010101" pitchFamily="34" charset="-79"/>
          </a:endParaRPr>
        </a:p>
      </dsp:txBody>
      <dsp:txXfrm>
        <a:off x="6358627" y="1856053"/>
        <a:ext cx="1112661" cy="486785"/>
      </dsp:txXfrm>
    </dsp:sp>
    <dsp:sp modelId="{7F82953F-9EB8-4065-848A-4EC7E4B9AFC7}">
      <dsp:nvSpPr>
        <dsp:cNvPr id="0" name=""/>
        <dsp:cNvSpPr/>
      </dsp:nvSpPr>
      <dsp:spPr>
        <a:xfrm rot="10934984">
          <a:off x="6713155" y="2538204"/>
          <a:ext cx="361239" cy="200868"/>
        </a:xfrm>
        <a:prstGeom prst="triangle">
          <a:avLst/>
        </a:prstGeom>
        <a:solidFill>
          <a:schemeClr val="dk2">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58A9F8F2-387D-4B2D-A2A8-3071A3F8C535}">
      <dsp:nvSpPr>
        <dsp:cNvPr id="0" name=""/>
        <dsp:cNvSpPr/>
      </dsp:nvSpPr>
      <dsp:spPr>
        <a:xfrm>
          <a:off x="5481930" y="2821812"/>
          <a:ext cx="2725791" cy="2125648"/>
        </a:xfrm>
        <a:prstGeom prst="ellipse">
          <a:avLst/>
        </a:prstGeom>
        <a:solidFill>
          <a:srgbClr val="250A56"/>
        </a:solidFill>
        <a:ln w="25400" cap="flat" cmpd="sng" algn="ctr">
          <a:solidFill>
            <a:schemeClr val="l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lvl="0" algn="ctr" defTabSz="1600200" rtl="1">
            <a:lnSpc>
              <a:spcPct val="90000"/>
            </a:lnSpc>
            <a:spcBef>
              <a:spcPct val="0"/>
            </a:spcBef>
            <a:spcAft>
              <a:spcPct val="35000"/>
            </a:spcAft>
          </a:pPr>
          <a:r>
            <a:rPr lang="he-IL" sz="3600" kern="1200" dirty="0" smtClean="0">
              <a:latin typeface="Narkisim" panose="020E0502050101010101" pitchFamily="34" charset="-79"/>
              <a:cs typeface="Narkisim" panose="020E0502050101010101" pitchFamily="34" charset="-79"/>
            </a:rPr>
            <a:t>חקירה</a:t>
          </a:r>
        </a:p>
        <a:p>
          <a:pPr lvl="0" algn="ctr" defTabSz="1600200" rtl="1">
            <a:lnSpc>
              <a:spcPct val="90000"/>
            </a:lnSpc>
            <a:spcBef>
              <a:spcPct val="0"/>
            </a:spcBef>
            <a:spcAft>
              <a:spcPct val="35000"/>
            </a:spcAft>
          </a:pPr>
          <a:endParaRPr lang="he-IL" sz="3600" kern="1200" dirty="0" smtClean="0">
            <a:latin typeface="Narkisim" panose="020E0502050101010101" pitchFamily="34" charset="-79"/>
            <a:cs typeface="Narkisim" panose="020E0502050101010101" pitchFamily="34" charset="-79"/>
          </a:endParaRPr>
        </a:p>
        <a:p>
          <a:pPr lvl="0" algn="ctr" defTabSz="1600200" rtl="1">
            <a:lnSpc>
              <a:spcPct val="90000"/>
            </a:lnSpc>
            <a:spcBef>
              <a:spcPct val="0"/>
            </a:spcBef>
            <a:spcAft>
              <a:spcPct val="35000"/>
            </a:spcAft>
          </a:pPr>
          <a:r>
            <a:rPr lang="he-IL" sz="3600" kern="1200" dirty="0" smtClean="0">
              <a:latin typeface="Narkisim" panose="020E0502050101010101" pitchFamily="34" charset="-79"/>
              <a:cs typeface="Narkisim" panose="020E0502050101010101" pitchFamily="34" charset="-79"/>
            </a:rPr>
            <a:t>תכלית אסטרטגית</a:t>
          </a:r>
          <a:endParaRPr lang="he-IL" sz="3600" kern="1200" dirty="0">
            <a:latin typeface="Narkisim" panose="020E0502050101010101" pitchFamily="34" charset="-79"/>
            <a:cs typeface="Narkisim" panose="020E0502050101010101" pitchFamily="34" charset="-79"/>
          </a:endParaRPr>
        </a:p>
      </dsp:txBody>
      <dsp:txXfrm>
        <a:off x="5881113" y="3133106"/>
        <a:ext cx="1927425" cy="1503060"/>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CDD6A14-B5EE-4D28-A1BF-C27175E1E20B}">
      <dsp:nvSpPr>
        <dsp:cNvPr id="0" name=""/>
        <dsp:cNvSpPr/>
      </dsp:nvSpPr>
      <dsp:spPr>
        <a:xfrm>
          <a:off x="4519014" y="2808303"/>
          <a:ext cx="3762146" cy="2047617"/>
        </a:xfrm>
        <a:prstGeom prst="ellipse">
          <a:avLst/>
        </a:prstGeom>
        <a:solidFill>
          <a:srgbClr val="00B0F0"/>
        </a:solidFill>
        <a:ln w="25400" cap="flat" cmpd="sng" algn="ctr">
          <a:solidFill>
            <a:schemeClr val="l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5560" tIns="35560" rIns="35560" bIns="35560" numCol="1" spcCol="1270" anchor="ctr" anchorCtr="0">
          <a:noAutofit/>
        </a:bodyPr>
        <a:lstStyle/>
        <a:p>
          <a:pPr lvl="0" algn="ctr" defTabSz="1244600" rtl="1">
            <a:lnSpc>
              <a:spcPct val="90000"/>
            </a:lnSpc>
            <a:spcBef>
              <a:spcPct val="0"/>
            </a:spcBef>
            <a:spcAft>
              <a:spcPct val="35000"/>
            </a:spcAft>
          </a:pPr>
          <a:r>
            <a:rPr lang="he-IL" sz="2800" kern="1200" dirty="0" smtClean="0">
              <a:latin typeface="Narkisim" panose="020E0502050101010101" pitchFamily="34" charset="-79"/>
              <a:cs typeface="Narkisim" panose="020E0502050101010101" pitchFamily="34" charset="-79"/>
            </a:rPr>
            <a:t>איתור </a:t>
          </a:r>
        </a:p>
        <a:p>
          <a:pPr lvl="0" algn="ctr" defTabSz="1244600" rtl="1">
            <a:lnSpc>
              <a:spcPct val="90000"/>
            </a:lnSpc>
            <a:spcBef>
              <a:spcPct val="0"/>
            </a:spcBef>
            <a:spcAft>
              <a:spcPct val="35000"/>
            </a:spcAft>
          </a:pPr>
          <a:r>
            <a:rPr lang="he-IL" sz="2800" kern="1200" dirty="0" smtClean="0">
              <a:latin typeface="Narkisim" panose="020E0502050101010101" pitchFamily="34" charset="-79"/>
              <a:cs typeface="Narkisim" panose="020E0502050101010101" pitchFamily="34" charset="-79"/>
            </a:rPr>
            <a:t>הפוטנציאל</a:t>
          </a:r>
          <a:endParaRPr lang="he-IL" sz="2800" kern="1200" dirty="0">
            <a:latin typeface="Narkisim" panose="020E0502050101010101" pitchFamily="34" charset="-79"/>
            <a:cs typeface="Narkisim" panose="020E0502050101010101" pitchFamily="34" charset="-79"/>
          </a:endParaRPr>
        </a:p>
      </dsp:txBody>
      <dsp:txXfrm>
        <a:off x="5069968" y="3108170"/>
        <a:ext cx="2660238" cy="1447883"/>
      </dsp:txXfrm>
    </dsp:sp>
    <dsp:sp modelId="{0F7E5358-42FB-48B1-B44D-0809ABAA64F9}">
      <dsp:nvSpPr>
        <dsp:cNvPr id="0" name=""/>
        <dsp:cNvSpPr/>
      </dsp:nvSpPr>
      <dsp:spPr>
        <a:xfrm rot="5871006">
          <a:off x="3121149" y="3239360"/>
          <a:ext cx="1063460" cy="1297325"/>
        </a:xfrm>
        <a:prstGeom prst="triangle">
          <a:avLst/>
        </a:prstGeom>
        <a:solidFill>
          <a:srgbClr val="00B0F0"/>
        </a:solidFill>
        <a:ln>
          <a:noFill/>
        </a:ln>
        <a:effectLst/>
      </dsp:spPr>
      <dsp:style>
        <a:lnRef idx="0">
          <a:scrgbClr r="0" g="0" b="0"/>
        </a:lnRef>
        <a:fillRef idx="1">
          <a:scrgbClr r="0" g="0" b="0"/>
        </a:fillRef>
        <a:effectRef idx="0">
          <a:scrgbClr r="0" g="0" b="0"/>
        </a:effectRef>
        <a:fontRef idx="minor">
          <a:schemeClr val="lt1"/>
        </a:fontRef>
      </dsp:style>
    </dsp:sp>
    <dsp:sp modelId="{6CAFFE8C-4AFE-46B6-A82F-C0B53B3908C7}">
      <dsp:nvSpPr>
        <dsp:cNvPr id="0" name=""/>
        <dsp:cNvSpPr/>
      </dsp:nvSpPr>
      <dsp:spPr>
        <a:xfrm>
          <a:off x="217317" y="2795445"/>
          <a:ext cx="2903253" cy="1811949"/>
        </a:xfrm>
        <a:prstGeom prst="ellipse">
          <a:avLst/>
        </a:prstGeom>
        <a:solidFill>
          <a:srgbClr val="FFC000"/>
        </a:solidFill>
        <a:ln w="25400" cap="flat" cmpd="sng" algn="ctr">
          <a:solidFill>
            <a:schemeClr val="l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5560" tIns="35560" rIns="35560" bIns="35560" numCol="1" spcCol="1270" anchor="ctr" anchorCtr="0">
          <a:noAutofit/>
        </a:bodyPr>
        <a:lstStyle/>
        <a:p>
          <a:pPr lvl="0" algn="ctr" defTabSz="1244600" rtl="1">
            <a:lnSpc>
              <a:spcPct val="90000"/>
            </a:lnSpc>
            <a:spcBef>
              <a:spcPct val="0"/>
            </a:spcBef>
            <a:spcAft>
              <a:spcPct val="35000"/>
            </a:spcAft>
          </a:pPr>
          <a:r>
            <a:rPr lang="he-IL" sz="2800" kern="1200" dirty="0" smtClean="0">
              <a:latin typeface="Narkisim" panose="020E0502050101010101" pitchFamily="34" charset="-79"/>
              <a:cs typeface="Narkisim" panose="020E0502050101010101" pitchFamily="34" charset="-79"/>
            </a:rPr>
            <a:t>הפער</a:t>
          </a:r>
          <a:endParaRPr lang="he-IL" sz="2800" kern="1200" dirty="0">
            <a:latin typeface="Narkisim" panose="020E0502050101010101" pitchFamily="34" charset="-79"/>
            <a:cs typeface="Narkisim" panose="020E0502050101010101" pitchFamily="34" charset="-79"/>
          </a:endParaRPr>
        </a:p>
      </dsp:txBody>
      <dsp:txXfrm>
        <a:off x="642489" y="3060799"/>
        <a:ext cx="2052909" cy="1281241"/>
      </dsp:txXfrm>
    </dsp:sp>
    <dsp:sp modelId="{1C78F3A2-D19B-4867-8C60-4AEBA4043A78}">
      <dsp:nvSpPr>
        <dsp:cNvPr id="0" name=""/>
        <dsp:cNvSpPr/>
      </dsp:nvSpPr>
      <dsp:spPr>
        <a:xfrm rot="331466">
          <a:off x="6159419" y="2141017"/>
          <a:ext cx="668700" cy="648578"/>
        </a:xfrm>
        <a:prstGeom prst="triangle">
          <a:avLst/>
        </a:prstGeom>
        <a:solidFill>
          <a:srgbClr val="00B0F0"/>
        </a:solidFill>
        <a:ln>
          <a:noFill/>
        </a:ln>
        <a:effectLst/>
      </dsp:spPr>
      <dsp:style>
        <a:lnRef idx="0">
          <a:scrgbClr r="0" g="0" b="0"/>
        </a:lnRef>
        <a:fillRef idx="1">
          <a:scrgbClr r="0" g="0" b="0"/>
        </a:fillRef>
        <a:effectRef idx="0">
          <a:scrgbClr r="0" g="0" b="0"/>
        </a:effectRef>
        <a:fontRef idx="minor">
          <a:schemeClr val="lt1"/>
        </a:fontRef>
      </dsp:style>
    </dsp:sp>
    <dsp:sp modelId="{CCDCA351-76C7-4791-83D5-E5F91BFB543A}">
      <dsp:nvSpPr>
        <dsp:cNvPr id="0" name=""/>
        <dsp:cNvSpPr/>
      </dsp:nvSpPr>
      <dsp:spPr>
        <a:xfrm>
          <a:off x="4687344" y="0"/>
          <a:ext cx="3558206" cy="2141688"/>
        </a:xfrm>
        <a:prstGeom prst="ellipse">
          <a:avLst/>
        </a:prstGeom>
        <a:solidFill>
          <a:srgbClr val="00B0F0"/>
        </a:solidFill>
        <a:ln w="25400" cap="flat" cmpd="sng" algn="ctr">
          <a:solidFill>
            <a:schemeClr val="l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0640" tIns="40640" rIns="40640" bIns="40640" numCol="1" spcCol="1270" anchor="ctr" anchorCtr="0">
          <a:noAutofit/>
        </a:bodyPr>
        <a:lstStyle/>
        <a:p>
          <a:pPr lvl="0" algn="ctr" defTabSz="1422400" rtl="1">
            <a:lnSpc>
              <a:spcPct val="90000"/>
            </a:lnSpc>
            <a:spcBef>
              <a:spcPct val="0"/>
            </a:spcBef>
            <a:spcAft>
              <a:spcPct val="35000"/>
            </a:spcAft>
          </a:pPr>
          <a:r>
            <a:rPr lang="he-IL" sz="3200" kern="1200" dirty="0" smtClean="0">
              <a:latin typeface="Narkisim" panose="020E0502050101010101" pitchFamily="34" charset="-79"/>
              <a:cs typeface="Narkisim" panose="020E0502050101010101" pitchFamily="34" charset="-79"/>
            </a:rPr>
            <a:t>ניתוח מערכתי להבנת הסביבה החדשה</a:t>
          </a:r>
          <a:endParaRPr lang="he-IL" sz="3200" kern="1200" dirty="0">
            <a:latin typeface="Narkisim" panose="020E0502050101010101" pitchFamily="34" charset="-79"/>
            <a:cs typeface="Narkisim" panose="020E0502050101010101" pitchFamily="34" charset="-79"/>
          </a:endParaRPr>
        </a:p>
      </dsp:txBody>
      <dsp:txXfrm>
        <a:off x="5208431" y="313643"/>
        <a:ext cx="2516032" cy="1514402"/>
      </dsp:txXfrm>
    </dsp:sp>
    <dsp:sp modelId="{8DB4EEA0-5FBB-4A7F-A864-F6103BECEB9E}">
      <dsp:nvSpPr>
        <dsp:cNvPr id="0" name=""/>
        <dsp:cNvSpPr/>
      </dsp:nvSpPr>
      <dsp:spPr>
        <a:xfrm rot="10632354">
          <a:off x="1412286" y="1713307"/>
          <a:ext cx="1202202" cy="1390902"/>
        </a:xfrm>
        <a:prstGeom prst="triangle">
          <a:avLst/>
        </a:prstGeom>
        <a:solidFill>
          <a:srgbClr val="00B0F0"/>
        </a:solidFill>
        <a:ln>
          <a:noFill/>
        </a:ln>
        <a:effectLst/>
      </dsp:spPr>
      <dsp:style>
        <a:lnRef idx="0">
          <a:scrgbClr r="0" g="0" b="0"/>
        </a:lnRef>
        <a:fillRef idx="1">
          <a:scrgbClr r="0" g="0" b="0"/>
        </a:fillRef>
        <a:effectRef idx="0">
          <a:scrgbClr r="0" g="0" b="0"/>
        </a:effectRef>
        <a:fontRef idx="minor">
          <a:schemeClr val="lt1"/>
        </a:fontRef>
      </dsp:style>
    </dsp:sp>
    <dsp:sp modelId="{58A9F8F2-387D-4B2D-A2A8-3071A3F8C535}">
      <dsp:nvSpPr>
        <dsp:cNvPr id="0" name=""/>
        <dsp:cNvSpPr/>
      </dsp:nvSpPr>
      <dsp:spPr>
        <a:xfrm>
          <a:off x="368522" y="156855"/>
          <a:ext cx="3095509" cy="1910572"/>
        </a:xfrm>
        <a:prstGeom prst="ellipse">
          <a:avLst/>
        </a:prstGeom>
        <a:solidFill>
          <a:srgbClr val="250A56"/>
        </a:solidFill>
        <a:ln w="25400" cap="flat" cmpd="sng" algn="ctr">
          <a:solidFill>
            <a:schemeClr val="l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5560" tIns="35560" rIns="35560" bIns="35560" numCol="1" spcCol="1270" anchor="ctr" anchorCtr="0">
          <a:noAutofit/>
        </a:bodyPr>
        <a:lstStyle/>
        <a:p>
          <a:pPr lvl="0" algn="ctr" defTabSz="1244600" rtl="1">
            <a:lnSpc>
              <a:spcPct val="90000"/>
            </a:lnSpc>
            <a:spcBef>
              <a:spcPct val="0"/>
            </a:spcBef>
            <a:spcAft>
              <a:spcPct val="35000"/>
            </a:spcAft>
          </a:pPr>
          <a:r>
            <a:rPr lang="he-IL" sz="2800" b="1" kern="1200" dirty="0" smtClean="0">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תכלית</a:t>
          </a:r>
        </a:p>
        <a:p>
          <a:pPr lvl="0" algn="ctr" defTabSz="1244600" rtl="1">
            <a:lnSpc>
              <a:spcPct val="90000"/>
            </a:lnSpc>
            <a:spcBef>
              <a:spcPct val="0"/>
            </a:spcBef>
            <a:spcAft>
              <a:spcPct val="35000"/>
            </a:spcAft>
          </a:pPr>
          <a:r>
            <a:rPr lang="he-IL" sz="2800" b="1" kern="1200" dirty="0" smtClean="0">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אסטרטגית</a:t>
          </a:r>
          <a:endParaRPr lang="he-IL" sz="2800" b="1" kern="1200" dirty="0">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dsp:txBody>
      <dsp:txXfrm>
        <a:off x="821849" y="436652"/>
        <a:ext cx="2188855" cy="1350978"/>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84C6123-5843-4D7F-A6A0-BC3EFCF4D33F}">
      <dsp:nvSpPr>
        <dsp:cNvPr id="0" name=""/>
        <dsp:cNvSpPr/>
      </dsp:nvSpPr>
      <dsp:spPr>
        <a:xfrm>
          <a:off x="3068328" y="4673809"/>
          <a:ext cx="88073" cy="88073"/>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40359211-81BF-4EA1-9225-9FFA8D6134A2}">
      <dsp:nvSpPr>
        <dsp:cNvPr id="0" name=""/>
        <dsp:cNvSpPr/>
      </dsp:nvSpPr>
      <dsp:spPr>
        <a:xfrm>
          <a:off x="2873088" y="4753157"/>
          <a:ext cx="88073" cy="88073"/>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9C97B08E-377F-4E6C-A4D1-4CA840353159}">
      <dsp:nvSpPr>
        <dsp:cNvPr id="0" name=""/>
        <dsp:cNvSpPr/>
      </dsp:nvSpPr>
      <dsp:spPr>
        <a:xfrm>
          <a:off x="2673537" y="4818751"/>
          <a:ext cx="88073" cy="88073"/>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A3BC74F4-CEC5-457B-A510-6190DB810ADD}">
      <dsp:nvSpPr>
        <dsp:cNvPr id="0" name=""/>
        <dsp:cNvSpPr/>
      </dsp:nvSpPr>
      <dsp:spPr>
        <a:xfrm>
          <a:off x="2470906" y="4869534"/>
          <a:ext cx="88073" cy="88073"/>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91FF8811-3BC8-4409-9BDD-9D4E132E9B99}">
      <dsp:nvSpPr>
        <dsp:cNvPr id="0" name=""/>
        <dsp:cNvSpPr/>
      </dsp:nvSpPr>
      <dsp:spPr>
        <a:xfrm>
          <a:off x="4133833" y="3905721"/>
          <a:ext cx="88073" cy="88073"/>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A59D5D15-0FEE-4988-853E-521192EEA2B5}">
      <dsp:nvSpPr>
        <dsp:cNvPr id="0" name=""/>
        <dsp:cNvSpPr/>
      </dsp:nvSpPr>
      <dsp:spPr>
        <a:xfrm>
          <a:off x="3979242" y="4062301"/>
          <a:ext cx="88073" cy="88073"/>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FF0B03E7-275D-4F91-ADBD-CB372BFD02DB}">
      <dsp:nvSpPr>
        <dsp:cNvPr id="0" name=""/>
        <dsp:cNvSpPr/>
      </dsp:nvSpPr>
      <dsp:spPr>
        <a:xfrm>
          <a:off x="4773752" y="2953545"/>
          <a:ext cx="88073" cy="88073"/>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A32379F9-2EE9-4A5C-A434-85FC42868FE5}">
      <dsp:nvSpPr>
        <dsp:cNvPr id="0" name=""/>
        <dsp:cNvSpPr/>
      </dsp:nvSpPr>
      <dsp:spPr>
        <a:xfrm>
          <a:off x="5117423" y="1793478"/>
          <a:ext cx="88073" cy="88073"/>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ED29B46F-C3BC-46F8-B65C-EF663FE8213C}">
      <dsp:nvSpPr>
        <dsp:cNvPr id="0" name=""/>
        <dsp:cNvSpPr/>
      </dsp:nvSpPr>
      <dsp:spPr>
        <a:xfrm>
          <a:off x="4945587" y="421288"/>
          <a:ext cx="88073" cy="88073"/>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1A372EF2-02AC-4CCF-B0F2-E73AA078A2E0}">
      <dsp:nvSpPr>
        <dsp:cNvPr id="0" name=""/>
        <dsp:cNvSpPr/>
      </dsp:nvSpPr>
      <dsp:spPr>
        <a:xfrm>
          <a:off x="5073694" y="322367"/>
          <a:ext cx="88073" cy="88073"/>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6E01ECB2-DCD1-41EB-BC4C-C6A14CCB5675}">
      <dsp:nvSpPr>
        <dsp:cNvPr id="0" name=""/>
        <dsp:cNvSpPr/>
      </dsp:nvSpPr>
      <dsp:spPr>
        <a:xfrm>
          <a:off x="5201801" y="222918"/>
          <a:ext cx="88073" cy="88073"/>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E1A88188-F016-4618-BC5B-DD80EA26A808}">
      <dsp:nvSpPr>
        <dsp:cNvPr id="0" name=""/>
        <dsp:cNvSpPr/>
      </dsp:nvSpPr>
      <dsp:spPr>
        <a:xfrm>
          <a:off x="5330524" y="322367"/>
          <a:ext cx="88073" cy="88073"/>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0890432E-6C1A-44EB-9714-B05ADDE079EC}">
      <dsp:nvSpPr>
        <dsp:cNvPr id="0" name=""/>
        <dsp:cNvSpPr/>
      </dsp:nvSpPr>
      <dsp:spPr>
        <a:xfrm>
          <a:off x="5458631" y="421288"/>
          <a:ext cx="88073" cy="88073"/>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B3EABB0A-31C2-4BCB-A0A7-869848F4B205}">
      <dsp:nvSpPr>
        <dsp:cNvPr id="0" name=""/>
        <dsp:cNvSpPr/>
      </dsp:nvSpPr>
      <dsp:spPr>
        <a:xfrm>
          <a:off x="5201801" y="432396"/>
          <a:ext cx="88073" cy="88073"/>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F978D691-12D3-4C5F-88DB-A86DAC9C7326}">
      <dsp:nvSpPr>
        <dsp:cNvPr id="0" name=""/>
        <dsp:cNvSpPr/>
      </dsp:nvSpPr>
      <dsp:spPr>
        <a:xfrm>
          <a:off x="5201801" y="641875"/>
          <a:ext cx="88073" cy="88073"/>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9B8769A2-C061-43B6-8E41-9E4378809664}">
      <dsp:nvSpPr>
        <dsp:cNvPr id="0" name=""/>
        <dsp:cNvSpPr/>
      </dsp:nvSpPr>
      <dsp:spPr>
        <a:xfrm>
          <a:off x="1981574" y="5038411"/>
          <a:ext cx="1897584" cy="508884"/>
        </a:xfrm>
        <a:prstGeom prst="roundRect">
          <a:avLst/>
        </a:prstGeom>
        <a:blipFill rotWithShape="0">
          <a:blip xmlns:r="http://schemas.openxmlformats.org/officeDocument/2006/relationships" r:embed="rId1"/>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01655" tIns="83820" rIns="83820" bIns="83820" numCol="1" spcCol="1270" anchor="ctr" anchorCtr="0">
          <a:noAutofit/>
        </a:bodyPr>
        <a:lstStyle/>
        <a:p>
          <a:pPr lvl="0" algn="r" defTabSz="977900" rtl="1">
            <a:lnSpc>
              <a:spcPct val="90000"/>
            </a:lnSpc>
            <a:spcBef>
              <a:spcPct val="0"/>
            </a:spcBef>
            <a:spcAft>
              <a:spcPct val="35000"/>
            </a:spcAft>
          </a:pPr>
          <a:r>
            <a:rPr lang="he-IL" sz="2200" kern="1200" dirty="0" smtClean="0">
              <a:solidFill>
                <a:schemeClr val="bg1"/>
              </a:solidFill>
              <a:latin typeface="Narkisim" panose="020E0502050101010101" pitchFamily="34" charset="-79"/>
              <a:cs typeface="Narkisim" panose="020E0502050101010101" pitchFamily="34" charset="-79"/>
            </a:rPr>
            <a:t>מנהיגות</a:t>
          </a:r>
          <a:endParaRPr lang="he-IL" sz="2200" kern="1200" dirty="0">
            <a:solidFill>
              <a:schemeClr val="bg1"/>
            </a:solidFill>
            <a:latin typeface="Narkisim" panose="020E0502050101010101" pitchFamily="34" charset="-79"/>
            <a:cs typeface="Narkisim" panose="020E0502050101010101" pitchFamily="34" charset="-79"/>
          </a:endParaRPr>
        </a:p>
      </dsp:txBody>
      <dsp:txXfrm>
        <a:off x="2006416" y="5063253"/>
        <a:ext cx="1847900" cy="459200"/>
      </dsp:txXfrm>
    </dsp:sp>
    <dsp:sp modelId="{65F2CB19-3984-4416-87C6-C6CF15342FE3}">
      <dsp:nvSpPr>
        <dsp:cNvPr id="0" name=""/>
        <dsp:cNvSpPr/>
      </dsp:nvSpPr>
      <dsp:spPr>
        <a:xfrm>
          <a:off x="1451240" y="4567297"/>
          <a:ext cx="880119" cy="879704"/>
        </a:xfrm>
        <a:prstGeom prst="ellipse">
          <a:avLst/>
        </a:prstGeom>
        <a:blipFill rotWithShape="1">
          <a:blip xmlns:r="http://schemas.openxmlformats.org/officeDocument/2006/relationships" r:embed="rId1"/>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8625D5BA-643B-4A6C-BA0F-FA8D0B130237}">
      <dsp:nvSpPr>
        <dsp:cNvPr id="0" name=""/>
        <dsp:cNvSpPr/>
      </dsp:nvSpPr>
      <dsp:spPr>
        <a:xfrm>
          <a:off x="3648812" y="4436954"/>
          <a:ext cx="1897584" cy="508884"/>
        </a:xfrm>
        <a:prstGeom prst="roundRect">
          <a:avLst/>
        </a:prstGeom>
        <a:solidFill>
          <a:schemeClr val="accent4">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01655" tIns="83820" rIns="83820" bIns="83820" numCol="1" spcCol="1270" anchor="ctr" anchorCtr="0">
          <a:noAutofit/>
        </a:bodyPr>
        <a:lstStyle/>
        <a:p>
          <a:pPr lvl="0" algn="r" defTabSz="977900" rtl="1">
            <a:lnSpc>
              <a:spcPct val="90000"/>
            </a:lnSpc>
            <a:spcBef>
              <a:spcPct val="0"/>
            </a:spcBef>
            <a:spcAft>
              <a:spcPct val="35000"/>
            </a:spcAft>
          </a:pPr>
          <a:r>
            <a:rPr lang="he-IL" sz="2200" kern="1200" dirty="0" smtClean="0">
              <a:latin typeface="Narkisim" panose="020E0502050101010101" pitchFamily="34" charset="-79"/>
              <a:cs typeface="Narkisim" panose="020E0502050101010101" pitchFamily="34" charset="-79"/>
            </a:rPr>
            <a:t>כלכלה וחברה</a:t>
          </a:r>
          <a:endParaRPr lang="he-IL" sz="2200" kern="1200" dirty="0">
            <a:latin typeface="Narkisim" panose="020E0502050101010101" pitchFamily="34" charset="-79"/>
            <a:cs typeface="Narkisim" panose="020E0502050101010101" pitchFamily="34" charset="-79"/>
          </a:endParaRPr>
        </a:p>
      </dsp:txBody>
      <dsp:txXfrm>
        <a:off x="3673654" y="4461796"/>
        <a:ext cx="1847900" cy="459200"/>
      </dsp:txXfrm>
    </dsp:sp>
    <dsp:sp modelId="{5DF9296B-66AE-4267-927C-07EA9543ED2B}">
      <dsp:nvSpPr>
        <dsp:cNvPr id="0" name=""/>
        <dsp:cNvSpPr/>
      </dsp:nvSpPr>
      <dsp:spPr>
        <a:xfrm>
          <a:off x="3118478" y="3965840"/>
          <a:ext cx="880119" cy="879704"/>
        </a:xfrm>
        <a:prstGeom prst="ellipse">
          <a:avLst/>
        </a:prstGeom>
        <a:blipFill rotWithShape="1">
          <a:blip xmlns:r="http://schemas.openxmlformats.org/officeDocument/2006/relationships" r:embed="rId1"/>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A3AED452-3CF5-44D7-B5DB-210CFC54172E}">
      <dsp:nvSpPr>
        <dsp:cNvPr id="0" name=""/>
        <dsp:cNvSpPr/>
      </dsp:nvSpPr>
      <dsp:spPr>
        <a:xfrm>
          <a:off x="4552952" y="3567829"/>
          <a:ext cx="1897584" cy="508884"/>
        </a:xfrm>
        <a:prstGeom prst="roundRect">
          <a:avLst/>
        </a:prstGeom>
        <a:solidFill>
          <a:schemeClr val="accent4">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01655" tIns="83820" rIns="83820" bIns="83820" numCol="1" spcCol="1270" anchor="ctr" anchorCtr="0">
          <a:noAutofit/>
        </a:bodyPr>
        <a:lstStyle/>
        <a:p>
          <a:pPr lvl="0" algn="r" defTabSz="977900" rtl="1">
            <a:lnSpc>
              <a:spcPct val="90000"/>
            </a:lnSpc>
            <a:spcBef>
              <a:spcPct val="0"/>
            </a:spcBef>
            <a:spcAft>
              <a:spcPct val="35000"/>
            </a:spcAft>
          </a:pPr>
          <a:r>
            <a:rPr lang="he-IL" sz="2200" kern="1200" dirty="0" smtClean="0">
              <a:latin typeface="Narkisim" panose="020E0502050101010101" pitchFamily="34" charset="-79"/>
              <a:cs typeface="Narkisim" panose="020E0502050101010101" pitchFamily="34" charset="-79"/>
            </a:rPr>
            <a:t>מנגנונים</a:t>
          </a:r>
          <a:endParaRPr lang="he-IL" sz="2200" kern="1200" dirty="0">
            <a:latin typeface="Narkisim" panose="020E0502050101010101" pitchFamily="34" charset="-79"/>
            <a:cs typeface="Narkisim" panose="020E0502050101010101" pitchFamily="34" charset="-79"/>
          </a:endParaRPr>
        </a:p>
      </dsp:txBody>
      <dsp:txXfrm>
        <a:off x="4577794" y="3592671"/>
        <a:ext cx="1847900" cy="459200"/>
      </dsp:txXfrm>
    </dsp:sp>
    <dsp:sp modelId="{ABA70C74-7AA1-414C-943E-6C78398F73CF}">
      <dsp:nvSpPr>
        <dsp:cNvPr id="0" name=""/>
        <dsp:cNvSpPr/>
      </dsp:nvSpPr>
      <dsp:spPr>
        <a:xfrm>
          <a:off x="4022618" y="3096715"/>
          <a:ext cx="880119" cy="879704"/>
        </a:xfrm>
        <a:prstGeom prst="ellipse">
          <a:avLst/>
        </a:prstGeom>
        <a:blipFill rotWithShape="1">
          <a:blip xmlns:r="http://schemas.openxmlformats.org/officeDocument/2006/relationships" r:embed="rId1"/>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B60D828A-78E1-4FCD-86EA-9F18F1CD4C9D}">
      <dsp:nvSpPr>
        <dsp:cNvPr id="0" name=""/>
        <dsp:cNvSpPr/>
      </dsp:nvSpPr>
      <dsp:spPr>
        <a:xfrm>
          <a:off x="5025346" y="2450610"/>
          <a:ext cx="1897584" cy="508884"/>
        </a:xfrm>
        <a:prstGeom prst="roundRect">
          <a:avLst/>
        </a:prstGeom>
        <a:solidFill>
          <a:schemeClr val="accent4">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01655" tIns="83820" rIns="83820" bIns="83820" numCol="1" spcCol="1270" anchor="ctr" anchorCtr="0">
          <a:noAutofit/>
        </a:bodyPr>
        <a:lstStyle/>
        <a:p>
          <a:pPr lvl="0" algn="r" defTabSz="977900" rtl="1">
            <a:lnSpc>
              <a:spcPct val="90000"/>
            </a:lnSpc>
            <a:spcBef>
              <a:spcPct val="0"/>
            </a:spcBef>
            <a:spcAft>
              <a:spcPct val="35000"/>
            </a:spcAft>
          </a:pPr>
          <a:r>
            <a:rPr lang="he-IL" sz="2200" kern="1200" dirty="0" smtClean="0">
              <a:latin typeface="Narkisim" panose="020E0502050101010101" pitchFamily="34" charset="-79"/>
              <a:cs typeface="Narkisim" panose="020E0502050101010101" pitchFamily="34" charset="-79"/>
            </a:rPr>
            <a:t>"הרחוב", מ"פ</a:t>
          </a:r>
          <a:endParaRPr lang="he-IL" sz="2200" kern="1200" dirty="0">
            <a:latin typeface="Narkisim" panose="020E0502050101010101" pitchFamily="34" charset="-79"/>
            <a:cs typeface="Narkisim" panose="020E0502050101010101" pitchFamily="34" charset="-79"/>
          </a:endParaRPr>
        </a:p>
      </dsp:txBody>
      <dsp:txXfrm>
        <a:off x="5050188" y="2475452"/>
        <a:ext cx="1847900" cy="459200"/>
      </dsp:txXfrm>
    </dsp:sp>
    <dsp:sp modelId="{76746D59-0772-48EF-9EA3-3F79EC7EEF1E}">
      <dsp:nvSpPr>
        <dsp:cNvPr id="0" name=""/>
        <dsp:cNvSpPr/>
      </dsp:nvSpPr>
      <dsp:spPr>
        <a:xfrm>
          <a:off x="4495012" y="1979496"/>
          <a:ext cx="880119" cy="879704"/>
        </a:xfrm>
        <a:prstGeom prst="ellipse">
          <a:avLst/>
        </a:prstGeom>
        <a:blipFill rotWithShape="1">
          <a:blip xmlns:r="http://schemas.openxmlformats.org/officeDocument/2006/relationships" r:embed="rId1"/>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8B1B09CC-B06B-4213-8154-8C05ED62653B}">
      <dsp:nvSpPr>
        <dsp:cNvPr id="0" name=""/>
        <dsp:cNvSpPr/>
      </dsp:nvSpPr>
      <dsp:spPr>
        <a:xfrm>
          <a:off x="5288335" y="1313289"/>
          <a:ext cx="1897584" cy="508884"/>
        </a:xfrm>
        <a:prstGeom prst="roundRect">
          <a:avLst/>
        </a:prstGeom>
        <a:solidFill>
          <a:schemeClr val="accent4">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01655" tIns="83820" rIns="83820" bIns="83820" numCol="1" spcCol="1270" anchor="ctr" anchorCtr="0">
          <a:noAutofit/>
        </a:bodyPr>
        <a:lstStyle/>
        <a:p>
          <a:pPr lvl="0" algn="r" defTabSz="977900" rtl="1">
            <a:lnSpc>
              <a:spcPct val="90000"/>
            </a:lnSpc>
            <a:spcBef>
              <a:spcPct val="0"/>
            </a:spcBef>
            <a:spcAft>
              <a:spcPct val="35000"/>
            </a:spcAft>
          </a:pPr>
          <a:r>
            <a:rPr lang="he-IL" sz="2200" kern="1200" dirty="0" smtClean="0">
              <a:latin typeface="Narkisim" panose="020E0502050101010101" pitchFamily="34" charset="-79"/>
              <a:cs typeface="Narkisim" panose="020E0502050101010101" pitchFamily="34" charset="-79"/>
            </a:rPr>
            <a:t>"תנזים"</a:t>
          </a:r>
          <a:endParaRPr lang="he-IL" sz="2200" kern="1200" dirty="0">
            <a:latin typeface="Narkisim" panose="020E0502050101010101" pitchFamily="34" charset="-79"/>
            <a:cs typeface="Narkisim" panose="020E0502050101010101" pitchFamily="34" charset="-79"/>
          </a:endParaRPr>
        </a:p>
      </dsp:txBody>
      <dsp:txXfrm>
        <a:off x="5313177" y="1338131"/>
        <a:ext cx="1847900" cy="459200"/>
      </dsp:txXfrm>
    </dsp:sp>
    <dsp:sp modelId="{BA58F60F-1F3F-42D4-BFD7-FB7711C81441}">
      <dsp:nvSpPr>
        <dsp:cNvPr id="0" name=""/>
        <dsp:cNvSpPr/>
      </dsp:nvSpPr>
      <dsp:spPr>
        <a:xfrm>
          <a:off x="4758001" y="842175"/>
          <a:ext cx="880119" cy="879704"/>
        </a:xfrm>
        <a:prstGeom prst="ellipse">
          <a:avLst/>
        </a:prstGeom>
        <a:blipFill rotWithShape="1">
          <a:blip xmlns:r="http://schemas.openxmlformats.org/officeDocument/2006/relationships" r:embed="rId1"/>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84C6123-5843-4D7F-A6A0-BC3EFCF4D33F}">
      <dsp:nvSpPr>
        <dsp:cNvPr id="0" name=""/>
        <dsp:cNvSpPr/>
      </dsp:nvSpPr>
      <dsp:spPr>
        <a:xfrm>
          <a:off x="3220851" y="4324208"/>
          <a:ext cx="102046" cy="102046"/>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40359211-81BF-4EA1-9225-9FFA8D6134A2}">
      <dsp:nvSpPr>
        <dsp:cNvPr id="0" name=""/>
        <dsp:cNvSpPr/>
      </dsp:nvSpPr>
      <dsp:spPr>
        <a:xfrm>
          <a:off x="2993537" y="4427859"/>
          <a:ext cx="102046" cy="102046"/>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9C97B08E-377F-4E6C-A4D1-4CA840353159}">
      <dsp:nvSpPr>
        <dsp:cNvPr id="0" name=""/>
        <dsp:cNvSpPr/>
      </dsp:nvSpPr>
      <dsp:spPr>
        <a:xfrm>
          <a:off x="2759501" y="4513191"/>
          <a:ext cx="102046" cy="102046"/>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A3BC74F4-CEC5-457B-A510-6190DB810ADD}">
      <dsp:nvSpPr>
        <dsp:cNvPr id="0" name=""/>
        <dsp:cNvSpPr/>
      </dsp:nvSpPr>
      <dsp:spPr>
        <a:xfrm>
          <a:off x="2518744" y="4579720"/>
          <a:ext cx="102046" cy="102046"/>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91FF8811-3BC8-4409-9BDD-9D4E132E9B99}">
      <dsp:nvSpPr>
        <dsp:cNvPr id="0" name=""/>
        <dsp:cNvSpPr/>
      </dsp:nvSpPr>
      <dsp:spPr>
        <a:xfrm>
          <a:off x="4283482" y="3458361"/>
          <a:ext cx="102046" cy="102046"/>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A59D5D15-0FEE-4988-853E-521192EEA2B5}">
      <dsp:nvSpPr>
        <dsp:cNvPr id="0" name=""/>
        <dsp:cNvSpPr/>
      </dsp:nvSpPr>
      <dsp:spPr>
        <a:xfrm>
          <a:off x="4889653" y="2188033"/>
          <a:ext cx="102046" cy="102046"/>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ED29B46F-C3BC-46F8-B65C-EF663FE8213C}">
      <dsp:nvSpPr>
        <dsp:cNvPr id="0" name=""/>
        <dsp:cNvSpPr/>
      </dsp:nvSpPr>
      <dsp:spPr>
        <a:xfrm>
          <a:off x="4725889" y="602896"/>
          <a:ext cx="102046" cy="102046"/>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1A372EF2-02AC-4CCF-B0F2-E73AA078A2E0}">
      <dsp:nvSpPr>
        <dsp:cNvPr id="0" name=""/>
        <dsp:cNvSpPr/>
      </dsp:nvSpPr>
      <dsp:spPr>
        <a:xfrm>
          <a:off x="4871321" y="499727"/>
          <a:ext cx="102046" cy="102046"/>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6E01ECB2-DCD1-41EB-BC4C-C6A14CCB5675}">
      <dsp:nvSpPr>
        <dsp:cNvPr id="0" name=""/>
        <dsp:cNvSpPr/>
      </dsp:nvSpPr>
      <dsp:spPr>
        <a:xfrm>
          <a:off x="5016753" y="396558"/>
          <a:ext cx="102046" cy="102046"/>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E1A88188-F016-4618-BC5B-DD80EA26A808}">
      <dsp:nvSpPr>
        <dsp:cNvPr id="0" name=""/>
        <dsp:cNvSpPr/>
      </dsp:nvSpPr>
      <dsp:spPr>
        <a:xfrm>
          <a:off x="5162185" y="499727"/>
          <a:ext cx="102046" cy="102046"/>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0890432E-6C1A-44EB-9714-B05ADDE079EC}">
      <dsp:nvSpPr>
        <dsp:cNvPr id="0" name=""/>
        <dsp:cNvSpPr/>
      </dsp:nvSpPr>
      <dsp:spPr>
        <a:xfrm>
          <a:off x="5308228" y="602896"/>
          <a:ext cx="102046" cy="102046"/>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B3EABB0A-31C2-4BCB-A0A7-869848F4B205}">
      <dsp:nvSpPr>
        <dsp:cNvPr id="0" name=""/>
        <dsp:cNvSpPr/>
      </dsp:nvSpPr>
      <dsp:spPr>
        <a:xfrm>
          <a:off x="5016753" y="614466"/>
          <a:ext cx="102046" cy="102046"/>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F978D691-12D3-4C5F-88DB-A86DAC9C7326}">
      <dsp:nvSpPr>
        <dsp:cNvPr id="0" name=""/>
        <dsp:cNvSpPr/>
      </dsp:nvSpPr>
      <dsp:spPr>
        <a:xfrm>
          <a:off x="5016753" y="832374"/>
          <a:ext cx="102046" cy="102046"/>
        </a:xfrm>
        <a:prstGeom prst="ellipse">
          <a:avLst/>
        </a:prstGeom>
        <a:solidFill>
          <a:schemeClr val="accent4">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9B8769A2-C061-43B6-8E41-9E4378809664}">
      <dsp:nvSpPr>
        <dsp:cNvPr id="0" name=""/>
        <dsp:cNvSpPr/>
      </dsp:nvSpPr>
      <dsp:spPr>
        <a:xfrm>
          <a:off x="1936710" y="4784533"/>
          <a:ext cx="2196756" cy="589123"/>
        </a:xfrm>
        <a:prstGeom prst="roundRect">
          <a:avLst/>
        </a:prstGeom>
        <a:blipFill rotWithShape="0">
          <a:blip xmlns:r="http://schemas.openxmlformats.org/officeDocument/2006/relationships" r:embed="rId1"/>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64980" tIns="76200" rIns="76200" bIns="76200" numCol="1" spcCol="1270" anchor="ctr" anchorCtr="0">
          <a:noAutofit/>
        </a:bodyPr>
        <a:lstStyle/>
        <a:p>
          <a:pPr lvl="0" algn="r" defTabSz="889000" rtl="1">
            <a:lnSpc>
              <a:spcPct val="90000"/>
            </a:lnSpc>
            <a:spcBef>
              <a:spcPct val="0"/>
            </a:spcBef>
            <a:spcAft>
              <a:spcPct val="35000"/>
            </a:spcAft>
          </a:pPr>
          <a:r>
            <a:rPr lang="he-IL" sz="2000" kern="1200" dirty="0" smtClean="0">
              <a:solidFill>
                <a:schemeClr val="bg1"/>
              </a:solidFill>
              <a:latin typeface="Narkisim" panose="020E0502050101010101" pitchFamily="34" charset="-79"/>
              <a:cs typeface="Narkisim" panose="020E0502050101010101" pitchFamily="34" charset="-79"/>
            </a:rPr>
            <a:t>מנהיגות עתידית</a:t>
          </a:r>
          <a:endParaRPr lang="he-IL" sz="2000" kern="1200" dirty="0">
            <a:solidFill>
              <a:schemeClr val="bg1"/>
            </a:solidFill>
            <a:latin typeface="Narkisim" panose="020E0502050101010101" pitchFamily="34" charset="-79"/>
            <a:cs typeface="Narkisim" panose="020E0502050101010101" pitchFamily="34" charset="-79"/>
          </a:endParaRPr>
        </a:p>
      </dsp:txBody>
      <dsp:txXfrm>
        <a:off x="1965469" y="4813292"/>
        <a:ext cx="2139238" cy="531605"/>
      </dsp:txXfrm>
    </dsp:sp>
    <dsp:sp modelId="{65F2CB19-3984-4416-87C6-C6CF15342FE3}">
      <dsp:nvSpPr>
        <dsp:cNvPr id="0" name=""/>
        <dsp:cNvSpPr/>
      </dsp:nvSpPr>
      <dsp:spPr>
        <a:xfrm>
          <a:off x="1323104" y="4238531"/>
          <a:ext cx="1018635" cy="1018672"/>
        </a:xfrm>
        <a:prstGeom prst="ellipse">
          <a:avLst/>
        </a:prstGeom>
        <a:blipFill rotWithShape="1">
          <a:blip xmlns:r="http://schemas.openxmlformats.org/officeDocument/2006/relationships" r:embed="rId1"/>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DE603079-1495-4C7A-ACA6-BC5D62395642}">
      <dsp:nvSpPr>
        <dsp:cNvPr id="0" name=""/>
        <dsp:cNvSpPr/>
      </dsp:nvSpPr>
      <dsp:spPr>
        <a:xfrm>
          <a:off x="3908598" y="4073439"/>
          <a:ext cx="2196756" cy="589123"/>
        </a:xfrm>
        <a:prstGeom prst="roundRect">
          <a:avLst/>
        </a:prstGeom>
        <a:solidFill>
          <a:schemeClr val="accent4">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64980" tIns="91440" rIns="91440" bIns="91440" numCol="1" spcCol="1270" anchor="ctr" anchorCtr="0">
          <a:noAutofit/>
        </a:bodyPr>
        <a:lstStyle/>
        <a:p>
          <a:pPr lvl="0" algn="r" defTabSz="1066800" rtl="1">
            <a:lnSpc>
              <a:spcPct val="90000"/>
            </a:lnSpc>
            <a:spcBef>
              <a:spcPct val="0"/>
            </a:spcBef>
            <a:spcAft>
              <a:spcPct val="35000"/>
            </a:spcAft>
          </a:pPr>
          <a:r>
            <a:rPr lang="he-IL" sz="2400" kern="1200" dirty="0" smtClean="0">
              <a:latin typeface="Narkisim" panose="020E0502050101010101" pitchFamily="34" charset="-79"/>
              <a:cs typeface="Narkisim" panose="020E0502050101010101" pitchFamily="34" charset="-79"/>
            </a:rPr>
            <a:t>התפרקות הרש"פ</a:t>
          </a:r>
          <a:endParaRPr lang="he-IL" sz="2400" kern="1200" dirty="0">
            <a:latin typeface="Narkisim" panose="020E0502050101010101" pitchFamily="34" charset="-79"/>
            <a:cs typeface="Narkisim" panose="020E0502050101010101" pitchFamily="34" charset="-79"/>
          </a:endParaRPr>
        </a:p>
      </dsp:txBody>
      <dsp:txXfrm>
        <a:off x="3937357" y="4102198"/>
        <a:ext cx="2139238" cy="531605"/>
      </dsp:txXfrm>
    </dsp:sp>
    <dsp:sp modelId="{ABA70C74-7AA1-414C-943E-6C78398F73CF}">
      <dsp:nvSpPr>
        <dsp:cNvPr id="0" name=""/>
        <dsp:cNvSpPr/>
      </dsp:nvSpPr>
      <dsp:spPr>
        <a:xfrm>
          <a:off x="3294992" y="3527437"/>
          <a:ext cx="1018635" cy="1018672"/>
        </a:xfrm>
        <a:prstGeom prst="ellipse">
          <a:avLst/>
        </a:prstGeom>
        <a:blipFill rotWithShape="1">
          <a:blip xmlns:r="http://schemas.openxmlformats.org/officeDocument/2006/relationships" r:embed="rId1"/>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A1ED41FB-B855-4BC6-9B55-2E20270DF53B}">
      <dsp:nvSpPr>
        <dsp:cNvPr id="0" name=""/>
        <dsp:cNvSpPr/>
      </dsp:nvSpPr>
      <dsp:spPr>
        <a:xfrm>
          <a:off x="4748192" y="2952079"/>
          <a:ext cx="2196756" cy="589123"/>
        </a:xfrm>
        <a:prstGeom prst="roundRect">
          <a:avLst/>
        </a:prstGeom>
        <a:solidFill>
          <a:schemeClr val="accent4">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64980" tIns="91440" rIns="91440" bIns="91440" numCol="1" spcCol="1270" anchor="ctr" anchorCtr="0">
          <a:noAutofit/>
        </a:bodyPr>
        <a:lstStyle/>
        <a:p>
          <a:pPr lvl="0" algn="r" defTabSz="1066800" rtl="1">
            <a:lnSpc>
              <a:spcPct val="90000"/>
            </a:lnSpc>
            <a:spcBef>
              <a:spcPct val="0"/>
            </a:spcBef>
            <a:spcAft>
              <a:spcPct val="35000"/>
            </a:spcAft>
          </a:pPr>
          <a:r>
            <a:rPr lang="he-IL" sz="2400" kern="1200" dirty="0" smtClean="0">
              <a:latin typeface="Narkisim" panose="020E0502050101010101" pitchFamily="34" charset="-79"/>
              <a:cs typeface="Narkisim" panose="020E0502050101010101" pitchFamily="34" charset="-79"/>
            </a:rPr>
            <a:t>עזה</a:t>
          </a:r>
          <a:endParaRPr lang="he-IL" sz="2400" kern="1200" dirty="0">
            <a:latin typeface="Narkisim" panose="020E0502050101010101" pitchFamily="34" charset="-79"/>
            <a:cs typeface="Narkisim" panose="020E0502050101010101" pitchFamily="34" charset="-79"/>
          </a:endParaRPr>
        </a:p>
      </dsp:txBody>
      <dsp:txXfrm>
        <a:off x="4776951" y="2980838"/>
        <a:ext cx="2139238" cy="531605"/>
      </dsp:txXfrm>
    </dsp:sp>
    <dsp:sp modelId="{76746D59-0772-48EF-9EA3-3F79EC7EEF1E}">
      <dsp:nvSpPr>
        <dsp:cNvPr id="0" name=""/>
        <dsp:cNvSpPr/>
      </dsp:nvSpPr>
      <dsp:spPr>
        <a:xfrm>
          <a:off x="4134587" y="2406078"/>
          <a:ext cx="1018635" cy="1018672"/>
        </a:xfrm>
        <a:prstGeom prst="ellipse">
          <a:avLst/>
        </a:prstGeom>
        <a:blipFill rotWithShape="1">
          <a:blip xmlns:r="http://schemas.openxmlformats.org/officeDocument/2006/relationships" r:embed="rId1"/>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78E65894-1818-457C-9FC6-9DBF9F9B0385}">
      <dsp:nvSpPr>
        <dsp:cNvPr id="0" name=""/>
        <dsp:cNvSpPr/>
      </dsp:nvSpPr>
      <dsp:spPr>
        <a:xfrm>
          <a:off x="5116661" y="1616186"/>
          <a:ext cx="2196756" cy="589123"/>
        </a:xfrm>
        <a:prstGeom prst="roundRect">
          <a:avLst/>
        </a:prstGeom>
        <a:solidFill>
          <a:schemeClr val="accent4">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64980" tIns="91440" rIns="91440" bIns="91440" numCol="1" spcCol="1270" anchor="ctr" anchorCtr="0">
          <a:noAutofit/>
        </a:bodyPr>
        <a:lstStyle/>
        <a:p>
          <a:pPr lvl="0" algn="r" defTabSz="1066800" rtl="1">
            <a:lnSpc>
              <a:spcPct val="90000"/>
            </a:lnSpc>
            <a:spcBef>
              <a:spcPct val="0"/>
            </a:spcBef>
            <a:spcAft>
              <a:spcPct val="35000"/>
            </a:spcAft>
          </a:pPr>
          <a:r>
            <a:rPr lang="he-IL" sz="2400" kern="1200" dirty="0" err="1" smtClean="0">
              <a:latin typeface="Narkisim" panose="020E0502050101010101" pitchFamily="34" charset="-79"/>
              <a:cs typeface="Narkisim" panose="020E0502050101010101" pitchFamily="34" charset="-79"/>
            </a:rPr>
            <a:t>החאמס</a:t>
          </a:r>
          <a:endParaRPr lang="he-IL" sz="2400" kern="1200" dirty="0">
            <a:latin typeface="Narkisim" panose="020E0502050101010101" pitchFamily="34" charset="-79"/>
            <a:cs typeface="Narkisim" panose="020E0502050101010101" pitchFamily="34" charset="-79"/>
          </a:endParaRPr>
        </a:p>
      </dsp:txBody>
      <dsp:txXfrm>
        <a:off x="5145420" y="1644945"/>
        <a:ext cx="2139238" cy="531605"/>
      </dsp:txXfrm>
    </dsp:sp>
    <dsp:sp modelId="{BA58F60F-1F3F-42D4-BFD7-FB7711C81441}">
      <dsp:nvSpPr>
        <dsp:cNvPr id="0" name=""/>
        <dsp:cNvSpPr/>
      </dsp:nvSpPr>
      <dsp:spPr>
        <a:xfrm>
          <a:off x="4503055" y="1070185"/>
          <a:ext cx="1018635" cy="1018672"/>
        </a:xfrm>
        <a:prstGeom prst="ellipse">
          <a:avLst/>
        </a:prstGeom>
        <a:blipFill rotWithShape="1">
          <a:blip xmlns:r="http://schemas.openxmlformats.org/officeDocument/2006/relationships" r:embed="rId1"/>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52F5E5C-7DB8-4EB1-BBB5-4EDBEF39C1A8}">
      <dsp:nvSpPr>
        <dsp:cNvPr id="0" name=""/>
        <dsp:cNvSpPr/>
      </dsp:nvSpPr>
      <dsp:spPr>
        <a:xfrm>
          <a:off x="797822" y="491398"/>
          <a:ext cx="421198" cy="421198"/>
        </a:xfrm>
        <a:prstGeom prst="roundRect">
          <a:avLst/>
        </a:prstGeom>
        <a:solidFill>
          <a:schemeClr val="accent4">
            <a:shade val="8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lvl="0" algn="ctr" defTabSz="444500" rtl="1">
            <a:lnSpc>
              <a:spcPct val="90000"/>
            </a:lnSpc>
            <a:spcBef>
              <a:spcPct val="0"/>
            </a:spcBef>
            <a:spcAft>
              <a:spcPct val="35000"/>
            </a:spcAft>
          </a:pPr>
          <a:r>
            <a:rPr lang="he-IL" sz="1000" kern="1200" dirty="0" smtClean="0">
              <a:latin typeface="Narkisim" panose="020E0502050101010101" pitchFamily="34" charset="-79"/>
              <a:cs typeface="Narkisim" panose="020E0502050101010101" pitchFamily="34" charset="-79"/>
            </a:rPr>
            <a:t>הרשות</a:t>
          </a:r>
          <a:endParaRPr lang="he-IL" sz="1000" kern="1200" dirty="0">
            <a:latin typeface="Narkisim" panose="020E0502050101010101" pitchFamily="34" charset="-79"/>
            <a:cs typeface="Narkisim" panose="020E0502050101010101" pitchFamily="34" charset="-79"/>
          </a:endParaRPr>
        </a:p>
      </dsp:txBody>
      <dsp:txXfrm>
        <a:off x="818383" y="511959"/>
        <a:ext cx="380076" cy="380076"/>
      </dsp:txXfrm>
    </dsp:sp>
    <dsp:sp modelId="{06715F5A-16BC-426E-97ED-DEC6DAA23D66}">
      <dsp:nvSpPr>
        <dsp:cNvPr id="0" name=""/>
        <dsp:cNvSpPr/>
      </dsp:nvSpPr>
      <dsp:spPr>
        <a:xfrm rot="16200000">
          <a:off x="903884" y="386860"/>
          <a:ext cx="209074" cy="0"/>
        </a:xfrm>
        <a:custGeom>
          <a:avLst/>
          <a:gdLst/>
          <a:ahLst/>
          <a:cxnLst/>
          <a:rect l="0" t="0" r="0" b="0"/>
          <a:pathLst>
            <a:path>
              <a:moveTo>
                <a:pt x="0" y="0"/>
              </a:moveTo>
              <a:lnTo>
                <a:pt x="209074" y="0"/>
              </a:lnTo>
            </a:path>
          </a:pathLst>
        </a:custGeom>
        <a:noFill/>
        <a:ln w="25400" cap="flat" cmpd="sng" algn="ctr">
          <a:solidFill>
            <a:schemeClr val="accent4">
              <a:tint val="99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C0511186-EA8C-4926-B644-756489C464D9}">
      <dsp:nvSpPr>
        <dsp:cNvPr id="0" name=""/>
        <dsp:cNvSpPr/>
      </dsp:nvSpPr>
      <dsp:spPr>
        <a:xfrm>
          <a:off x="867320" y="120"/>
          <a:ext cx="282202" cy="282202"/>
        </a:xfrm>
        <a:prstGeom prst="roundRect">
          <a:avLst/>
        </a:prstGeom>
        <a:solidFill>
          <a:schemeClr val="accent4">
            <a:shade val="80000"/>
            <a:hueOff val="0"/>
            <a:satOff val="0"/>
            <a:lumOff val="973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400050" rtl="1">
            <a:lnSpc>
              <a:spcPct val="90000"/>
            </a:lnSpc>
            <a:spcBef>
              <a:spcPct val="0"/>
            </a:spcBef>
            <a:spcAft>
              <a:spcPct val="35000"/>
            </a:spcAft>
          </a:pPr>
          <a:r>
            <a:rPr lang="he-IL" sz="900" kern="1200" dirty="0" smtClean="0">
              <a:latin typeface="Narkisim" panose="020E0502050101010101" pitchFamily="34" charset="-79"/>
              <a:cs typeface="Narkisim" panose="020E0502050101010101" pitchFamily="34" charset="-79"/>
            </a:rPr>
            <a:t>כללי</a:t>
          </a:r>
          <a:endParaRPr lang="he-IL" sz="900" kern="1200" dirty="0">
            <a:latin typeface="Narkisim" panose="020E0502050101010101" pitchFamily="34" charset="-79"/>
            <a:cs typeface="Narkisim" panose="020E0502050101010101" pitchFamily="34" charset="-79"/>
          </a:endParaRPr>
        </a:p>
      </dsp:txBody>
      <dsp:txXfrm>
        <a:off x="881096" y="13896"/>
        <a:ext cx="254650" cy="254650"/>
      </dsp:txXfrm>
    </dsp:sp>
    <dsp:sp modelId="{F5DAABEC-3EC8-452B-8203-6524A08433BF}">
      <dsp:nvSpPr>
        <dsp:cNvPr id="0" name=""/>
        <dsp:cNvSpPr/>
      </dsp:nvSpPr>
      <dsp:spPr>
        <a:xfrm rot="19800000">
          <a:off x="1208660" y="541741"/>
          <a:ext cx="154666" cy="0"/>
        </a:xfrm>
        <a:custGeom>
          <a:avLst/>
          <a:gdLst/>
          <a:ahLst/>
          <a:cxnLst/>
          <a:rect l="0" t="0" r="0" b="0"/>
          <a:pathLst>
            <a:path>
              <a:moveTo>
                <a:pt x="0" y="0"/>
              </a:moveTo>
              <a:lnTo>
                <a:pt x="154666" y="0"/>
              </a:lnTo>
            </a:path>
          </a:pathLst>
        </a:custGeom>
        <a:noFill/>
        <a:ln w="25400" cap="flat" cmpd="sng" algn="ctr">
          <a:solidFill>
            <a:schemeClr val="accent4">
              <a:tint val="99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5FF6CA34-E002-4854-80A1-C777E54C9E18}">
      <dsp:nvSpPr>
        <dsp:cNvPr id="0" name=""/>
        <dsp:cNvSpPr/>
      </dsp:nvSpPr>
      <dsp:spPr>
        <a:xfrm>
          <a:off x="1352966" y="280508"/>
          <a:ext cx="282202" cy="282202"/>
        </a:xfrm>
        <a:prstGeom prst="roundRect">
          <a:avLst/>
        </a:prstGeom>
        <a:solidFill>
          <a:schemeClr val="accent4">
            <a:shade val="80000"/>
            <a:hueOff val="0"/>
            <a:satOff val="0"/>
            <a:lumOff val="19461"/>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7940" tIns="27940" rIns="27940" bIns="27940" numCol="1" spcCol="1270" anchor="ctr" anchorCtr="0">
          <a:noAutofit/>
        </a:bodyPr>
        <a:lstStyle/>
        <a:p>
          <a:pPr lvl="0" algn="ctr" defTabSz="488950" rtl="1">
            <a:lnSpc>
              <a:spcPct val="90000"/>
            </a:lnSpc>
            <a:spcBef>
              <a:spcPct val="0"/>
            </a:spcBef>
            <a:spcAft>
              <a:spcPct val="35000"/>
            </a:spcAft>
          </a:pPr>
          <a:r>
            <a:rPr lang="he-IL" sz="1100" kern="1200" dirty="0" smtClean="0">
              <a:latin typeface="Narkisim" panose="020E0502050101010101" pitchFamily="34" charset="-79"/>
              <a:cs typeface="Narkisim" panose="020E0502050101010101" pitchFamily="34" charset="-79"/>
            </a:rPr>
            <a:t>חוץ</a:t>
          </a:r>
          <a:endParaRPr lang="he-IL" sz="1100" kern="1200" dirty="0">
            <a:latin typeface="Narkisim" panose="020E0502050101010101" pitchFamily="34" charset="-79"/>
            <a:cs typeface="Narkisim" panose="020E0502050101010101" pitchFamily="34" charset="-79"/>
          </a:endParaRPr>
        </a:p>
      </dsp:txBody>
      <dsp:txXfrm>
        <a:off x="1366742" y="294284"/>
        <a:ext cx="254650" cy="254650"/>
      </dsp:txXfrm>
    </dsp:sp>
    <dsp:sp modelId="{85274869-8EE9-47F9-82C6-C969E33B49EB}">
      <dsp:nvSpPr>
        <dsp:cNvPr id="0" name=""/>
        <dsp:cNvSpPr/>
      </dsp:nvSpPr>
      <dsp:spPr>
        <a:xfrm rot="1800000">
          <a:off x="1208660" y="862253"/>
          <a:ext cx="154666" cy="0"/>
        </a:xfrm>
        <a:custGeom>
          <a:avLst/>
          <a:gdLst/>
          <a:ahLst/>
          <a:cxnLst/>
          <a:rect l="0" t="0" r="0" b="0"/>
          <a:pathLst>
            <a:path>
              <a:moveTo>
                <a:pt x="0" y="0"/>
              </a:moveTo>
              <a:lnTo>
                <a:pt x="154666" y="0"/>
              </a:lnTo>
            </a:path>
          </a:pathLst>
        </a:custGeom>
        <a:noFill/>
        <a:ln w="25400" cap="flat" cmpd="sng" algn="ctr">
          <a:solidFill>
            <a:schemeClr val="accent4">
              <a:tint val="99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6D33748-AC0E-4229-99AF-9077B995D018}">
      <dsp:nvSpPr>
        <dsp:cNvPr id="0" name=""/>
        <dsp:cNvSpPr/>
      </dsp:nvSpPr>
      <dsp:spPr>
        <a:xfrm>
          <a:off x="1352966" y="841283"/>
          <a:ext cx="282202" cy="282202"/>
        </a:xfrm>
        <a:prstGeom prst="roundRect">
          <a:avLst/>
        </a:prstGeom>
        <a:solidFill>
          <a:schemeClr val="accent4">
            <a:shade val="80000"/>
            <a:hueOff val="0"/>
            <a:satOff val="0"/>
            <a:lumOff val="29191"/>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400050" rtl="1">
            <a:lnSpc>
              <a:spcPct val="90000"/>
            </a:lnSpc>
            <a:spcBef>
              <a:spcPct val="0"/>
            </a:spcBef>
            <a:spcAft>
              <a:spcPct val="35000"/>
            </a:spcAft>
          </a:pPr>
          <a:r>
            <a:rPr lang="he-IL" sz="900" kern="1200" dirty="0" smtClean="0">
              <a:latin typeface="Narkisim" panose="020E0502050101010101" pitchFamily="34" charset="-79"/>
              <a:cs typeface="Narkisim" panose="020E0502050101010101" pitchFamily="34" charset="-79"/>
            </a:rPr>
            <a:t>פנים</a:t>
          </a:r>
          <a:endParaRPr lang="he-IL" sz="900" kern="1200" dirty="0">
            <a:latin typeface="Narkisim" panose="020E0502050101010101" pitchFamily="34" charset="-79"/>
            <a:cs typeface="Narkisim" panose="020E0502050101010101" pitchFamily="34" charset="-79"/>
          </a:endParaRPr>
        </a:p>
      </dsp:txBody>
      <dsp:txXfrm>
        <a:off x="1366742" y="855059"/>
        <a:ext cx="254650" cy="254650"/>
      </dsp:txXfrm>
    </dsp:sp>
    <dsp:sp modelId="{B444884D-433F-4DC0-B6FA-5DB88321EE27}">
      <dsp:nvSpPr>
        <dsp:cNvPr id="0" name=""/>
        <dsp:cNvSpPr/>
      </dsp:nvSpPr>
      <dsp:spPr>
        <a:xfrm rot="5400000">
          <a:off x="903884" y="1017134"/>
          <a:ext cx="209074" cy="0"/>
        </a:xfrm>
        <a:custGeom>
          <a:avLst/>
          <a:gdLst/>
          <a:ahLst/>
          <a:cxnLst/>
          <a:rect l="0" t="0" r="0" b="0"/>
          <a:pathLst>
            <a:path>
              <a:moveTo>
                <a:pt x="0" y="0"/>
              </a:moveTo>
              <a:lnTo>
                <a:pt x="209074" y="0"/>
              </a:lnTo>
            </a:path>
          </a:pathLst>
        </a:custGeom>
        <a:noFill/>
        <a:ln w="25400" cap="flat" cmpd="sng" algn="ctr">
          <a:solidFill>
            <a:schemeClr val="accent4">
              <a:tint val="99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98165232-CFA7-4392-A172-8FFCA5EB9577}">
      <dsp:nvSpPr>
        <dsp:cNvPr id="0" name=""/>
        <dsp:cNvSpPr/>
      </dsp:nvSpPr>
      <dsp:spPr>
        <a:xfrm>
          <a:off x="867320" y="1121671"/>
          <a:ext cx="282202" cy="282202"/>
        </a:xfrm>
        <a:prstGeom prst="roundRect">
          <a:avLst/>
        </a:prstGeom>
        <a:solidFill>
          <a:schemeClr val="accent4">
            <a:shade val="80000"/>
            <a:hueOff val="0"/>
            <a:satOff val="0"/>
            <a:lumOff val="38922"/>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2700" tIns="12700" rIns="12700" bIns="12700" numCol="1" spcCol="1270" anchor="ctr" anchorCtr="0">
          <a:noAutofit/>
        </a:bodyPr>
        <a:lstStyle/>
        <a:p>
          <a:pPr lvl="0" algn="ctr" defTabSz="222250" rtl="1">
            <a:lnSpc>
              <a:spcPct val="90000"/>
            </a:lnSpc>
            <a:spcBef>
              <a:spcPct val="0"/>
            </a:spcBef>
            <a:spcAft>
              <a:spcPct val="35000"/>
            </a:spcAft>
          </a:pPr>
          <a:r>
            <a:rPr lang="he-IL" sz="500" kern="1200" dirty="0" smtClean="0">
              <a:latin typeface="Narkisim" panose="020E0502050101010101" pitchFamily="34" charset="-79"/>
              <a:cs typeface="Narkisim" panose="020E0502050101010101" pitchFamily="34" charset="-79"/>
            </a:rPr>
            <a:t>ממשקים</a:t>
          </a:r>
          <a:endParaRPr lang="he-IL" sz="500" kern="1200" dirty="0">
            <a:latin typeface="Narkisim" panose="020E0502050101010101" pitchFamily="34" charset="-79"/>
            <a:cs typeface="Narkisim" panose="020E0502050101010101" pitchFamily="34" charset="-79"/>
          </a:endParaRPr>
        </a:p>
      </dsp:txBody>
      <dsp:txXfrm>
        <a:off x="881096" y="1135447"/>
        <a:ext cx="254650" cy="254650"/>
      </dsp:txXfrm>
    </dsp:sp>
    <dsp:sp modelId="{3954058F-4766-4F0F-884C-6DD846E9777B}">
      <dsp:nvSpPr>
        <dsp:cNvPr id="0" name=""/>
        <dsp:cNvSpPr/>
      </dsp:nvSpPr>
      <dsp:spPr>
        <a:xfrm rot="9000000">
          <a:off x="653517" y="862253"/>
          <a:ext cx="154666" cy="0"/>
        </a:xfrm>
        <a:custGeom>
          <a:avLst/>
          <a:gdLst/>
          <a:ahLst/>
          <a:cxnLst/>
          <a:rect l="0" t="0" r="0" b="0"/>
          <a:pathLst>
            <a:path>
              <a:moveTo>
                <a:pt x="0" y="0"/>
              </a:moveTo>
              <a:lnTo>
                <a:pt x="154666" y="0"/>
              </a:lnTo>
            </a:path>
          </a:pathLst>
        </a:custGeom>
        <a:noFill/>
        <a:ln w="25400" cap="flat" cmpd="sng" algn="ctr">
          <a:solidFill>
            <a:schemeClr val="accent4">
              <a:tint val="99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62EAC3D1-0459-4AF0-83D4-8E4B2FE8BC20}">
      <dsp:nvSpPr>
        <dsp:cNvPr id="0" name=""/>
        <dsp:cNvSpPr/>
      </dsp:nvSpPr>
      <dsp:spPr>
        <a:xfrm>
          <a:off x="381674" y="841283"/>
          <a:ext cx="282202" cy="282202"/>
        </a:xfrm>
        <a:prstGeom prst="roundRect">
          <a:avLst/>
        </a:prstGeom>
        <a:solidFill>
          <a:schemeClr val="accent4">
            <a:shade val="80000"/>
            <a:hueOff val="0"/>
            <a:satOff val="0"/>
            <a:lumOff val="48652"/>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lvl="0" algn="ctr" defTabSz="266700" rtl="1">
            <a:lnSpc>
              <a:spcPct val="90000"/>
            </a:lnSpc>
            <a:spcBef>
              <a:spcPct val="0"/>
            </a:spcBef>
            <a:spcAft>
              <a:spcPct val="35000"/>
            </a:spcAft>
          </a:pPr>
          <a:r>
            <a:rPr lang="he-IL" sz="600" kern="1200" dirty="0" smtClean="0">
              <a:latin typeface="Narkisim" panose="020E0502050101010101" pitchFamily="34" charset="-79"/>
              <a:cs typeface="Narkisim" panose="020E0502050101010101" pitchFamily="34" charset="-79"/>
            </a:rPr>
            <a:t>תופעות</a:t>
          </a:r>
          <a:endParaRPr lang="he-IL" sz="600" kern="1200" dirty="0">
            <a:latin typeface="Narkisim" panose="020E0502050101010101" pitchFamily="34" charset="-79"/>
            <a:cs typeface="Narkisim" panose="020E0502050101010101" pitchFamily="34" charset="-79"/>
          </a:endParaRPr>
        </a:p>
      </dsp:txBody>
      <dsp:txXfrm>
        <a:off x="395450" y="855059"/>
        <a:ext cx="254650" cy="254650"/>
      </dsp:txXfrm>
    </dsp:sp>
    <dsp:sp modelId="{8E697BBB-F982-4970-B118-8A935F2EAAF9}">
      <dsp:nvSpPr>
        <dsp:cNvPr id="0" name=""/>
        <dsp:cNvSpPr/>
      </dsp:nvSpPr>
      <dsp:spPr>
        <a:xfrm rot="12600000">
          <a:off x="653517" y="541741"/>
          <a:ext cx="154666" cy="0"/>
        </a:xfrm>
        <a:custGeom>
          <a:avLst/>
          <a:gdLst/>
          <a:ahLst/>
          <a:cxnLst/>
          <a:rect l="0" t="0" r="0" b="0"/>
          <a:pathLst>
            <a:path>
              <a:moveTo>
                <a:pt x="0" y="0"/>
              </a:moveTo>
              <a:lnTo>
                <a:pt x="154666" y="0"/>
              </a:lnTo>
            </a:path>
          </a:pathLst>
        </a:custGeom>
        <a:noFill/>
        <a:ln w="25400" cap="flat" cmpd="sng" algn="ctr">
          <a:solidFill>
            <a:schemeClr val="accent4">
              <a:tint val="99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7EEA38F8-C102-472C-8892-EBC7FAD893B7}">
      <dsp:nvSpPr>
        <dsp:cNvPr id="0" name=""/>
        <dsp:cNvSpPr/>
      </dsp:nvSpPr>
      <dsp:spPr>
        <a:xfrm>
          <a:off x="381674" y="280508"/>
          <a:ext cx="282202" cy="282202"/>
        </a:xfrm>
        <a:prstGeom prst="roundRect">
          <a:avLst/>
        </a:prstGeom>
        <a:solidFill>
          <a:schemeClr val="accent4">
            <a:shade val="80000"/>
            <a:hueOff val="0"/>
            <a:satOff val="0"/>
            <a:lumOff val="58383"/>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lvl="0" algn="ctr" defTabSz="266700" rtl="1">
            <a:lnSpc>
              <a:spcPct val="90000"/>
            </a:lnSpc>
            <a:spcBef>
              <a:spcPct val="0"/>
            </a:spcBef>
            <a:spcAft>
              <a:spcPct val="35000"/>
            </a:spcAft>
          </a:pPr>
          <a:r>
            <a:rPr lang="he-IL" sz="600" kern="1200" dirty="0" smtClean="0">
              <a:latin typeface="Narkisim" panose="020E0502050101010101" pitchFamily="34" charset="-79"/>
              <a:cs typeface="Narkisim" panose="020E0502050101010101" pitchFamily="34" charset="-79"/>
            </a:rPr>
            <a:t>החמאס</a:t>
          </a:r>
          <a:endParaRPr lang="he-IL" sz="600" kern="1200" dirty="0">
            <a:latin typeface="Narkisim" panose="020E0502050101010101" pitchFamily="34" charset="-79"/>
            <a:cs typeface="Narkisim" panose="020E0502050101010101" pitchFamily="34" charset="-79"/>
          </a:endParaRPr>
        </a:p>
      </dsp:txBody>
      <dsp:txXfrm>
        <a:off x="395450" y="294284"/>
        <a:ext cx="254650" cy="254650"/>
      </dsp:txXfrm>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A3EA5B4-56FA-426E-BB94-3E741A6DCEEC}">
      <dsp:nvSpPr>
        <dsp:cNvPr id="0" name=""/>
        <dsp:cNvSpPr/>
      </dsp:nvSpPr>
      <dsp:spPr>
        <a:xfrm>
          <a:off x="0" y="870978"/>
          <a:ext cx="2981280" cy="2981280"/>
        </a:xfrm>
        <a:prstGeom prst="ellipse">
          <a:avLst/>
        </a:prstGeom>
        <a:solidFill>
          <a:schemeClr val="dk2">
            <a:hueOff val="0"/>
            <a:satOff val="0"/>
            <a:lumOff val="0"/>
            <a:alphaOff val="0"/>
          </a:schemeClr>
        </a:solidFill>
        <a:ln w="25400" cap="flat" cmpd="sng" algn="ctr">
          <a:solidFill>
            <a:schemeClr val="lt2">
              <a:hueOff val="0"/>
              <a:satOff val="0"/>
              <a:lumOff val="0"/>
              <a:alphaOff val="0"/>
            </a:schemeClr>
          </a:solidFill>
          <a:miter lim="800000"/>
        </a:ln>
        <a:effectLst/>
      </dsp:spPr>
      <dsp:style>
        <a:lnRef idx="2">
          <a:scrgbClr r="0" g="0" b="0"/>
        </a:lnRef>
        <a:fillRef idx="1">
          <a:scrgbClr r="0" g="0" b="0"/>
        </a:fillRef>
        <a:effectRef idx="0">
          <a:scrgbClr r="0" g="0" b="0"/>
        </a:effectRef>
        <a:fontRef idx="minor">
          <a:schemeClr val="lt1"/>
        </a:fontRef>
      </dsp:style>
    </dsp:sp>
    <dsp:sp modelId="{0D0BDACE-C9CC-4D95-9477-D8218471C537}">
      <dsp:nvSpPr>
        <dsp:cNvPr id="0" name=""/>
        <dsp:cNvSpPr/>
      </dsp:nvSpPr>
      <dsp:spPr>
        <a:xfrm>
          <a:off x="331170" y="1244752"/>
          <a:ext cx="2318939" cy="2318939"/>
        </a:xfrm>
        <a:prstGeom prst="ellipse">
          <a:avLst/>
        </a:prstGeom>
        <a:solidFill>
          <a:schemeClr val="dk2">
            <a:hueOff val="0"/>
            <a:satOff val="0"/>
            <a:lumOff val="0"/>
            <a:alphaOff val="0"/>
          </a:schemeClr>
        </a:solidFill>
        <a:ln w="25400" cap="flat" cmpd="sng" algn="ctr">
          <a:solidFill>
            <a:schemeClr val="lt2">
              <a:hueOff val="0"/>
              <a:satOff val="0"/>
              <a:lumOff val="0"/>
              <a:alphaOff val="0"/>
            </a:schemeClr>
          </a:solidFill>
          <a:miter lim="800000"/>
        </a:ln>
        <a:effectLst/>
      </dsp:spPr>
      <dsp:style>
        <a:lnRef idx="2">
          <a:scrgbClr r="0" g="0" b="0"/>
        </a:lnRef>
        <a:fillRef idx="1">
          <a:scrgbClr r="0" g="0" b="0"/>
        </a:fillRef>
        <a:effectRef idx="0">
          <a:scrgbClr r="0" g="0" b="0"/>
        </a:effectRef>
        <a:fontRef idx="minor">
          <a:schemeClr val="lt1"/>
        </a:fontRef>
      </dsp:style>
    </dsp:sp>
    <dsp:sp modelId="{EDD18971-8F07-43AD-AAEE-46C621BC25F9}">
      <dsp:nvSpPr>
        <dsp:cNvPr id="0" name=""/>
        <dsp:cNvSpPr/>
      </dsp:nvSpPr>
      <dsp:spPr>
        <a:xfrm>
          <a:off x="662341" y="1575922"/>
          <a:ext cx="1656598" cy="1656598"/>
        </a:xfrm>
        <a:prstGeom prst="ellipse">
          <a:avLst/>
        </a:prstGeom>
        <a:solidFill>
          <a:schemeClr val="dk2">
            <a:hueOff val="0"/>
            <a:satOff val="0"/>
            <a:lumOff val="0"/>
            <a:alphaOff val="0"/>
          </a:schemeClr>
        </a:solidFill>
        <a:ln w="25400" cap="flat" cmpd="sng" algn="ctr">
          <a:solidFill>
            <a:schemeClr val="lt2">
              <a:hueOff val="0"/>
              <a:satOff val="0"/>
              <a:lumOff val="0"/>
              <a:alphaOff val="0"/>
            </a:schemeClr>
          </a:solidFill>
          <a:miter lim="800000"/>
        </a:ln>
        <a:effectLst/>
      </dsp:spPr>
      <dsp:style>
        <a:lnRef idx="2">
          <a:scrgbClr r="0" g="0" b="0"/>
        </a:lnRef>
        <a:fillRef idx="1">
          <a:scrgbClr r="0" g="0" b="0"/>
        </a:fillRef>
        <a:effectRef idx="0">
          <a:scrgbClr r="0" g="0" b="0"/>
        </a:effectRef>
        <a:fontRef idx="minor">
          <a:schemeClr val="lt1"/>
        </a:fontRef>
      </dsp:style>
    </dsp:sp>
    <dsp:sp modelId="{961C2BF9-2B5A-465C-9943-7AEEF334715E}">
      <dsp:nvSpPr>
        <dsp:cNvPr id="0" name=""/>
        <dsp:cNvSpPr/>
      </dsp:nvSpPr>
      <dsp:spPr>
        <a:xfrm>
          <a:off x="993760" y="1907341"/>
          <a:ext cx="993760" cy="993760"/>
        </a:xfrm>
        <a:prstGeom prst="ellipse">
          <a:avLst/>
        </a:prstGeom>
        <a:solidFill>
          <a:schemeClr val="dk2">
            <a:hueOff val="0"/>
            <a:satOff val="0"/>
            <a:lumOff val="0"/>
            <a:alphaOff val="0"/>
          </a:schemeClr>
        </a:solidFill>
        <a:ln w="25400" cap="flat" cmpd="sng" algn="ctr">
          <a:solidFill>
            <a:schemeClr val="lt2">
              <a:hueOff val="0"/>
              <a:satOff val="0"/>
              <a:lumOff val="0"/>
              <a:alphaOff val="0"/>
            </a:schemeClr>
          </a:solidFill>
          <a:miter lim="800000"/>
        </a:ln>
        <a:effectLst/>
      </dsp:spPr>
      <dsp:style>
        <a:lnRef idx="2">
          <a:scrgbClr r="0" g="0" b="0"/>
        </a:lnRef>
        <a:fillRef idx="1">
          <a:scrgbClr r="0" g="0" b="0"/>
        </a:fillRef>
        <a:effectRef idx="0">
          <a:scrgbClr r="0" g="0" b="0"/>
        </a:effectRef>
        <a:fontRef idx="minor">
          <a:schemeClr val="lt1"/>
        </a:fontRef>
      </dsp:style>
    </dsp:sp>
    <dsp:sp modelId="{CAD4039C-B112-4FBD-8912-980660C0A24F}">
      <dsp:nvSpPr>
        <dsp:cNvPr id="0" name=""/>
        <dsp:cNvSpPr/>
      </dsp:nvSpPr>
      <dsp:spPr>
        <a:xfrm>
          <a:off x="1324930" y="2238512"/>
          <a:ext cx="331419" cy="331419"/>
        </a:xfrm>
        <a:prstGeom prst="ellipse">
          <a:avLst/>
        </a:prstGeom>
        <a:solidFill>
          <a:schemeClr val="dk2">
            <a:hueOff val="0"/>
            <a:satOff val="0"/>
            <a:lumOff val="0"/>
            <a:alphaOff val="0"/>
          </a:schemeClr>
        </a:solidFill>
        <a:ln w="25400" cap="flat" cmpd="sng" algn="ctr">
          <a:solidFill>
            <a:schemeClr val="lt2">
              <a:hueOff val="0"/>
              <a:satOff val="0"/>
              <a:lumOff val="0"/>
              <a:alphaOff val="0"/>
            </a:schemeClr>
          </a:solidFill>
          <a:miter lim="800000"/>
        </a:ln>
        <a:effectLst/>
      </dsp:spPr>
      <dsp:style>
        <a:lnRef idx="2">
          <a:scrgbClr r="0" g="0" b="0"/>
        </a:lnRef>
        <a:fillRef idx="1">
          <a:scrgbClr r="0" g="0" b="0"/>
        </a:fillRef>
        <a:effectRef idx="0">
          <a:scrgbClr r="0" g="0" b="0"/>
        </a:effectRef>
        <a:fontRef idx="minor">
          <a:schemeClr val="lt1"/>
        </a:fontRef>
      </dsp:style>
    </dsp:sp>
    <dsp:sp modelId="{74738A23-05A8-449E-9BE4-AFA39A33B4BE}">
      <dsp:nvSpPr>
        <dsp:cNvPr id="0" name=""/>
        <dsp:cNvSpPr/>
      </dsp:nvSpPr>
      <dsp:spPr>
        <a:xfrm>
          <a:off x="3478160" y="173428"/>
          <a:ext cx="1490640" cy="52629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48920" tIns="44450" rIns="44450" bIns="44450" numCol="1" spcCol="1270" anchor="ctr" anchorCtr="0">
          <a:noAutofit/>
        </a:bodyPr>
        <a:lstStyle/>
        <a:p>
          <a:pPr lvl="0" algn="l" defTabSz="1555750" rtl="1">
            <a:lnSpc>
              <a:spcPct val="90000"/>
            </a:lnSpc>
            <a:spcBef>
              <a:spcPct val="0"/>
            </a:spcBef>
            <a:spcAft>
              <a:spcPct val="35000"/>
            </a:spcAft>
          </a:pPr>
          <a:r>
            <a:rPr lang="he-IL" sz="3500" kern="1200" dirty="0" smtClean="0">
              <a:latin typeface="Narkisim" panose="020E0502050101010101" pitchFamily="34" charset="-79"/>
              <a:cs typeface="Narkisim" panose="020E0502050101010101" pitchFamily="34" charset="-79"/>
            </a:rPr>
            <a:t>חמאס</a:t>
          </a:r>
          <a:endParaRPr lang="he-IL" sz="3500" kern="1200" dirty="0">
            <a:latin typeface="Narkisim" panose="020E0502050101010101" pitchFamily="34" charset="-79"/>
            <a:cs typeface="Narkisim" panose="020E0502050101010101" pitchFamily="34" charset="-79"/>
          </a:endParaRPr>
        </a:p>
      </dsp:txBody>
      <dsp:txXfrm>
        <a:off x="3478160" y="173428"/>
        <a:ext cx="1490640" cy="526295"/>
      </dsp:txXfrm>
    </dsp:sp>
    <dsp:sp modelId="{D69377BA-4858-4899-B73E-216FD7839AC5}">
      <dsp:nvSpPr>
        <dsp:cNvPr id="0" name=""/>
        <dsp:cNvSpPr/>
      </dsp:nvSpPr>
      <dsp:spPr>
        <a:xfrm>
          <a:off x="3105500" y="436576"/>
          <a:ext cx="372660" cy="0"/>
        </a:xfrm>
        <a:prstGeom prst="line">
          <a:avLst/>
        </a:prstGeom>
        <a:solidFill>
          <a:schemeClr val="dk2">
            <a:hueOff val="0"/>
            <a:satOff val="0"/>
            <a:lumOff val="0"/>
            <a:alphaOff val="0"/>
          </a:schemeClr>
        </a:solidFill>
        <a:ln w="25400" cap="flat" cmpd="sng" algn="ctr">
          <a:solidFill>
            <a:schemeClr val="dk2">
              <a:tint val="50000"/>
              <a:hueOff val="0"/>
              <a:satOff val="0"/>
              <a:lumOff val="0"/>
              <a:alphaOff val="0"/>
            </a:schemeClr>
          </a:solidFill>
          <a:miter lim="800000"/>
        </a:ln>
        <a:effectLst/>
      </dsp:spPr>
      <dsp:style>
        <a:lnRef idx="2">
          <a:scrgbClr r="0" g="0" b="0"/>
        </a:lnRef>
        <a:fillRef idx="1">
          <a:scrgbClr r="0" g="0" b="0"/>
        </a:fillRef>
        <a:effectRef idx="0">
          <a:scrgbClr r="0" g="0" b="0"/>
        </a:effectRef>
        <a:fontRef idx="minor"/>
      </dsp:style>
    </dsp:sp>
    <dsp:sp modelId="{4EAB1A1E-CB2A-4242-AF41-430A768057C3}">
      <dsp:nvSpPr>
        <dsp:cNvPr id="0" name=""/>
        <dsp:cNvSpPr/>
      </dsp:nvSpPr>
      <dsp:spPr>
        <a:xfrm rot="5400000">
          <a:off x="1313005" y="614211"/>
          <a:ext cx="1967645" cy="1612375"/>
        </a:xfrm>
        <a:prstGeom prst="line">
          <a:avLst/>
        </a:prstGeom>
        <a:solidFill>
          <a:schemeClr val="dk2">
            <a:hueOff val="0"/>
            <a:satOff val="0"/>
            <a:lumOff val="0"/>
            <a:alphaOff val="0"/>
          </a:schemeClr>
        </a:solidFill>
        <a:ln w="25400" cap="flat" cmpd="sng" algn="ctr">
          <a:solidFill>
            <a:schemeClr val="dk2">
              <a:tint val="50000"/>
              <a:hueOff val="0"/>
              <a:satOff val="0"/>
              <a:lumOff val="0"/>
              <a:alphaOff val="0"/>
            </a:schemeClr>
          </a:solidFill>
          <a:miter lim="800000"/>
        </a:ln>
        <a:effectLst/>
      </dsp:spPr>
      <dsp:style>
        <a:lnRef idx="2">
          <a:scrgbClr r="0" g="0" b="0"/>
        </a:lnRef>
        <a:fillRef idx="1">
          <a:scrgbClr r="0" g="0" b="0"/>
        </a:fillRef>
        <a:effectRef idx="0">
          <a:scrgbClr r="0" g="0" b="0"/>
        </a:effectRef>
        <a:fontRef idx="minor"/>
      </dsp:style>
    </dsp:sp>
    <dsp:sp modelId="{44A5007D-7377-4082-B152-D36A67DE9374}">
      <dsp:nvSpPr>
        <dsp:cNvPr id="0" name=""/>
        <dsp:cNvSpPr/>
      </dsp:nvSpPr>
      <dsp:spPr>
        <a:xfrm>
          <a:off x="3478160" y="729934"/>
          <a:ext cx="1490640" cy="52629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48920" tIns="44450" rIns="44450" bIns="44450" numCol="1" spcCol="1270" anchor="ctr" anchorCtr="0">
          <a:noAutofit/>
        </a:bodyPr>
        <a:lstStyle/>
        <a:p>
          <a:pPr lvl="0" algn="l" defTabSz="1555750" rtl="1">
            <a:lnSpc>
              <a:spcPct val="90000"/>
            </a:lnSpc>
            <a:spcBef>
              <a:spcPct val="0"/>
            </a:spcBef>
            <a:spcAft>
              <a:spcPct val="35000"/>
            </a:spcAft>
          </a:pPr>
          <a:r>
            <a:rPr lang="he-IL" sz="3500" kern="1200" dirty="0" smtClean="0">
              <a:latin typeface="Narkisim" panose="020E0502050101010101" pitchFamily="34" charset="-79"/>
              <a:cs typeface="Narkisim" panose="020E0502050101010101" pitchFamily="34" charset="-79"/>
            </a:rPr>
            <a:t>ישראל</a:t>
          </a:r>
          <a:endParaRPr lang="he-IL" sz="3500" kern="1200" dirty="0">
            <a:latin typeface="Narkisim" panose="020E0502050101010101" pitchFamily="34" charset="-79"/>
            <a:cs typeface="Narkisim" panose="020E0502050101010101" pitchFamily="34" charset="-79"/>
          </a:endParaRPr>
        </a:p>
      </dsp:txBody>
      <dsp:txXfrm>
        <a:off x="3478160" y="729934"/>
        <a:ext cx="1490640" cy="526295"/>
      </dsp:txXfrm>
    </dsp:sp>
    <dsp:sp modelId="{AE5993D5-E82A-4EFB-A704-CAAD46748BD8}">
      <dsp:nvSpPr>
        <dsp:cNvPr id="0" name=""/>
        <dsp:cNvSpPr/>
      </dsp:nvSpPr>
      <dsp:spPr>
        <a:xfrm>
          <a:off x="3105500" y="993082"/>
          <a:ext cx="372660" cy="0"/>
        </a:xfrm>
        <a:prstGeom prst="line">
          <a:avLst/>
        </a:prstGeom>
        <a:solidFill>
          <a:schemeClr val="dk2">
            <a:hueOff val="0"/>
            <a:satOff val="0"/>
            <a:lumOff val="0"/>
            <a:alphaOff val="0"/>
          </a:schemeClr>
        </a:solidFill>
        <a:ln w="25400" cap="flat" cmpd="sng" algn="ctr">
          <a:solidFill>
            <a:schemeClr val="dk2">
              <a:tint val="50000"/>
              <a:hueOff val="0"/>
              <a:satOff val="0"/>
              <a:lumOff val="0"/>
              <a:alphaOff val="0"/>
            </a:schemeClr>
          </a:solidFill>
          <a:miter lim="800000"/>
        </a:ln>
        <a:effectLst/>
      </dsp:spPr>
      <dsp:style>
        <a:lnRef idx="2">
          <a:scrgbClr r="0" g="0" b="0"/>
        </a:lnRef>
        <a:fillRef idx="1">
          <a:scrgbClr r="0" g="0" b="0"/>
        </a:fillRef>
        <a:effectRef idx="0">
          <a:scrgbClr r="0" g="0" b="0"/>
        </a:effectRef>
        <a:fontRef idx="minor"/>
      </dsp:style>
    </dsp:sp>
    <dsp:sp modelId="{D7655728-CFC2-4D42-9448-9E2B2BBF2E19}">
      <dsp:nvSpPr>
        <dsp:cNvPr id="0" name=""/>
        <dsp:cNvSpPr/>
      </dsp:nvSpPr>
      <dsp:spPr>
        <a:xfrm rot="5400000">
          <a:off x="1602140" y="1128432"/>
          <a:ext cx="1638313" cy="1366420"/>
        </a:xfrm>
        <a:prstGeom prst="line">
          <a:avLst/>
        </a:prstGeom>
        <a:solidFill>
          <a:schemeClr val="dk2">
            <a:hueOff val="0"/>
            <a:satOff val="0"/>
            <a:lumOff val="0"/>
            <a:alphaOff val="0"/>
          </a:schemeClr>
        </a:solidFill>
        <a:ln w="25400" cap="flat" cmpd="sng" algn="ctr">
          <a:solidFill>
            <a:schemeClr val="dk2">
              <a:tint val="50000"/>
              <a:hueOff val="0"/>
              <a:satOff val="0"/>
              <a:lumOff val="0"/>
              <a:alphaOff val="0"/>
            </a:schemeClr>
          </a:solidFill>
          <a:miter lim="800000"/>
        </a:ln>
        <a:effectLst/>
      </dsp:spPr>
      <dsp:style>
        <a:lnRef idx="2">
          <a:scrgbClr r="0" g="0" b="0"/>
        </a:lnRef>
        <a:fillRef idx="1">
          <a:scrgbClr r="0" g="0" b="0"/>
        </a:fillRef>
        <a:effectRef idx="0">
          <a:scrgbClr r="0" g="0" b="0"/>
        </a:effectRef>
        <a:fontRef idx="minor"/>
      </dsp:style>
    </dsp:sp>
    <dsp:sp modelId="{D94A8CE5-19CB-4891-B29A-48F8025249ED}">
      <dsp:nvSpPr>
        <dsp:cNvPr id="0" name=""/>
        <dsp:cNvSpPr/>
      </dsp:nvSpPr>
      <dsp:spPr>
        <a:xfrm>
          <a:off x="3478160" y="1286440"/>
          <a:ext cx="1490640" cy="52629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48920" tIns="44450" rIns="44450" bIns="44450" numCol="1" spcCol="1270" anchor="ctr" anchorCtr="0">
          <a:noAutofit/>
        </a:bodyPr>
        <a:lstStyle/>
        <a:p>
          <a:pPr lvl="0" algn="l" defTabSz="1555750" rtl="1">
            <a:lnSpc>
              <a:spcPct val="90000"/>
            </a:lnSpc>
            <a:spcBef>
              <a:spcPct val="0"/>
            </a:spcBef>
            <a:spcAft>
              <a:spcPct val="35000"/>
            </a:spcAft>
          </a:pPr>
          <a:r>
            <a:rPr lang="he-IL" sz="3500" kern="1200" dirty="0" smtClean="0">
              <a:latin typeface="Narkisim" panose="020E0502050101010101" pitchFamily="34" charset="-79"/>
              <a:cs typeface="Narkisim" panose="020E0502050101010101" pitchFamily="34" charset="-79"/>
            </a:rPr>
            <a:t>ירדן</a:t>
          </a:r>
          <a:endParaRPr lang="he-IL" sz="3500" kern="1200" dirty="0">
            <a:latin typeface="Narkisim" panose="020E0502050101010101" pitchFamily="34" charset="-79"/>
            <a:cs typeface="Narkisim" panose="020E0502050101010101" pitchFamily="34" charset="-79"/>
          </a:endParaRPr>
        </a:p>
      </dsp:txBody>
      <dsp:txXfrm>
        <a:off x="3478160" y="1286440"/>
        <a:ext cx="1490640" cy="526295"/>
      </dsp:txXfrm>
    </dsp:sp>
    <dsp:sp modelId="{CE1A541F-25F3-4A43-B2FE-90E391CC684E}">
      <dsp:nvSpPr>
        <dsp:cNvPr id="0" name=""/>
        <dsp:cNvSpPr/>
      </dsp:nvSpPr>
      <dsp:spPr>
        <a:xfrm>
          <a:off x="3105500" y="1549588"/>
          <a:ext cx="372660" cy="0"/>
        </a:xfrm>
        <a:prstGeom prst="line">
          <a:avLst/>
        </a:prstGeom>
        <a:solidFill>
          <a:schemeClr val="dk2">
            <a:hueOff val="0"/>
            <a:satOff val="0"/>
            <a:lumOff val="0"/>
            <a:alphaOff val="0"/>
          </a:schemeClr>
        </a:solidFill>
        <a:ln w="25400" cap="flat" cmpd="sng" algn="ctr">
          <a:solidFill>
            <a:schemeClr val="dk2">
              <a:tint val="50000"/>
              <a:hueOff val="0"/>
              <a:satOff val="0"/>
              <a:lumOff val="0"/>
              <a:alphaOff val="0"/>
            </a:schemeClr>
          </a:solidFill>
          <a:miter lim="800000"/>
        </a:ln>
        <a:effectLst/>
      </dsp:spPr>
      <dsp:style>
        <a:lnRef idx="2">
          <a:scrgbClr r="0" g="0" b="0"/>
        </a:lnRef>
        <a:fillRef idx="1">
          <a:scrgbClr r="0" g="0" b="0"/>
        </a:fillRef>
        <a:effectRef idx="0">
          <a:scrgbClr r="0" g="0" b="0"/>
        </a:effectRef>
        <a:fontRef idx="minor"/>
      </dsp:style>
    </dsp:sp>
    <dsp:sp modelId="{3C543FFC-2083-4487-AAAC-2D42E230A36D}">
      <dsp:nvSpPr>
        <dsp:cNvPr id="0" name=""/>
        <dsp:cNvSpPr/>
      </dsp:nvSpPr>
      <dsp:spPr>
        <a:xfrm rot="5400000">
          <a:off x="1885659" y="1621635"/>
          <a:ext cx="1291888" cy="1147793"/>
        </a:xfrm>
        <a:prstGeom prst="line">
          <a:avLst/>
        </a:prstGeom>
        <a:solidFill>
          <a:schemeClr val="dk2">
            <a:hueOff val="0"/>
            <a:satOff val="0"/>
            <a:lumOff val="0"/>
            <a:alphaOff val="0"/>
          </a:schemeClr>
        </a:solidFill>
        <a:ln w="25400" cap="flat" cmpd="sng" algn="ctr">
          <a:solidFill>
            <a:schemeClr val="dk2">
              <a:tint val="50000"/>
              <a:hueOff val="0"/>
              <a:satOff val="0"/>
              <a:lumOff val="0"/>
              <a:alphaOff val="0"/>
            </a:schemeClr>
          </a:solidFill>
          <a:miter lim="800000"/>
        </a:ln>
        <a:effectLst/>
      </dsp:spPr>
      <dsp:style>
        <a:lnRef idx="2">
          <a:scrgbClr r="0" g="0" b="0"/>
        </a:lnRef>
        <a:fillRef idx="1">
          <a:scrgbClr r="0" g="0" b="0"/>
        </a:fillRef>
        <a:effectRef idx="0">
          <a:scrgbClr r="0" g="0" b="0"/>
        </a:effectRef>
        <a:fontRef idx="minor"/>
      </dsp:style>
    </dsp:sp>
    <dsp:sp modelId="{8F7EA152-D1BB-4F14-9988-B8D030EFCFE4}">
      <dsp:nvSpPr>
        <dsp:cNvPr id="0" name=""/>
        <dsp:cNvSpPr/>
      </dsp:nvSpPr>
      <dsp:spPr>
        <a:xfrm>
          <a:off x="3478160" y="1831020"/>
          <a:ext cx="1490640" cy="52629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48920" tIns="44450" rIns="44450" bIns="44450" numCol="1" spcCol="1270" anchor="ctr" anchorCtr="0">
          <a:noAutofit/>
        </a:bodyPr>
        <a:lstStyle/>
        <a:p>
          <a:pPr lvl="0" algn="l" defTabSz="1555750" rtl="1">
            <a:lnSpc>
              <a:spcPct val="90000"/>
            </a:lnSpc>
            <a:spcBef>
              <a:spcPct val="0"/>
            </a:spcBef>
            <a:spcAft>
              <a:spcPct val="35000"/>
            </a:spcAft>
          </a:pPr>
          <a:r>
            <a:rPr lang="he-IL" sz="3500" kern="1200" dirty="0" smtClean="0">
              <a:latin typeface="Narkisim" panose="020E0502050101010101" pitchFamily="34" charset="-79"/>
              <a:cs typeface="Narkisim" panose="020E0502050101010101" pitchFamily="34" charset="-79"/>
            </a:rPr>
            <a:t>מצריים</a:t>
          </a:r>
          <a:endParaRPr lang="he-IL" sz="3500" kern="1200" dirty="0">
            <a:latin typeface="Narkisim" panose="020E0502050101010101" pitchFamily="34" charset="-79"/>
            <a:cs typeface="Narkisim" panose="020E0502050101010101" pitchFamily="34" charset="-79"/>
          </a:endParaRPr>
        </a:p>
      </dsp:txBody>
      <dsp:txXfrm>
        <a:off x="3478160" y="1831020"/>
        <a:ext cx="1490640" cy="526295"/>
      </dsp:txXfrm>
    </dsp:sp>
    <dsp:sp modelId="{92E0FAFA-E376-4CF5-ABB5-56E6E43AD8DE}">
      <dsp:nvSpPr>
        <dsp:cNvPr id="0" name=""/>
        <dsp:cNvSpPr/>
      </dsp:nvSpPr>
      <dsp:spPr>
        <a:xfrm>
          <a:off x="3105500" y="2094168"/>
          <a:ext cx="372660" cy="0"/>
        </a:xfrm>
        <a:prstGeom prst="line">
          <a:avLst/>
        </a:prstGeom>
        <a:solidFill>
          <a:schemeClr val="dk2">
            <a:hueOff val="0"/>
            <a:satOff val="0"/>
            <a:lumOff val="0"/>
            <a:alphaOff val="0"/>
          </a:schemeClr>
        </a:solidFill>
        <a:ln w="25400" cap="flat" cmpd="sng" algn="ctr">
          <a:solidFill>
            <a:schemeClr val="dk2">
              <a:tint val="50000"/>
              <a:hueOff val="0"/>
              <a:satOff val="0"/>
              <a:lumOff val="0"/>
              <a:alphaOff val="0"/>
            </a:schemeClr>
          </a:solidFill>
          <a:miter lim="800000"/>
        </a:ln>
        <a:effectLst/>
      </dsp:spPr>
      <dsp:style>
        <a:lnRef idx="2">
          <a:scrgbClr r="0" g="0" b="0"/>
        </a:lnRef>
        <a:fillRef idx="1">
          <a:scrgbClr r="0" g="0" b="0"/>
        </a:fillRef>
        <a:effectRef idx="0">
          <a:scrgbClr r="0" g="0" b="0"/>
        </a:effectRef>
        <a:fontRef idx="minor"/>
      </dsp:style>
    </dsp:sp>
    <dsp:sp modelId="{FD39AD1D-0776-47A8-B8A0-DBD326184E57}">
      <dsp:nvSpPr>
        <dsp:cNvPr id="0" name=""/>
        <dsp:cNvSpPr/>
      </dsp:nvSpPr>
      <dsp:spPr>
        <a:xfrm rot="5400000">
          <a:off x="2167887" y="2142365"/>
          <a:ext cx="985810" cy="889415"/>
        </a:xfrm>
        <a:prstGeom prst="line">
          <a:avLst/>
        </a:prstGeom>
        <a:solidFill>
          <a:schemeClr val="dk2">
            <a:hueOff val="0"/>
            <a:satOff val="0"/>
            <a:lumOff val="0"/>
            <a:alphaOff val="0"/>
          </a:schemeClr>
        </a:solidFill>
        <a:ln w="25400" cap="flat" cmpd="sng" algn="ctr">
          <a:solidFill>
            <a:schemeClr val="dk2">
              <a:tint val="50000"/>
              <a:hueOff val="0"/>
              <a:satOff val="0"/>
              <a:lumOff val="0"/>
              <a:alphaOff val="0"/>
            </a:schemeClr>
          </a:solidFill>
          <a:miter lim="800000"/>
        </a:ln>
        <a:effectLst/>
      </dsp:spPr>
      <dsp:style>
        <a:lnRef idx="2">
          <a:scrgbClr r="0" g="0" b="0"/>
        </a:lnRef>
        <a:fillRef idx="1">
          <a:scrgbClr r="0" g="0" b="0"/>
        </a:fillRef>
        <a:effectRef idx="0">
          <a:scrgbClr r="0" g="0" b="0"/>
        </a:effectRef>
        <a:fontRef idx="minor"/>
      </dsp:style>
    </dsp:sp>
    <dsp:sp modelId="{0ABBD0EC-FD4D-416D-AF29-61A7613D83DA}">
      <dsp:nvSpPr>
        <dsp:cNvPr id="0" name=""/>
        <dsp:cNvSpPr/>
      </dsp:nvSpPr>
      <dsp:spPr>
        <a:xfrm>
          <a:off x="3478160" y="2359701"/>
          <a:ext cx="1490640" cy="526295"/>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248920" tIns="44450" rIns="44450" bIns="44450" numCol="1" spcCol="1270" anchor="ctr" anchorCtr="0">
          <a:noAutofit/>
        </a:bodyPr>
        <a:lstStyle/>
        <a:p>
          <a:pPr lvl="0" algn="l" defTabSz="1555750" rtl="1">
            <a:lnSpc>
              <a:spcPct val="90000"/>
            </a:lnSpc>
            <a:spcBef>
              <a:spcPct val="0"/>
            </a:spcBef>
            <a:spcAft>
              <a:spcPct val="35000"/>
            </a:spcAft>
          </a:pPr>
          <a:r>
            <a:rPr lang="he-IL" sz="3500" kern="1200" dirty="0" smtClean="0">
              <a:latin typeface="Narkisim" panose="020E0502050101010101" pitchFamily="34" charset="-79"/>
              <a:cs typeface="Narkisim" panose="020E0502050101010101" pitchFamily="34" charset="-79"/>
            </a:rPr>
            <a:t>עזה</a:t>
          </a:r>
          <a:endParaRPr lang="he-IL" sz="3500" kern="1200" dirty="0">
            <a:latin typeface="Narkisim" panose="020E0502050101010101" pitchFamily="34" charset="-79"/>
            <a:cs typeface="Narkisim" panose="020E0502050101010101" pitchFamily="34" charset="-79"/>
          </a:endParaRPr>
        </a:p>
      </dsp:txBody>
      <dsp:txXfrm>
        <a:off x="3478160" y="2359701"/>
        <a:ext cx="1490640" cy="526295"/>
      </dsp:txXfrm>
    </dsp:sp>
    <dsp:sp modelId="{374F4BF9-CBB0-4273-B3A3-DD20DA13EA69}">
      <dsp:nvSpPr>
        <dsp:cNvPr id="0" name=""/>
        <dsp:cNvSpPr/>
      </dsp:nvSpPr>
      <dsp:spPr>
        <a:xfrm>
          <a:off x="3105500" y="2622849"/>
          <a:ext cx="372660" cy="0"/>
        </a:xfrm>
        <a:prstGeom prst="line">
          <a:avLst/>
        </a:prstGeom>
        <a:solidFill>
          <a:schemeClr val="dk2">
            <a:hueOff val="0"/>
            <a:satOff val="0"/>
            <a:lumOff val="0"/>
            <a:alphaOff val="0"/>
          </a:schemeClr>
        </a:solidFill>
        <a:ln w="25400" cap="flat" cmpd="sng" algn="ctr">
          <a:solidFill>
            <a:schemeClr val="dk2">
              <a:tint val="50000"/>
              <a:hueOff val="0"/>
              <a:satOff val="0"/>
              <a:lumOff val="0"/>
              <a:alphaOff val="0"/>
            </a:schemeClr>
          </a:solidFill>
          <a:miter lim="800000"/>
        </a:ln>
        <a:effectLst/>
      </dsp:spPr>
      <dsp:style>
        <a:lnRef idx="2">
          <a:scrgbClr r="0" g="0" b="0"/>
        </a:lnRef>
        <a:fillRef idx="1">
          <a:scrgbClr r="0" g="0" b="0"/>
        </a:fillRef>
        <a:effectRef idx="0">
          <a:scrgbClr r="0" g="0" b="0"/>
        </a:effectRef>
        <a:fontRef idx="minor"/>
      </dsp:style>
    </dsp:sp>
    <dsp:sp modelId="{FBC03112-C4C3-496A-A81A-049FC028FF71}">
      <dsp:nvSpPr>
        <dsp:cNvPr id="0" name=""/>
        <dsp:cNvSpPr/>
      </dsp:nvSpPr>
      <dsp:spPr>
        <a:xfrm rot="5400000">
          <a:off x="2434712" y="2647693"/>
          <a:ext cx="695632" cy="645944"/>
        </a:xfrm>
        <a:prstGeom prst="line">
          <a:avLst/>
        </a:prstGeom>
        <a:solidFill>
          <a:schemeClr val="dk2">
            <a:hueOff val="0"/>
            <a:satOff val="0"/>
            <a:lumOff val="0"/>
            <a:alphaOff val="0"/>
          </a:schemeClr>
        </a:solidFill>
        <a:ln w="25400" cap="flat" cmpd="sng" algn="ctr">
          <a:solidFill>
            <a:schemeClr val="dk2">
              <a:tint val="50000"/>
              <a:hueOff val="0"/>
              <a:satOff val="0"/>
              <a:lumOff val="0"/>
              <a:alphaOff val="0"/>
            </a:schemeClr>
          </a:solidFill>
          <a:miter lim="800000"/>
        </a:ln>
        <a:effectLst/>
      </dsp:spPr>
      <dsp:style>
        <a:lnRef idx="2">
          <a:scrgbClr r="0" g="0" b="0"/>
        </a:lnRef>
        <a:fillRef idx="1">
          <a:scrgbClr r="0" g="0" b="0"/>
        </a:fillRef>
        <a:effectRef idx="0">
          <a:scrgbClr r="0" g="0" b="0"/>
        </a:effectRef>
        <a:fontRef idx="minor"/>
      </dsp:style>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BC83F65-BA6E-48D3-9E05-7E503A2C3E02}">
      <dsp:nvSpPr>
        <dsp:cNvPr id="0" name=""/>
        <dsp:cNvSpPr/>
      </dsp:nvSpPr>
      <dsp:spPr>
        <a:xfrm>
          <a:off x="270030" y="848067"/>
          <a:ext cx="2916324" cy="2916324"/>
        </a:xfrm>
        <a:prstGeom prst="ellipse">
          <a:avLst/>
        </a:prstGeom>
        <a:solidFill>
          <a:schemeClr val="lt1">
            <a:hueOff val="0"/>
            <a:satOff val="0"/>
            <a:lumOff val="0"/>
            <a:alphaOff val="0"/>
          </a:schemeClr>
        </a:solidFill>
        <a:ln w="25400" cap="flat" cmpd="sng" algn="ctr">
          <a:solidFill>
            <a:schemeClr val="dk2">
              <a:shade val="80000"/>
              <a:hueOff val="0"/>
              <a:satOff val="0"/>
              <a:lumOff val="0"/>
              <a:alphaOff val="0"/>
            </a:schemeClr>
          </a:solidFill>
          <a:miter lim="800000"/>
        </a:ln>
        <a:effectLst/>
      </dsp:spPr>
      <dsp:style>
        <a:lnRef idx="2">
          <a:scrgbClr r="0" g="0" b="0"/>
        </a:lnRef>
        <a:fillRef idx="1">
          <a:scrgbClr r="0" g="0" b="0"/>
        </a:fillRef>
        <a:effectRef idx="0">
          <a:scrgbClr r="0" g="0" b="0"/>
        </a:effectRef>
        <a:fontRef idx="minor">
          <a:schemeClr val="lt1"/>
        </a:fontRef>
      </dsp:style>
    </dsp:sp>
    <dsp:sp modelId="{490D6149-A414-4FBE-A8CA-0DAE1CA12AC2}">
      <dsp:nvSpPr>
        <dsp:cNvPr id="0" name=""/>
        <dsp:cNvSpPr/>
      </dsp:nvSpPr>
      <dsp:spPr>
        <a:xfrm>
          <a:off x="593984" y="1172022"/>
          <a:ext cx="2268414" cy="2268414"/>
        </a:xfrm>
        <a:prstGeom prst="ellipse">
          <a:avLst/>
        </a:prstGeom>
        <a:solidFill>
          <a:schemeClr val="lt1">
            <a:hueOff val="0"/>
            <a:satOff val="0"/>
            <a:lumOff val="0"/>
            <a:alphaOff val="0"/>
          </a:schemeClr>
        </a:solidFill>
        <a:ln w="25400" cap="flat" cmpd="sng" algn="ctr">
          <a:solidFill>
            <a:schemeClr val="dk2">
              <a:shade val="80000"/>
              <a:hueOff val="0"/>
              <a:satOff val="0"/>
              <a:lumOff val="0"/>
              <a:alphaOff val="0"/>
            </a:schemeClr>
          </a:solidFill>
          <a:miter lim="800000"/>
        </a:ln>
        <a:effectLst/>
      </dsp:spPr>
      <dsp:style>
        <a:lnRef idx="2">
          <a:scrgbClr r="0" g="0" b="0"/>
        </a:lnRef>
        <a:fillRef idx="1">
          <a:scrgbClr r="0" g="0" b="0"/>
        </a:fillRef>
        <a:effectRef idx="0">
          <a:scrgbClr r="0" g="0" b="0"/>
        </a:effectRef>
        <a:fontRef idx="minor">
          <a:schemeClr val="lt1"/>
        </a:fontRef>
      </dsp:style>
    </dsp:sp>
    <dsp:sp modelId="{C7C4C011-3A38-436D-A131-BE36CCE91928}">
      <dsp:nvSpPr>
        <dsp:cNvPr id="0" name=""/>
        <dsp:cNvSpPr/>
      </dsp:nvSpPr>
      <dsp:spPr>
        <a:xfrm>
          <a:off x="917939" y="1495977"/>
          <a:ext cx="1620504" cy="1620504"/>
        </a:xfrm>
        <a:prstGeom prst="ellipse">
          <a:avLst/>
        </a:prstGeom>
        <a:solidFill>
          <a:schemeClr val="lt1">
            <a:hueOff val="0"/>
            <a:satOff val="0"/>
            <a:lumOff val="0"/>
            <a:alphaOff val="0"/>
          </a:schemeClr>
        </a:solidFill>
        <a:ln w="25400" cap="flat" cmpd="sng" algn="ctr">
          <a:solidFill>
            <a:schemeClr val="dk2">
              <a:shade val="80000"/>
              <a:hueOff val="0"/>
              <a:satOff val="0"/>
              <a:lumOff val="0"/>
              <a:alphaOff val="0"/>
            </a:schemeClr>
          </a:solidFill>
          <a:miter lim="800000"/>
        </a:ln>
        <a:effectLst/>
      </dsp:spPr>
      <dsp:style>
        <a:lnRef idx="2">
          <a:scrgbClr r="0" g="0" b="0"/>
        </a:lnRef>
        <a:fillRef idx="1">
          <a:scrgbClr r="0" g="0" b="0"/>
        </a:fillRef>
        <a:effectRef idx="0">
          <a:scrgbClr r="0" g="0" b="0"/>
        </a:effectRef>
        <a:fontRef idx="minor">
          <a:schemeClr val="lt1"/>
        </a:fontRef>
      </dsp:style>
    </dsp:sp>
    <dsp:sp modelId="{F17BB37A-35DC-4FB3-B200-E9B01182A38C}">
      <dsp:nvSpPr>
        <dsp:cNvPr id="0" name=""/>
        <dsp:cNvSpPr/>
      </dsp:nvSpPr>
      <dsp:spPr>
        <a:xfrm>
          <a:off x="1242138" y="1820175"/>
          <a:ext cx="972108" cy="972108"/>
        </a:xfrm>
        <a:prstGeom prst="ellipse">
          <a:avLst/>
        </a:prstGeom>
        <a:solidFill>
          <a:schemeClr val="lt1">
            <a:hueOff val="0"/>
            <a:satOff val="0"/>
            <a:lumOff val="0"/>
            <a:alphaOff val="0"/>
          </a:schemeClr>
        </a:solidFill>
        <a:ln w="25400" cap="flat" cmpd="sng" algn="ctr">
          <a:solidFill>
            <a:schemeClr val="dk2">
              <a:shade val="80000"/>
              <a:hueOff val="0"/>
              <a:satOff val="0"/>
              <a:lumOff val="0"/>
              <a:alphaOff val="0"/>
            </a:schemeClr>
          </a:solidFill>
          <a:miter lim="800000"/>
        </a:ln>
        <a:effectLst/>
      </dsp:spPr>
      <dsp:style>
        <a:lnRef idx="2">
          <a:scrgbClr r="0" g="0" b="0"/>
        </a:lnRef>
        <a:fillRef idx="1">
          <a:scrgbClr r="0" g="0" b="0"/>
        </a:fillRef>
        <a:effectRef idx="0">
          <a:scrgbClr r="0" g="0" b="0"/>
        </a:effectRef>
        <a:fontRef idx="minor">
          <a:schemeClr val="lt1"/>
        </a:fontRef>
      </dsp:style>
    </dsp:sp>
    <dsp:sp modelId="{F0D9352F-486E-42BD-9291-3172E858915E}">
      <dsp:nvSpPr>
        <dsp:cNvPr id="0" name=""/>
        <dsp:cNvSpPr/>
      </dsp:nvSpPr>
      <dsp:spPr>
        <a:xfrm>
          <a:off x="1566092" y="2144130"/>
          <a:ext cx="324198" cy="324198"/>
        </a:xfrm>
        <a:prstGeom prst="ellipse">
          <a:avLst/>
        </a:prstGeom>
        <a:solidFill>
          <a:schemeClr val="lt1">
            <a:hueOff val="0"/>
            <a:satOff val="0"/>
            <a:lumOff val="0"/>
            <a:alphaOff val="0"/>
          </a:schemeClr>
        </a:solidFill>
        <a:ln w="25400" cap="flat" cmpd="sng" algn="ctr">
          <a:solidFill>
            <a:schemeClr val="dk2">
              <a:shade val="80000"/>
              <a:hueOff val="0"/>
              <a:satOff val="0"/>
              <a:lumOff val="0"/>
              <a:alphaOff val="0"/>
            </a:schemeClr>
          </a:solidFill>
          <a:miter lim="800000"/>
        </a:ln>
        <a:effectLst/>
      </dsp:spPr>
      <dsp:style>
        <a:lnRef idx="2">
          <a:scrgbClr r="0" g="0" b="0"/>
        </a:lnRef>
        <a:fillRef idx="1">
          <a:scrgbClr r="0" g="0" b="0"/>
        </a:fillRef>
        <a:effectRef idx="0">
          <a:scrgbClr r="0" g="0" b="0"/>
        </a:effectRef>
        <a:fontRef idx="minor">
          <a:schemeClr val="lt1"/>
        </a:fontRef>
      </dsp:style>
    </dsp:sp>
    <dsp:sp modelId="{06442557-879C-40FB-86DD-D2E04071ADE5}">
      <dsp:nvSpPr>
        <dsp:cNvPr id="0" name=""/>
        <dsp:cNvSpPr/>
      </dsp:nvSpPr>
      <dsp:spPr>
        <a:xfrm>
          <a:off x="3528399" y="124040"/>
          <a:ext cx="1458162" cy="51482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20904" tIns="21590" rIns="21590" bIns="21590" numCol="1" spcCol="1270" anchor="ctr" anchorCtr="0">
          <a:noAutofit/>
        </a:bodyPr>
        <a:lstStyle/>
        <a:p>
          <a:pPr lvl="0" algn="l" defTabSz="755650" rtl="1">
            <a:lnSpc>
              <a:spcPct val="90000"/>
            </a:lnSpc>
            <a:spcBef>
              <a:spcPct val="0"/>
            </a:spcBef>
            <a:spcAft>
              <a:spcPct val="35000"/>
            </a:spcAft>
          </a:pPr>
          <a:r>
            <a:rPr lang="he-IL" sz="1700" kern="1200" dirty="0" smtClean="0"/>
            <a:t>ארה"ב</a:t>
          </a:r>
          <a:endParaRPr lang="he-IL" sz="1700" kern="1200" dirty="0"/>
        </a:p>
      </dsp:txBody>
      <dsp:txXfrm>
        <a:off x="3528399" y="124040"/>
        <a:ext cx="1458162" cy="514828"/>
      </dsp:txXfrm>
    </dsp:sp>
    <dsp:sp modelId="{406C079F-1325-4081-9274-CEBFF5F8EE6B}">
      <dsp:nvSpPr>
        <dsp:cNvPr id="0" name=""/>
        <dsp:cNvSpPr/>
      </dsp:nvSpPr>
      <dsp:spPr>
        <a:xfrm>
          <a:off x="3307867" y="381455"/>
          <a:ext cx="364540" cy="0"/>
        </a:xfrm>
        <a:prstGeom prst="line">
          <a:avLst/>
        </a:prstGeom>
        <a:solidFill>
          <a:schemeClr val="dk2">
            <a:hueOff val="0"/>
            <a:satOff val="0"/>
            <a:lumOff val="0"/>
            <a:alphaOff val="0"/>
          </a:schemeClr>
        </a:solidFill>
        <a:ln w="25400" cap="flat" cmpd="sng" algn="ctr">
          <a:solidFill>
            <a:schemeClr val="dk2">
              <a:hueOff val="0"/>
              <a:satOff val="0"/>
              <a:lumOff val="0"/>
              <a:alphaOff val="0"/>
            </a:schemeClr>
          </a:solidFill>
          <a:miter lim="800000"/>
        </a:ln>
        <a:effectLst/>
      </dsp:spPr>
      <dsp:style>
        <a:lnRef idx="2">
          <a:scrgbClr r="0" g="0" b="0"/>
        </a:lnRef>
        <a:fillRef idx="1">
          <a:scrgbClr r="0" g="0" b="0"/>
        </a:fillRef>
        <a:effectRef idx="0">
          <a:scrgbClr r="0" g="0" b="0"/>
        </a:effectRef>
        <a:fontRef idx="minor"/>
      </dsp:style>
    </dsp:sp>
    <dsp:sp modelId="{9EB44853-2574-4E0D-9B40-28F037462E79}">
      <dsp:nvSpPr>
        <dsp:cNvPr id="0" name=""/>
        <dsp:cNvSpPr/>
      </dsp:nvSpPr>
      <dsp:spPr>
        <a:xfrm rot="5400000">
          <a:off x="1554427" y="555219"/>
          <a:ext cx="1924773" cy="1577245"/>
        </a:xfrm>
        <a:prstGeom prst="line">
          <a:avLst/>
        </a:prstGeom>
        <a:solidFill>
          <a:schemeClr val="dk2">
            <a:hueOff val="0"/>
            <a:satOff val="0"/>
            <a:lumOff val="0"/>
            <a:alphaOff val="0"/>
          </a:schemeClr>
        </a:solidFill>
        <a:ln w="25400" cap="flat" cmpd="sng" algn="ctr">
          <a:solidFill>
            <a:schemeClr val="dk2">
              <a:hueOff val="0"/>
              <a:satOff val="0"/>
              <a:lumOff val="0"/>
              <a:alphaOff val="0"/>
            </a:schemeClr>
          </a:solidFill>
          <a:miter lim="800000"/>
        </a:ln>
        <a:effectLst/>
      </dsp:spPr>
      <dsp:style>
        <a:lnRef idx="2">
          <a:scrgbClr r="0" g="0" b="0"/>
        </a:lnRef>
        <a:fillRef idx="1">
          <a:scrgbClr r="0" g="0" b="0"/>
        </a:fillRef>
        <a:effectRef idx="0">
          <a:scrgbClr r="0" g="0" b="0"/>
        </a:effectRef>
        <a:fontRef idx="minor"/>
      </dsp:style>
    </dsp:sp>
    <dsp:sp modelId="{21385AFD-5752-4A37-A3D3-600BD1D9FE0B}">
      <dsp:nvSpPr>
        <dsp:cNvPr id="0" name=""/>
        <dsp:cNvSpPr/>
      </dsp:nvSpPr>
      <dsp:spPr>
        <a:xfrm>
          <a:off x="3582395" y="709309"/>
          <a:ext cx="1458162" cy="51482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20904" tIns="21590" rIns="21590" bIns="21590" numCol="1" spcCol="1270" anchor="ctr" anchorCtr="0">
          <a:noAutofit/>
        </a:bodyPr>
        <a:lstStyle/>
        <a:p>
          <a:pPr lvl="0" algn="l" defTabSz="755650" rtl="1">
            <a:lnSpc>
              <a:spcPct val="90000"/>
            </a:lnSpc>
            <a:spcBef>
              <a:spcPct val="0"/>
            </a:spcBef>
            <a:spcAft>
              <a:spcPct val="35000"/>
            </a:spcAft>
          </a:pPr>
          <a:r>
            <a:rPr lang="he-IL" sz="1700" kern="1200" dirty="0" smtClean="0"/>
            <a:t>אירופה והאיחוד</a:t>
          </a:r>
          <a:endParaRPr lang="he-IL" sz="1700" kern="1200" dirty="0"/>
        </a:p>
      </dsp:txBody>
      <dsp:txXfrm>
        <a:off x="3582395" y="709309"/>
        <a:ext cx="1458162" cy="514828"/>
      </dsp:txXfrm>
    </dsp:sp>
    <dsp:sp modelId="{E96DD10D-FF56-47D8-9182-E44E42CE0709}">
      <dsp:nvSpPr>
        <dsp:cNvPr id="0" name=""/>
        <dsp:cNvSpPr/>
      </dsp:nvSpPr>
      <dsp:spPr>
        <a:xfrm>
          <a:off x="3307867" y="925835"/>
          <a:ext cx="364540" cy="0"/>
        </a:xfrm>
        <a:prstGeom prst="line">
          <a:avLst/>
        </a:prstGeom>
        <a:solidFill>
          <a:schemeClr val="dk2">
            <a:hueOff val="0"/>
            <a:satOff val="0"/>
            <a:lumOff val="0"/>
            <a:alphaOff val="0"/>
          </a:schemeClr>
        </a:solidFill>
        <a:ln w="25400" cap="flat" cmpd="sng" algn="ctr">
          <a:solidFill>
            <a:schemeClr val="dk2">
              <a:hueOff val="0"/>
              <a:satOff val="0"/>
              <a:lumOff val="0"/>
              <a:alphaOff val="0"/>
            </a:schemeClr>
          </a:solidFill>
          <a:miter lim="800000"/>
        </a:ln>
        <a:effectLst/>
      </dsp:spPr>
      <dsp:style>
        <a:lnRef idx="2">
          <a:scrgbClr r="0" g="0" b="0"/>
        </a:lnRef>
        <a:fillRef idx="1">
          <a:scrgbClr r="0" g="0" b="0"/>
        </a:fillRef>
        <a:effectRef idx="0">
          <a:scrgbClr r="0" g="0" b="0"/>
        </a:effectRef>
        <a:fontRef idx="minor"/>
      </dsp:style>
    </dsp:sp>
    <dsp:sp modelId="{66289019-F2C7-4A28-B2C7-E05618DF304F}">
      <dsp:nvSpPr>
        <dsp:cNvPr id="0" name=""/>
        <dsp:cNvSpPr/>
      </dsp:nvSpPr>
      <dsp:spPr>
        <a:xfrm rot="5400000">
          <a:off x="1837262" y="1058236"/>
          <a:ext cx="1602617" cy="1336648"/>
        </a:xfrm>
        <a:prstGeom prst="line">
          <a:avLst/>
        </a:prstGeom>
        <a:solidFill>
          <a:schemeClr val="dk2">
            <a:hueOff val="0"/>
            <a:satOff val="0"/>
            <a:lumOff val="0"/>
            <a:alphaOff val="0"/>
          </a:schemeClr>
        </a:solidFill>
        <a:ln w="25400" cap="flat" cmpd="sng" algn="ctr">
          <a:solidFill>
            <a:schemeClr val="dk2">
              <a:hueOff val="0"/>
              <a:satOff val="0"/>
              <a:lumOff val="0"/>
              <a:alphaOff val="0"/>
            </a:schemeClr>
          </a:solidFill>
          <a:miter lim="800000"/>
        </a:ln>
        <a:effectLst/>
      </dsp:spPr>
      <dsp:style>
        <a:lnRef idx="2">
          <a:scrgbClr r="0" g="0" b="0"/>
        </a:lnRef>
        <a:fillRef idx="1">
          <a:scrgbClr r="0" g="0" b="0"/>
        </a:fillRef>
        <a:effectRef idx="0">
          <a:scrgbClr r="0" g="0" b="0"/>
        </a:effectRef>
        <a:fontRef idx="minor"/>
      </dsp:style>
    </dsp:sp>
    <dsp:sp modelId="{AE650F91-C7F4-4245-B7E5-2AA080DBC7F6}">
      <dsp:nvSpPr>
        <dsp:cNvPr id="0" name=""/>
        <dsp:cNvSpPr/>
      </dsp:nvSpPr>
      <dsp:spPr>
        <a:xfrm>
          <a:off x="3600403" y="1008111"/>
          <a:ext cx="1458162" cy="51482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20904" tIns="21590" rIns="21590" bIns="21590" numCol="1" spcCol="1270" anchor="ctr" anchorCtr="0">
          <a:noAutofit/>
        </a:bodyPr>
        <a:lstStyle/>
        <a:p>
          <a:pPr lvl="0" algn="l" defTabSz="755650" rtl="1">
            <a:lnSpc>
              <a:spcPct val="90000"/>
            </a:lnSpc>
            <a:spcBef>
              <a:spcPct val="0"/>
            </a:spcBef>
            <a:spcAft>
              <a:spcPct val="35000"/>
            </a:spcAft>
          </a:pPr>
          <a:r>
            <a:rPr lang="he-IL" sz="1700" kern="1200" dirty="0" smtClean="0"/>
            <a:t>טורקיה</a:t>
          </a:r>
          <a:endParaRPr lang="he-IL" sz="1700" kern="1200" dirty="0"/>
        </a:p>
      </dsp:txBody>
      <dsp:txXfrm>
        <a:off x="3600403" y="1008111"/>
        <a:ext cx="1458162" cy="514828"/>
      </dsp:txXfrm>
    </dsp:sp>
    <dsp:sp modelId="{467E6ECF-070F-4705-8A7C-C8BE394E3395}">
      <dsp:nvSpPr>
        <dsp:cNvPr id="0" name=""/>
        <dsp:cNvSpPr/>
      </dsp:nvSpPr>
      <dsp:spPr>
        <a:xfrm>
          <a:off x="3307867" y="1470216"/>
          <a:ext cx="364540" cy="0"/>
        </a:xfrm>
        <a:prstGeom prst="line">
          <a:avLst/>
        </a:prstGeom>
        <a:solidFill>
          <a:schemeClr val="dk2">
            <a:hueOff val="0"/>
            <a:satOff val="0"/>
            <a:lumOff val="0"/>
            <a:alphaOff val="0"/>
          </a:schemeClr>
        </a:solidFill>
        <a:ln w="25400" cap="flat" cmpd="sng" algn="ctr">
          <a:solidFill>
            <a:schemeClr val="dk2">
              <a:hueOff val="0"/>
              <a:satOff val="0"/>
              <a:lumOff val="0"/>
              <a:alphaOff val="0"/>
            </a:schemeClr>
          </a:solidFill>
          <a:miter lim="800000"/>
        </a:ln>
        <a:effectLst/>
      </dsp:spPr>
      <dsp:style>
        <a:lnRef idx="2">
          <a:scrgbClr r="0" g="0" b="0"/>
        </a:lnRef>
        <a:fillRef idx="1">
          <a:scrgbClr r="0" g="0" b="0"/>
        </a:fillRef>
        <a:effectRef idx="0">
          <a:scrgbClr r="0" g="0" b="0"/>
        </a:effectRef>
        <a:fontRef idx="minor"/>
      </dsp:style>
    </dsp:sp>
    <dsp:sp modelId="{308C5F91-E679-4BBA-99D6-A0691F860B3F}">
      <dsp:nvSpPr>
        <dsp:cNvPr id="0" name=""/>
        <dsp:cNvSpPr/>
      </dsp:nvSpPr>
      <dsp:spPr>
        <a:xfrm rot="5400000">
          <a:off x="2114604" y="1540693"/>
          <a:ext cx="1263740" cy="1122784"/>
        </a:xfrm>
        <a:prstGeom prst="line">
          <a:avLst/>
        </a:prstGeom>
        <a:solidFill>
          <a:schemeClr val="dk2">
            <a:hueOff val="0"/>
            <a:satOff val="0"/>
            <a:lumOff val="0"/>
            <a:alphaOff val="0"/>
          </a:schemeClr>
        </a:solidFill>
        <a:ln w="25400" cap="flat" cmpd="sng" algn="ctr">
          <a:solidFill>
            <a:schemeClr val="dk2">
              <a:hueOff val="0"/>
              <a:satOff val="0"/>
              <a:lumOff val="0"/>
              <a:alphaOff val="0"/>
            </a:schemeClr>
          </a:solidFill>
          <a:miter lim="800000"/>
        </a:ln>
        <a:effectLst/>
      </dsp:spPr>
      <dsp:style>
        <a:lnRef idx="2">
          <a:scrgbClr r="0" g="0" b="0"/>
        </a:lnRef>
        <a:fillRef idx="1">
          <a:scrgbClr r="0" g="0" b="0"/>
        </a:fillRef>
        <a:effectRef idx="0">
          <a:scrgbClr r="0" g="0" b="0"/>
        </a:effectRef>
        <a:fontRef idx="minor"/>
      </dsp:style>
    </dsp:sp>
    <dsp:sp modelId="{30816392-C68D-4F88-85D3-B973044311E5}">
      <dsp:nvSpPr>
        <dsp:cNvPr id="0" name=""/>
        <dsp:cNvSpPr/>
      </dsp:nvSpPr>
      <dsp:spPr>
        <a:xfrm>
          <a:off x="3672408" y="1745517"/>
          <a:ext cx="1458162" cy="51482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20904" tIns="21590" rIns="21590" bIns="21590" numCol="1" spcCol="1270" anchor="ctr" anchorCtr="0">
          <a:noAutofit/>
        </a:bodyPr>
        <a:lstStyle/>
        <a:p>
          <a:pPr lvl="0" algn="l" defTabSz="755650" rtl="1">
            <a:lnSpc>
              <a:spcPct val="90000"/>
            </a:lnSpc>
            <a:spcBef>
              <a:spcPct val="0"/>
            </a:spcBef>
            <a:spcAft>
              <a:spcPct val="35000"/>
            </a:spcAft>
          </a:pPr>
          <a:r>
            <a:rPr lang="he-IL" sz="1700" kern="1200" dirty="0" smtClean="0"/>
            <a:t>איראן</a:t>
          </a:r>
          <a:endParaRPr lang="he-IL" sz="1700" kern="1200" dirty="0"/>
        </a:p>
      </dsp:txBody>
      <dsp:txXfrm>
        <a:off x="3672408" y="1745517"/>
        <a:ext cx="1458162" cy="514828"/>
      </dsp:txXfrm>
    </dsp:sp>
    <dsp:sp modelId="{C6DF65A9-FB57-4F00-953E-40E75E7D3525}">
      <dsp:nvSpPr>
        <dsp:cNvPr id="0" name=""/>
        <dsp:cNvSpPr/>
      </dsp:nvSpPr>
      <dsp:spPr>
        <a:xfrm>
          <a:off x="3307867" y="2002931"/>
          <a:ext cx="364540" cy="0"/>
        </a:xfrm>
        <a:prstGeom prst="line">
          <a:avLst/>
        </a:prstGeom>
        <a:solidFill>
          <a:schemeClr val="dk2">
            <a:hueOff val="0"/>
            <a:satOff val="0"/>
            <a:lumOff val="0"/>
            <a:alphaOff val="0"/>
          </a:schemeClr>
        </a:solidFill>
        <a:ln w="25400" cap="flat" cmpd="sng" algn="ctr">
          <a:solidFill>
            <a:schemeClr val="dk2">
              <a:hueOff val="0"/>
              <a:satOff val="0"/>
              <a:lumOff val="0"/>
              <a:alphaOff val="0"/>
            </a:schemeClr>
          </a:solidFill>
          <a:miter lim="800000"/>
        </a:ln>
        <a:effectLst/>
      </dsp:spPr>
      <dsp:style>
        <a:lnRef idx="2">
          <a:scrgbClr r="0" g="0" b="0"/>
        </a:lnRef>
        <a:fillRef idx="1">
          <a:scrgbClr r="0" g="0" b="0"/>
        </a:fillRef>
        <a:effectRef idx="0">
          <a:scrgbClr r="0" g="0" b="0"/>
        </a:effectRef>
        <a:fontRef idx="minor"/>
      </dsp:style>
    </dsp:sp>
    <dsp:sp modelId="{CD16B1B1-16D5-40AE-9591-698FFC1ADED7}">
      <dsp:nvSpPr>
        <dsp:cNvPr id="0" name=""/>
        <dsp:cNvSpPr/>
      </dsp:nvSpPr>
      <dsp:spPr>
        <a:xfrm rot="5400000">
          <a:off x="2390683" y="2050078"/>
          <a:ext cx="964331" cy="870036"/>
        </a:xfrm>
        <a:prstGeom prst="line">
          <a:avLst/>
        </a:prstGeom>
        <a:solidFill>
          <a:schemeClr val="dk2">
            <a:hueOff val="0"/>
            <a:satOff val="0"/>
            <a:lumOff val="0"/>
            <a:alphaOff val="0"/>
          </a:schemeClr>
        </a:solidFill>
        <a:ln w="25400" cap="flat" cmpd="sng" algn="ctr">
          <a:solidFill>
            <a:schemeClr val="dk2">
              <a:hueOff val="0"/>
              <a:satOff val="0"/>
              <a:lumOff val="0"/>
              <a:alphaOff val="0"/>
            </a:schemeClr>
          </a:solidFill>
          <a:miter lim="800000"/>
        </a:ln>
        <a:effectLst/>
      </dsp:spPr>
      <dsp:style>
        <a:lnRef idx="2">
          <a:scrgbClr r="0" g="0" b="0"/>
        </a:lnRef>
        <a:fillRef idx="1">
          <a:scrgbClr r="0" g="0" b="0"/>
        </a:fillRef>
        <a:effectRef idx="0">
          <a:scrgbClr r="0" g="0" b="0"/>
        </a:effectRef>
        <a:fontRef idx="minor"/>
      </dsp:style>
    </dsp:sp>
    <dsp:sp modelId="{A13CF959-3DB5-4CDB-8D99-3FE44F8AD7E8}">
      <dsp:nvSpPr>
        <dsp:cNvPr id="0" name=""/>
        <dsp:cNvSpPr/>
      </dsp:nvSpPr>
      <dsp:spPr>
        <a:xfrm>
          <a:off x="3672408" y="2262678"/>
          <a:ext cx="1458162" cy="51482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20904" tIns="21590" rIns="21590" bIns="21590" numCol="1" spcCol="1270" anchor="ctr" anchorCtr="0">
          <a:noAutofit/>
        </a:bodyPr>
        <a:lstStyle/>
        <a:p>
          <a:pPr lvl="0" algn="l" defTabSz="755650" rtl="1">
            <a:lnSpc>
              <a:spcPct val="90000"/>
            </a:lnSpc>
            <a:spcBef>
              <a:spcPct val="0"/>
            </a:spcBef>
            <a:spcAft>
              <a:spcPct val="35000"/>
            </a:spcAft>
          </a:pPr>
          <a:r>
            <a:rPr lang="he-IL" sz="1700" kern="1200" dirty="0" err="1" smtClean="0"/>
            <a:t>המפרציות</a:t>
          </a:r>
          <a:endParaRPr lang="he-IL" sz="1700" kern="1200" dirty="0"/>
        </a:p>
      </dsp:txBody>
      <dsp:txXfrm>
        <a:off x="3672408" y="2262678"/>
        <a:ext cx="1458162" cy="514828"/>
      </dsp:txXfrm>
    </dsp:sp>
    <dsp:sp modelId="{38572765-DA50-446A-982E-892353A09CFC}">
      <dsp:nvSpPr>
        <dsp:cNvPr id="0" name=""/>
        <dsp:cNvSpPr/>
      </dsp:nvSpPr>
      <dsp:spPr>
        <a:xfrm>
          <a:off x="3307867" y="2520092"/>
          <a:ext cx="364540" cy="0"/>
        </a:xfrm>
        <a:prstGeom prst="line">
          <a:avLst/>
        </a:prstGeom>
        <a:solidFill>
          <a:schemeClr val="dk2">
            <a:hueOff val="0"/>
            <a:satOff val="0"/>
            <a:lumOff val="0"/>
            <a:alphaOff val="0"/>
          </a:schemeClr>
        </a:solidFill>
        <a:ln w="25400" cap="flat" cmpd="sng" algn="ctr">
          <a:solidFill>
            <a:schemeClr val="dk2">
              <a:hueOff val="0"/>
              <a:satOff val="0"/>
              <a:lumOff val="0"/>
              <a:alphaOff val="0"/>
            </a:schemeClr>
          </a:solidFill>
          <a:miter lim="800000"/>
        </a:ln>
        <a:effectLst/>
      </dsp:spPr>
      <dsp:style>
        <a:lnRef idx="2">
          <a:scrgbClr r="0" g="0" b="0"/>
        </a:lnRef>
        <a:fillRef idx="1">
          <a:scrgbClr r="0" g="0" b="0"/>
        </a:fillRef>
        <a:effectRef idx="0">
          <a:scrgbClr r="0" g="0" b="0"/>
        </a:effectRef>
        <a:fontRef idx="minor"/>
      </dsp:style>
    </dsp:sp>
    <dsp:sp modelId="{7A78489D-0391-4DC1-B4C5-CB555443585A}">
      <dsp:nvSpPr>
        <dsp:cNvPr id="0" name=""/>
        <dsp:cNvSpPr/>
      </dsp:nvSpPr>
      <dsp:spPr>
        <a:xfrm rot="5400000">
          <a:off x="2651694" y="2544395"/>
          <a:ext cx="680475" cy="631870"/>
        </a:xfrm>
        <a:prstGeom prst="line">
          <a:avLst/>
        </a:prstGeom>
        <a:solidFill>
          <a:schemeClr val="dk2">
            <a:hueOff val="0"/>
            <a:satOff val="0"/>
            <a:lumOff val="0"/>
            <a:alphaOff val="0"/>
          </a:schemeClr>
        </a:solidFill>
        <a:ln w="25400" cap="flat" cmpd="sng" algn="ctr">
          <a:solidFill>
            <a:schemeClr val="dk2">
              <a:hueOff val="0"/>
              <a:satOff val="0"/>
              <a:lumOff val="0"/>
              <a:alphaOff val="0"/>
            </a:schemeClr>
          </a:solidFill>
          <a:miter lim="800000"/>
        </a:ln>
        <a:effectLst/>
      </dsp:spPr>
      <dsp:style>
        <a:lnRef idx="2">
          <a:scrgbClr r="0" g="0" b="0"/>
        </a:lnRef>
        <a:fillRef idx="1">
          <a:scrgbClr r="0" g="0" b="0"/>
        </a:fillRef>
        <a:effectRef idx="0">
          <a:scrgbClr r="0" g="0" b="0"/>
        </a:effectRef>
        <a:fontRef idx="minor"/>
      </dsp:style>
    </dsp:sp>
  </dsp:spTree>
</dsp:drawing>
</file>

<file path=ppt/diagrams/layout1.xml><?xml version="1.0" encoding="utf-8"?>
<dgm:layoutDef xmlns:dgm="http://schemas.openxmlformats.org/drawingml/2006/diagram" xmlns:a="http://schemas.openxmlformats.org/drawingml/2006/main" uniqueId="urn:microsoft.com/office/officeart/2005/8/layout/lProcess3">
  <dgm:title val=""/>
  <dgm:desc val=""/>
  <dgm:catLst>
    <dgm:cat type="process" pri="11000"/>
    <dgm:cat type="convert" pri="1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41" srcId="1" destId="11" srcOrd="0" destOrd="0"/>
        <dgm:cxn modelId="42" srcId="1" destId="12" srcOrd="1" destOrd="0"/>
        <dgm:cxn modelId="51" srcId="2" destId="21" srcOrd="0" destOrd="0"/>
        <dgm:cxn modelId="52" srcId="2" destId="22" srcOrd="1" destOrd="0"/>
        <dgm:cxn modelId="61" srcId="3" destId="31" srcOrd="0" destOrd="0"/>
        <dgm:cxn modelId="62" srcId="3" destId="32" srcOrd="1" destOrd="0"/>
      </dgm:cxnLst>
      <dgm:bg/>
      <dgm:whole/>
    </dgm:dataModel>
  </dgm:sampData>
  <dgm:styleData>
    <dgm:dataModel>
      <dgm:ptLst>
        <dgm:pt modelId="0" type="doc"/>
        <dgm:pt modelId="1"/>
        <dgm:pt modelId="2"/>
      </dgm:ptLst>
      <dgm:cxnLst>
        <dgm:cxn modelId="4" srcId="0" destId="1" srcOrd="0" destOrd="0"/>
        <dgm:cxn modelId="5" srcId="1" destId="2"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51" srcId="1" destId="11" srcOrd="0" destOrd="0"/>
        <dgm:cxn modelId="61" srcId="2" destId="21" srcOrd="0" destOrd="0"/>
        <dgm:cxn modelId="71" srcId="3" destId="31" srcOrd="0" destOrd="0"/>
        <dgm:cxn modelId="81" srcId="4" destId="41" srcOrd="0" destOrd="0"/>
      </dgm:cxnLst>
      <dgm:bg/>
      <dgm:whole/>
    </dgm:dataModel>
  </dgm:clrData>
  <dgm:layoutNode name="Name0">
    <dgm:varLst>
      <dgm:chPref val="3"/>
      <dgm:dir/>
      <dgm:animLvl val="lvl"/>
      <dgm:resizeHandles/>
    </dgm:varLst>
    <dgm:choose name="Name1">
      <dgm:if name="Name2" func="var" arg="dir" op="equ" val="norm">
        <dgm:alg type="lin">
          <dgm:param type="linDir" val="fromT"/>
          <dgm:param type="vertAlign" val="mid"/>
          <dgm:param type="nodeHorzAlign" val="l"/>
          <dgm:param type="nodeVertAlign" val="t"/>
          <dgm:param type="fallback" val="2D"/>
        </dgm:alg>
      </dgm:if>
      <dgm:else name="Name3">
        <dgm:alg type="lin">
          <dgm:param type="linDir" val="fromT"/>
          <dgm:param type="vertAlign" val="mid"/>
          <dgm:param type="nodeHorzAlign" val="r"/>
          <dgm:param type="nodeVertAlign" val="t"/>
          <dgm:param type="fallback" val="2D"/>
        </dgm:alg>
      </dgm:else>
    </dgm:choose>
    <dgm:shape xmlns:r="http://schemas.openxmlformats.org/officeDocument/2006/relationships" r:blip="">
      <dgm:adjLst/>
    </dgm:shape>
    <dgm:presOf/>
    <dgm:constrLst>
      <dgm:constr type="w" for="des" forName="bigChev" refType="w"/>
      <dgm:constr type="h" for="des" forName="bigChev" refType="w" refFor="des" refForName="bigChev" op="equ" fact="0.4"/>
      <dgm:constr type="w" for="des" forName="node" refType="w" refFor="des" refForName="bigChev" fact="0.83"/>
      <dgm:constr type="h" for="des" forName="node" refType="w" refFor="des" refForName="node" op="equ" fact="0.4"/>
      <dgm:constr type="w" for="des" forName="parTrans" refType="w" refFor="des" refForName="bigChev" op="equ" fact="-0.13"/>
      <dgm:constr type="w" for="des" forName="sibTrans" refType="w" refFor="des" refForName="node" op="equ" fact="-0.14"/>
      <dgm:constr type="h" for="ch" forName="vSp" refType="h" refFor="des" refForName="bigChev" op="equ" fact="0.14"/>
      <dgm:constr type="primFontSz" for="des" forName="node" op="equ"/>
      <dgm:constr type="primFontSz" for="des" forName="bigChev" op="equ"/>
    </dgm:constrLst>
    <dgm:ruleLst/>
    <dgm:forEach name="Name4" axis="ch" ptType="node">
      <dgm:layoutNode name="horFlow">
        <dgm:choose name="Name5">
          <dgm:if name="Name6" func="var" arg="dir" op="equ" val="norm">
            <dgm:alg type="lin">
              <dgm:param type="linDir" val="fromL"/>
              <dgm:param type="nodeHorzAlign" val="l"/>
              <dgm:param type="nodeVertAlign" val="mid"/>
              <dgm:param type="fallback" val="2D"/>
            </dgm:alg>
          </dgm:if>
          <dgm:else name="Name7">
            <dgm:alg type="lin">
              <dgm:param type="linDir" val="fromR"/>
              <dgm:param type="nodeHorzAlign" val="r"/>
              <dgm:param type="nodeVertAlign" val="mid"/>
              <dgm:param type="fallback" val="2D"/>
            </dgm:alg>
          </dgm:else>
        </dgm:choose>
        <dgm:shape xmlns:r="http://schemas.openxmlformats.org/officeDocument/2006/relationships" r:blip="">
          <dgm:adjLst/>
        </dgm:shape>
        <dgm:presOf/>
        <dgm:constrLst/>
        <dgm:ruleLst/>
        <dgm:layoutNode name="bigChev" styleLbl="node1">
          <dgm:alg type="tx"/>
          <dgm:choose name="Name8">
            <dgm:if name="Name9" func="var" arg="dir" op="equ" val="norm">
              <dgm:shape xmlns:r="http://schemas.openxmlformats.org/officeDocument/2006/relationships" type="chevron" r:blip="">
                <dgm:adjLst/>
              </dgm:shape>
              <dgm:presOf axis="self"/>
              <dgm:constrLst>
                <dgm:constr type="primFontSz" val="65"/>
                <dgm:constr type="rMarg"/>
                <dgm:constr type="lMarg" refType="primFontSz" fact="0.1"/>
                <dgm:constr type="tMarg" refType="primFontSz" fact="0.05"/>
                <dgm:constr type="bMarg" refType="primFontSz" fact="0.05"/>
              </dgm:constrLst>
            </dgm:if>
            <dgm:else name="Name10">
              <dgm:shape xmlns:r="http://schemas.openxmlformats.org/officeDocument/2006/relationships" rot="180" type="chevron" r:blip="">
                <dgm:adjLst/>
              </dgm:shape>
              <dgm:presOf axis="self"/>
              <dgm:constrLst>
                <dgm:constr type="primFontSz" val="65"/>
                <dgm:constr type="lMarg"/>
                <dgm:constr type="rMarg" refType="primFontSz" fact="0.1"/>
                <dgm:constr type="tMarg" refType="primFontSz" fact="0.05"/>
                <dgm:constr type="bMarg" refType="primFontSz" fact="0.05"/>
              </dgm:constrLst>
            </dgm:else>
          </dgm:choose>
          <dgm:ruleLst>
            <dgm:rule type="primFontSz" val="5" fact="NaN" max="NaN"/>
          </dgm:ruleLst>
        </dgm:layoutNode>
        <dgm:forEach name="parTransForEach" axis="ch" ptType="parTrans" cnt="1">
          <dgm:layoutNode name="parTrans">
            <dgm:alg type="sp"/>
            <dgm:shape xmlns:r="http://schemas.openxmlformats.org/officeDocument/2006/relationships" r:blip="">
              <dgm:adjLst/>
            </dgm:shape>
            <dgm:presOf/>
            <dgm:constrLst/>
            <dgm:ruleLst/>
          </dgm:layoutNode>
        </dgm:forEach>
        <dgm:forEach name="Name11" axis="ch" ptType="node">
          <dgm:layoutNode name="node" styleLbl="alignAccFollowNode1">
            <dgm:varLst>
              <dgm:bulletEnabled val="1"/>
            </dgm:varLst>
            <dgm:alg type="tx"/>
            <dgm:choose name="Name12">
              <dgm:if name="Name13" func="var" arg="dir" op="equ" val="norm">
                <dgm:shape xmlns:r="http://schemas.openxmlformats.org/officeDocument/2006/relationships" type="chevron" r:blip="">
                  <dgm:adjLst/>
                </dgm:shape>
                <dgm:presOf axis="desOrSelf" ptType="node"/>
                <dgm:constrLst>
                  <dgm:constr type="primFontSz" val="65"/>
                  <dgm:constr type="rMarg"/>
                  <dgm:constr type="lMarg" refType="primFontSz" fact="0.1"/>
                  <dgm:constr type="tMarg" refType="primFontSz" fact="0.05"/>
                  <dgm:constr type="bMarg" refType="primFontSz" fact="0.05"/>
                </dgm:constrLst>
              </dgm:if>
              <dgm:else name="Name14">
                <dgm:shape xmlns:r="http://schemas.openxmlformats.org/officeDocument/2006/relationships" rot="180" type="chevron" r:blip="">
                  <dgm:adjLst/>
                </dgm:shape>
                <dgm:presOf axis="desOrSelf" ptType="node"/>
                <dgm:constrLst>
                  <dgm:constr type="primFontSz" val="65"/>
                  <dgm:constr type="lMarg"/>
                  <dgm:constr type="rMarg" refType="primFontSz" fact="0.1"/>
                  <dgm:constr type="tMarg" refType="primFontSz" fact="0.05"/>
                  <dgm:constr type="bMarg" refType="primFontSz" fact="0.05"/>
                </dgm:constrLst>
              </dgm:else>
            </dgm:choose>
            <dgm:ruleLst>
              <dgm:rule type="primFontSz" val="5" fact="NaN" max="NaN"/>
            </dgm:ruleLst>
          </dgm:layoutNode>
          <dgm:forEach name="sibTransForEach" axis="followSib" ptType="sibTrans" cnt="1">
            <dgm:layoutNode name="sibTrans">
              <dgm:alg type="sp"/>
              <dgm:shape xmlns:r="http://schemas.openxmlformats.org/officeDocument/2006/relationships" r:blip="">
                <dgm:adjLst/>
              </dgm:shape>
              <dgm:presOf/>
              <dgm:constrLst/>
              <dgm:ruleLst/>
            </dgm:layoutNode>
          </dgm:forEach>
        </dgm:forEach>
      </dgm:layoutNode>
      <dgm:choose name="Name15">
        <dgm:if name="Name16" axis="self" ptType="node" func="revPos" op="gte" val="2">
          <dgm:layoutNode name="vSp">
            <dgm:alg type="sp"/>
            <dgm:shape xmlns:r="http://schemas.openxmlformats.org/officeDocument/2006/relationships" r:blip="">
              <dgm:adjLst/>
            </dgm:shape>
            <dgm:presOf/>
            <dgm:constrLst/>
            <dgm:ruleLst/>
          </dgm:layoutNode>
        </dgm:if>
        <dgm:else name="Name17"/>
      </dgm:choose>
    </dgm:forEach>
  </dgm:layoutNode>
</dgm:layoutDef>
</file>

<file path=ppt/diagrams/layout10.xml><?xml version="1.0" encoding="utf-8"?>
<dgm:layoutDef xmlns:dgm="http://schemas.openxmlformats.org/drawingml/2006/diagram" xmlns:a="http://schemas.openxmlformats.org/drawingml/2006/main" uniqueId="urn:microsoft.com/office/officeart/2008/layout/RadialCluster">
  <dgm:title val=""/>
  <dgm:desc val=""/>
  <dgm:catLst>
    <dgm:cat type="relationship" pri="19500"/>
    <dgm:cat type="cycle" pri="150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useDef="1">
    <dgm:dataModel>
      <dgm:ptLst/>
      <dgm:bg/>
      <dgm:whole/>
    </dgm:dataModel>
  </dgm:styleData>
  <dgm:clrData useDef="1">
    <dgm:dataModel>
      <dgm:ptLst/>
      <dgm:bg/>
      <dgm:whole/>
    </dgm:dataModel>
  </dgm:clrData>
  <dgm:layoutNode name="Name0">
    <dgm:varLst>
      <dgm:chMax val="1"/>
      <dgm:chPref val="1"/>
      <dgm:dir/>
      <dgm:animOne val="branch"/>
      <dgm:animLvl val="lvl"/>
    </dgm:varLst>
    <dgm:alg type="composite">
      <dgm:param type="ar" val="1.00"/>
    </dgm:alg>
    <dgm:shape xmlns:r="http://schemas.openxmlformats.org/officeDocument/2006/relationships" r:blip="">
      <dgm:adjLst/>
    </dgm:shape>
    <dgm:choose name="Name1">
      <dgm:if name="Name2" func="var" arg="dir" op="equ" val="norm">
        <dgm:choose name="Name3">
          <dgm:if name="Name4" axis="ch ch" ptType="node node" cnt="1 0" func="cnt" op="equ" val="1">
            <dgm:constrLst>
              <dgm:constr type="l" for="ch" forName="textCenter"/>
              <dgm:constr type="ctrY" for="ch" forName="textCenter" refType="h" fact="0.5"/>
              <dgm:constr type="w" for="ch" forName="textCenter" refType="w" fact="0.32"/>
              <dgm:constr type="h" for="ch" forName="textCenter" refType="w" refFor="ch" refForName="textCenter"/>
              <dgm:constr type="r" for="ch" forName="cycle_1" refType="w"/>
              <dgm:constr type="ctrY" for="ch" forName="cycle_1" refType="h" fact="0.5"/>
              <dgm:constr type="w" for="ch" forName="cycle_1" refType="w" fact="0.56"/>
              <dgm:constr type="h" for="ch" forName="cycle_1" refType="h"/>
              <dgm:constr type="primFontSz" for="ch" forName="textCenter" val="65"/>
              <dgm:constr type="primFontSz" for="des" forName="childCenter1" val="65"/>
              <dgm:constr type="primFontSz" for="des" forName="text1" op="equ" val="65"/>
              <dgm:constr type="userS" for="des" ptType="node" refType="w" refFor="ch" refForName="textCenter" fact="0.67"/>
            </dgm:constrLst>
          </dgm:if>
          <dgm:if name="Name5" axis="ch ch" ptType="node node" cnt="1 0" func="cnt" op="equ" val="2">
            <dgm:constrLst>
              <dgm:constr type="ctrX" for="ch" forName="textCenter" refType="w" fact="0.5"/>
              <dgm:constr type="ctrY" for="ch" forName="textCenter" refType="h" fact="0.5"/>
              <dgm:constr type="w" for="ch" forName="textCenter" refType="w" fact="0.25"/>
              <dgm:constr type="h" for="ch" forName="textCenter" refType="w" refFor="ch" refForName="textCenter"/>
              <dgm:constr type="ctrX" for="ch" forName="cycle_1" refType="w" fact="0.5"/>
              <dgm:constr type="t" for="ch" forName="cycle_1"/>
              <dgm:constr type="w" for="ch" forName="cycle_1" refType="w"/>
              <dgm:constr type="h" for="ch" forName="cycle_1" refType="h" fact="0.34"/>
              <dgm:constr type="ctrX" for="ch" forName="cycle_2" refType="w" fact="0.5"/>
              <dgm:constr type="b" for="ch" forName="cycle_2" refType="h"/>
              <dgm:constr type="w" for="ch" forName="cycle_2" refType="w"/>
              <dgm:constr type="h" for="ch" forName="cycle_2" refType="h" fact="0.34"/>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userS" for="des" ptType="node" refType="w" refFor="ch" refForName="textCenter" fact="0.67"/>
            </dgm:constrLst>
          </dgm:if>
          <dgm:if name="Name6" axis="ch ch" ptType="node node" cnt="1 0" func="cnt" op="equ" val="3">
            <dgm:choose name="Name7">
              <dgm:if name="Name8" axis="ch ch ch" ptType="node node node" st="1 2 0" cnt="1 1 0" func="cnt" op="equ" val="1">
                <dgm:choose name="Name9">
                  <dgm:if name="Name10" axis="ch ch ch" ptType="node node node" st="1 3 0" cnt="1 1 0" func="cnt" op="equ" val="1">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r" for="ch" forName="cycle_2" refType="w"/>
                      <dgm:constr type="b" for="ch" forName="cycle_2" refType="h" fact="0.85"/>
                      <dgm:constr type="w" for="ch" forName="cycle_2" refType="w" fact="0.46"/>
                      <dgm:constr type="h" for="ch" forName="cycle_2" refType="h" fact="0.54"/>
                      <dgm:constr type="diam" for="ch" forName="cycle_2" refType="w" fact="0.5"/>
                      <dgm:constr type="l" for="ch" forName="cycle_3"/>
                      <dgm:constr type="b" for="ch" forName="cycle_3" refType="h" fact="0.85"/>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if>
                  <dgm:else name="Name11">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r" for="ch" forName="cycle_2" refType="w"/>
                      <dgm:constr type="b" for="ch" forName="cycle_2" refType="h" fact="0.85"/>
                      <dgm:constr type="w" for="ch" forName="cycle_2" refType="w" fact="0.46"/>
                      <dgm:constr type="h" for="ch" forName="cycle_2" refType="h" fact="0.54"/>
                      <dgm:constr type="diam" for="ch" forName="cycle_2" refType="w" fact="0.5"/>
                      <dgm:constr type="l" for="ch" forName="cycle_3"/>
                      <dgm:constr type="b" for="ch" forName="cycle_3" refType="h"/>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else>
                </dgm:choose>
              </dgm:if>
              <dgm:else name="Name12">
                <dgm:choose name="Name13">
                  <dgm:if name="Name14" axis="ch ch ch" ptType="node node node" st="1 3 0" cnt="1 1 0" func="cnt" op="equ" val="1">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r" for="ch" forName="cycle_2" refType="w"/>
                      <dgm:constr type="b" for="ch" forName="cycle_2" refType="h"/>
                      <dgm:constr type="w" for="ch" forName="cycle_2" refType="w" fact="0.46"/>
                      <dgm:constr type="h" for="ch" forName="cycle_2" refType="h" fact="0.54"/>
                      <dgm:constr type="diam" for="ch" forName="cycle_2" refType="w" fact="0.5"/>
                      <dgm:constr type="l" for="ch" forName="cycle_3"/>
                      <dgm:constr type="b" for="ch" forName="cycle_3" refType="h" fact="0.85"/>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if>
                  <dgm:else name="Name15">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r" for="ch" forName="cycle_2" refType="w"/>
                      <dgm:constr type="b" for="ch" forName="cycle_2" refType="h"/>
                      <dgm:constr type="w" for="ch" forName="cycle_2" refType="w" fact="0.46"/>
                      <dgm:constr type="h" for="ch" forName="cycle_2" refType="h" fact="0.54"/>
                      <dgm:constr type="diam" for="ch" forName="cycle_2" refType="w" fact="0.5"/>
                      <dgm:constr type="l" for="ch" forName="cycle_3"/>
                      <dgm:constr type="b" for="ch" forName="cycle_3" refType="h"/>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else>
                </dgm:choose>
              </dgm:else>
            </dgm:choose>
          </dgm:if>
          <dgm:if name="Name16" axis="ch ch" ptType="node node" cnt="1 0" func="cnt" op="equ" val="4">
            <dgm:constrLst>
              <dgm:constr type="ctrX" for="ch" forName="textCenter" refType="w" fact="0.5"/>
              <dgm:constr type="ctrY" for="ch" forName="textCenter" refType="h" fact="0.5"/>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5"/>
              <dgm:constr type="h" for="ch" forName="cycle_1" refType="h" fact="0.33"/>
              <dgm:constr type="r" for="ch" forName="cycle_2" refType="w"/>
              <dgm:constr type="ctrY" for="ch" forName="cycle_2" refType="h" fact="0.5"/>
              <dgm:constr type="w" for="ch" forName="cycle_2" refType="w" fact="0.33"/>
              <dgm:constr type="h" for="ch" forName="cycle_2" refType="h" fact="0.5"/>
              <dgm:constr type="ctrX" for="ch" forName="cycle_3" refType="w" fact="0.5"/>
              <dgm:constr type="b" for="ch" forName="cycle_3" refType="h"/>
              <dgm:constr type="w" for="ch" forName="cycle_3" refType="w" fact="0.5"/>
              <dgm:constr type="h" for="ch" forName="cycle_3" refType="h" fact="0.33"/>
              <dgm:constr type="l" for="ch" forName="cycle_4"/>
              <dgm:constr type="ctrY" for="ch" forName="cycle_4" refType="h" fact="0.5"/>
              <dgm:constr type="w" for="ch" forName="cycle_4" refType="w" fact="0.33"/>
              <dgm:constr type="h" for="ch" forName="cycle_4" refType="h"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userS" for="des" ptType="node" refType="w" refFor="ch" refForName="textCenter" fact="0.67"/>
            </dgm:constrLst>
          </dgm:if>
          <dgm:if name="Name17" axis="ch ch" ptType="node node" cnt="1 0" func="cnt" op="equ" val="5">
            <dgm:constrLst>
              <dgm:constr type="ctrX" for="ch" forName="textCenter" refType="w" fact="0.5"/>
              <dgm:constr type="t" for="ch" forName="textCenter" refType="h" fact="0.42"/>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33"/>
              <dgm:constr type="h" for="ch" forName="cycle_1" refType="w" refFor="ch" refForName="cycle_1"/>
              <dgm:constr type="r" for="ch" forName="cycle_2" refType="w"/>
              <dgm:constr type="t" for="ch" forName="cycle_2" refType="h" fact="0.24"/>
              <dgm:constr type="w" for="ch" forName="cycle_2" refType="w" fact="0.33"/>
              <dgm:constr type="h" for="ch" forName="cycle_2" refType="w" refFor="ch" refForName="cycle_2"/>
              <dgm:constr type="r" for="ch" forName="cycle_3" refType="w" fact="0.89"/>
              <dgm:constr type="b" for="ch" forName="cycle_3" refType="h"/>
              <dgm:constr type="w" for="ch" forName="cycle_3" refType="w" fact="0.33"/>
              <dgm:constr type="h" for="ch" forName="cycle_3" refType="w" refFor="ch" refForName="cycle_3"/>
              <dgm:constr type="l" for="ch" forName="cycle_4" refType="w" fact="0.11"/>
              <dgm:constr type="b" for="ch" forName="cycle_4" refType="h"/>
              <dgm:constr type="w" for="ch" forName="cycle_4" refType="w" fact="0.33"/>
              <dgm:constr type="h" for="ch" forName="cycle_4" refType="w" refFor="ch" refForName="cycle_4"/>
              <dgm:constr type="l" for="ch" forName="cycle_5"/>
              <dgm:constr type="t" for="ch" forName="cycle_5" refType="h" fact="0.24"/>
              <dgm:constr type="w" for="ch" forName="cycle_5" refType="w" fact="0.33"/>
              <dgm:constr type="h" for="ch" forName="cycle_5" refType="w" refFor="ch" refForName="cycle_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userS" for="des" ptType="node" refType="w" refFor="ch" refForName="textCenter" fact="0.67"/>
            </dgm:constrLst>
          </dgm:if>
          <dgm:if name="Name18" axis="ch ch" ptType="node node" cnt="1 0" func="cnt" op="equ" val="6">
            <dgm:constrLst>
              <dgm:constr type="ctrX" for="ch" forName="textCenter" refType="w" fact="0.5"/>
              <dgm:constr type="ctrY" for="ch" forName="textCenter" refType="h" fact="0.5"/>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33"/>
              <dgm:constr type="h" for="ch" forName="cycle_1" refType="w" refFor="ch" refForName="cycle_1"/>
              <dgm:constr type="r" for="ch" forName="cycle_2" refType="w"/>
              <dgm:constr type="t" for="ch" forName="cycle_2" refType="h" fact="0.17"/>
              <dgm:constr type="w" for="ch" forName="cycle_2" refType="w" fact="0.33"/>
              <dgm:constr type="h" for="ch" forName="cycle_2" refType="w" refFor="ch" refForName="cycle_2"/>
              <dgm:constr type="r" for="ch" forName="cycle_3" refType="w"/>
              <dgm:constr type="b" for="ch" forName="cycle_3" refType="h" fact="0.83"/>
              <dgm:constr type="w" for="ch" forName="cycle_3" refType="w" fact="0.33"/>
              <dgm:constr type="h" for="ch" forName="cycle_3" refType="w" refFor="ch" refForName="cycle_3"/>
              <dgm:constr type="ctrX" for="ch" forName="cycle_4" refType="w" fact="0.5"/>
              <dgm:constr type="b" for="ch" forName="cycle_4" refType="h"/>
              <dgm:constr type="w" for="ch" forName="cycle_4" refType="w" fact="0.33"/>
              <dgm:constr type="h" for="ch" forName="cycle_4" refType="w" refFor="ch" refForName="cycle_4"/>
              <dgm:constr type="l" for="ch" forName="cycle_5"/>
              <dgm:constr type="b" for="ch" forName="cycle_5" refType="h" fact="0.83"/>
              <dgm:constr type="w" for="ch" forName="cycle_5" refType="w" fact="0.33"/>
              <dgm:constr type="h" for="ch" forName="cycle_5" refType="w" refFor="ch" refForName="cycle_5"/>
              <dgm:constr type="l" for="ch" forName="cycle_6"/>
              <dgm:constr type="t" for="ch" forName="cycle_6" refType="h" fact="0.17"/>
              <dgm:constr type="w" for="ch" forName="cycle_6" refType="w" fact="0.33"/>
              <dgm:constr type="h" for="ch" forName="cycle_6" refType="w" refFor="ch" refForName="cycle_6"/>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primFontSz" for="des" forName="childCenter6" refType="primFontSz" refFor="des" refForName="childCenter1" op="equ"/>
              <dgm:constr type="primFontSz" for="des" forName="text6" refType="primFontSz" refFor="des" refForName="text1" op="equ"/>
              <dgm:constr type="userS" for="des" ptType="node" refType="w" refFor="ch" refForName="textCenter" fact="0.67"/>
            </dgm:constrLst>
          </dgm:if>
          <dgm:else name="Name19">
            <dgm:constrLst>
              <dgm:constr type="ctrX" for="ch" forName="textCenter" refType="w" fact="0.5"/>
              <dgm:constr type="t" for="ch" forName="textCenter" refType="h" fact="0.444"/>
              <dgm:constr type="w" for="ch" forName="textCenter" refType="w" fact="0.167"/>
              <dgm:constr type="h" for="ch" forName="textCenter" refType="w" refFor="ch" refForName="textCenter"/>
              <dgm:constr type="ctrX" for="ch" forName="cycle_1" refType="w" fact="0.5"/>
              <dgm:constr type="t" for="ch" forName="cycle_1"/>
              <dgm:constr type="w" for="ch" forName="cycle_1" refType="w" fact="0.263"/>
              <dgm:constr type="h" for="ch" forName="cycle_1" refType="w" refFor="ch" refForName="cycle_1"/>
              <dgm:constr type="r" for="ch" forName="cycle_2" refType="w" fact="0.938"/>
              <dgm:constr type="t" for="ch" forName="cycle_2" refType="h" fact="0.141"/>
              <dgm:constr type="w" for="ch" forName="cycle_2" refType="w" fact="0.263"/>
              <dgm:constr type="h" for="ch" forName="cycle_2" refType="w" refFor="ch" refForName="cycle_2"/>
              <dgm:constr type="r" for="ch" forName="cycle_3" refType="w"/>
              <dgm:constr type="b" for="ch" forName="cycle_3" refType="h" fact="0.74"/>
              <dgm:constr type="w" for="ch" forName="cycle_3" refType="w" fact="0.263"/>
              <dgm:constr type="h" for="ch" forName="cycle_3" refType="w" refFor="ch" refForName="cycle_3"/>
              <dgm:constr type="r" for="ch" forName="cycle_4" refType="w" fact="0.8"/>
              <dgm:constr type="b" for="ch" forName="cycle_4" refType="h"/>
              <dgm:constr type="w" for="ch" forName="cycle_4" refType="w" fact="0.263"/>
              <dgm:constr type="h" for="ch" forName="cycle_4" refType="w" refFor="ch" refForName="cycle_4"/>
              <dgm:constr type="l" for="ch" forName="cycle_5" refType="w" fact="0.2"/>
              <dgm:constr type="b" for="ch" forName="cycle_5" refType="h"/>
              <dgm:constr type="w" for="ch" forName="cycle_5" refType="w" fact="0.263"/>
              <dgm:constr type="h" for="ch" forName="cycle_5" refType="w" refFor="ch" refForName="cycle_5"/>
              <dgm:constr type="l" for="ch" forName="cycle_6"/>
              <dgm:constr type="b" for="ch" forName="cycle_6" refType="h" fact="0.74"/>
              <dgm:constr type="w" for="ch" forName="cycle_6" refType="w" fact="0.263"/>
              <dgm:constr type="h" for="ch" forName="cycle_6" refType="w" refFor="ch" refForName="cycle_6"/>
              <dgm:constr type="l" for="ch" forName="cycle_7" refType="w" fact="0.062"/>
              <dgm:constr type="t" for="ch" forName="cycle_7" refType="h" fact="0.141"/>
              <dgm:constr type="w" for="ch" forName="cycle_7" refType="w" fact="0.263"/>
              <dgm:constr type="h" for="ch" forName="cycle_7" refType="w" refFor="ch" refForName="cycle_7"/>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primFontSz" for="des" forName="childCenter6" refType="primFontSz" refFor="des" refForName="childCenter1" op="equ"/>
              <dgm:constr type="primFontSz" for="des" forName="text6" refType="primFontSz" refFor="des" refForName="text1" op="equ"/>
              <dgm:constr type="primFontSz" for="des" forName="childCenter7" refType="primFontSz" refFor="des" refForName="childCenter1" op="equ"/>
              <dgm:constr type="primFontSz" for="des" forName="text7" refType="primFontSz" refFor="des" refForName="text1" op="equ"/>
              <dgm:constr type="userS" for="des" ptType="node" refType="w" refFor="ch" refForName="textCenter" fact="0.67"/>
            </dgm:constrLst>
          </dgm:else>
        </dgm:choose>
      </dgm:if>
      <dgm:else name="Name20">
        <dgm:choose name="Name21">
          <dgm:if name="Name22" axis="ch ch" ptType="node node" func="cnt" op="equ" val="1">
            <dgm:constrLst>
              <dgm:constr type="r" for="ch" forName="textCenter" refType="w"/>
              <dgm:constr type="ctrY" for="ch" forName="textCenter" refType="h" fact="0.5"/>
              <dgm:constr type="w" for="ch" forName="textCenter" refType="w" fact="0.32"/>
              <dgm:constr type="h" for="ch" forName="textCenter" refType="w" refFor="ch" refForName="textCenter"/>
              <dgm:constr type="l" for="ch" forName="cycle_1"/>
              <dgm:constr type="ctrY" for="ch" forName="cycle_1" refType="h" fact="0.5"/>
              <dgm:constr type="w" for="ch" forName="cycle_1" refType="w" fact="0.56"/>
              <dgm:constr type="h" for="ch" forName="cycle_1" refType="h"/>
              <dgm:constr type="primFontSz" for="ch" forName="textCenter" val="65"/>
              <dgm:constr type="primFontSz" for="des" forName="childCenter1" val="65"/>
              <dgm:constr type="primFontSz" for="des" forName="text1" op="equ" val="65"/>
              <dgm:constr type="userS" for="des" ptType="node" refType="w" refFor="ch" refForName="textCenter" fact="0.67"/>
            </dgm:constrLst>
          </dgm:if>
          <dgm:if name="Name23" axis="ch ch" ptType="node node" func="cnt" op="equ" val="2">
            <dgm:constrLst>
              <dgm:constr type="ctrX" for="ch" forName="textCenter" refType="w" fact="0.5"/>
              <dgm:constr type="ctrY" for="ch" forName="textCenter" refType="h" fact="0.5"/>
              <dgm:constr type="w" for="ch" forName="textCenter" refType="w" fact="0.25"/>
              <dgm:constr type="h" for="ch" forName="textCenter" refType="w" refFor="ch" refForName="textCenter"/>
              <dgm:constr type="ctrX" for="ch" forName="cycle_1" refType="w" fact="0.5"/>
              <dgm:constr type="t" for="ch" forName="cycle_1"/>
              <dgm:constr type="w" for="ch" forName="cycle_1" refType="w"/>
              <dgm:constr type="h" for="ch" forName="cycle_1" refType="h" fact="0.34"/>
              <dgm:constr type="ctrX" for="ch" forName="cycle_2" refType="w" fact="0.5"/>
              <dgm:constr type="b" for="ch" forName="cycle_2" refType="h"/>
              <dgm:constr type="w" for="ch" forName="cycle_2" refType="w"/>
              <dgm:constr type="h" for="ch" forName="cycle_2" refType="h" fact="0.34"/>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userS" for="des" ptType="node" refType="w" refFor="ch" refForName="textCenter" fact="0.67"/>
            </dgm:constrLst>
          </dgm:if>
          <dgm:if name="Name24" axis="ch ch" ptType="node node" func="cnt" op="equ" val="3">
            <dgm:choose name="Name25">
              <dgm:if name="Name26" axis="ch ch ch" ptType="node node node" st="1 2 0" cnt="1 1 0" func="cnt" op="equ" val="1">
                <dgm:choose name="Name27">
                  <dgm:if name="Name28" axis="ch ch ch" ptType="node node node" st="1 3 0" cnt="1 1 0" func="cnt" op="equ" val="1">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l" for="ch" forName="cycle_2"/>
                      <dgm:constr type="b" for="ch" forName="cycle_2" refType="h" fact="0.85"/>
                      <dgm:constr type="w" for="ch" forName="cycle_2" refType="w" fact="0.46"/>
                      <dgm:constr type="h" for="ch" forName="cycle_2" refType="h" fact="0.54"/>
                      <dgm:constr type="diam" for="ch" forName="cycle_2" refType="w" fact="0.5"/>
                      <dgm:constr type="r" for="ch" forName="cycle_3" refType="w"/>
                      <dgm:constr type="b" for="ch" forName="cycle_3" refType="h" fact="0.85"/>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if>
                  <dgm:else name="Name29">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l" for="ch" forName="cycle_2"/>
                      <dgm:constr type="b" for="ch" forName="cycle_2" refType="h" fact="0.85"/>
                      <dgm:constr type="w" for="ch" forName="cycle_2" refType="w" fact="0.46"/>
                      <dgm:constr type="h" for="ch" forName="cycle_2" refType="h" fact="0.54"/>
                      <dgm:constr type="diam" for="ch" forName="cycle_2" refType="w" fact="0.5"/>
                      <dgm:constr type="r" for="ch" forName="cycle_3" refType="w"/>
                      <dgm:constr type="b" for="ch" forName="cycle_3" refType="h"/>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else>
                </dgm:choose>
              </dgm:if>
              <dgm:else name="Name30">
                <dgm:choose name="Name31">
                  <dgm:if name="Name32" axis="ch ch ch" ptType="node node node" st="1 3 0" cnt="1 1 0" func="cnt" op="equ" val="1">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l" for="ch" forName="cycle_2"/>
                      <dgm:constr type="b" for="ch" forName="cycle_2" refType="h"/>
                      <dgm:constr type="w" for="ch" forName="cycle_2" refType="w" fact="0.46"/>
                      <dgm:constr type="h" for="ch" forName="cycle_2" refType="h" fact="0.54"/>
                      <dgm:constr type="diam" for="ch" forName="cycle_2" refType="w" fact="0.5"/>
                      <dgm:constr type="r" for="ch" forName="cycle_3" refType="w"/>
                      <dgm:constr type="b" for="ch" forName="cycle_3" refType="h" fact="0.85"/>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if>
                  <dgm:else name="Name33">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l" for="ch" forName="cycle_2"/>
                      <dgm:constr type="b" for="ch" forName="cycle_2" refType="h"/>
                      <dgm:constr type="w" for="ch" forName="cycle_2" refType="w" fact="0.46"/>
                      <dgm:constr type="h" for="ch" forName="cycle_2" refType="h" fact="0.54"/>
                      <dgm:constr type="diam" for="ch" forName="cycle_2" refType="w" fact="0.5"/>
                      <dgm:constr type="r" for="ch" forName="cycle_3" refType="w"/>
                      <dgm:constr type="b" for="ch" forName="cycle_3" refType="h"/>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else>
                </dgm:choose>
              </dgm:else>
            </dgm:choose>
          </dgm:if>
          <dgm:if name="Name34" axis="ch ch" ptType="node node" func="cnt" op="equ" val="4">
            <dgm:constrLst>
              <dgm:constr type="ctrX" for="ch" forName="textCenter" refType="w" fact="0.5"/>
              <dgm:constr type="ctrY" for="ch" forName="textCenter" refType="h" fact="0.5"/>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5"/>
              <dgm:constr type="h" for="ch" forName="cycle_1" refType="h" fact="0.33"/>
              <dgm:constr type="l" for="ch" forName="cycle_2"/>
              <dgm:constr type="ctrY" for="ch" forName="cycle_2" refType="h" fact="0.5"/>
              <dgm:constr type="w" for="ch" forName="cycle_2" refType="w" fact="0.33"/>
              <dgm:constr type="h" for="ch" forName="cycle_2" refType="h" fact="0.5"/>
              <dgm:constr type="ctrX" for="ch" forName="cycle_3" refType="w" fact="0.5"/>
              <dgm:constr type="b" for="ch" forName="cycle_3" refType="h"/>
              <dgm:constr type="w" for="ch" forName="cycle_3" refType="w" fact="0.5"/>
              <dgm:constr type="h" for="ch" forName="cycle_3" refType="h" fact="0.33"/>
              <dgm:constr type="r" for="ch" forName="cycle_4" refType="w"/>
              <dgm:constr type="ctrY" for="ch" forName="cycle_4" refType="h" fact="0.5"/>
              <dgm:constr type="w" for="ch" forName="cycle_4" refType="w" fact="0.33"/>
              <dgm:constr type="h" for="ch" forName="cycle_4" refType="h"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userS" for="des" ptType="node" refType="w" refFor="ch" refForName="textCenter" fact="0.67"/>
            </dgm:constrLst>
          </dgm:if>
          <dgm:if name="Name35" axis="ch ch" ptType="node node" func="cnt" op="equ" val="5">
            <dgm:constrLst>
              <dgm:constr type="ctrX" for="ch" forName="textCenter" refType="w" fact="0.5"/>
              <dgm:constr type="t" for="ch" forName="textCenter" refType="h" fact="0.42"/>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33"/>
              <dgm:constr type="h" for="ch" forName="cycle_1" refType="w" refFor="ch" refForName="cycle_1"/>
              <dgm:constr type="l" for="ch" forName="cycle_2"/>
              <dgm:constr type="t" for="ch" forName="cycle_2" refType="h" fact="0.24"/>
              <dgm:constr type="w" for="ch" forName="cycle_2" refType="w" fact="0.33"/>
              <dgm:constr type="h" for="ch" forName="cycle_2" refType="w" refFor="ch" refForName="cycle_2"/>
              <dgm:constr type="l" for="ch" forName="cycle_3" refType="w" fact="0.11"/>
              <dgm:constr type="b" for="ch" forName="cycle_3" refType="h"/>
              <dgm:constr type="w" for="ch" forName="cycle_3" refType="w" fact="0.33"/>
              <dgm:constr type="h" for="ch" forName="cycle_3" refType="w" refFor="ch" refForName="cycle_3"/>
              <dgm:constr type="r" for="ch" forName="cycle_4" refType="w" fact="0.89"/>
              <dgm:constr type="b" for="ch" forName="cycle_4" refType="h"/>
              <dgm:constr type="w" for="ch" forName="cycle_4" refType="w" fact="0.33"/>
              <dgm:constr type="h" for="ch" forName="cycle_4" refType="w" refFor="ch" refForName="cycle_4"/>
              <dgm:constr type="r" for="ch" forName="cycle_5" refType="w"/>
              <dgm:constr type="t" for="ch" forName="cycle_5" refType="h" fact="0.24"/>
              <dgm:constr type="w" for="ch" forName="cycle_5" refType="w" fact="0.33"/>
              <dgm:constr type="h" for="ch" forName="cycle_5" refType="w" refFor="ch" refForName="cycle_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userS" for="des" ptType="node" refType="w" refFor="ch" refForName="textCenter" fact="0.67"/>
            </dgm:constrLst>
          </dgm:if>
          <dgm:if name="Name36" axis="ch ch" ptType="node node" func="cnt" op="equ" val="6">
            <dgm:constrLst>
              <dgm:constr type="ctrX" for="ch" forName="textCenter" refType="w" fact="0.5"/>
              <dgm:constr type="ctrY" for="ch" forName="textCenter" refType="h" fact="0.5"/>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33"/>
              <dgm:constr type="h" for="ch" forName="cycle_1" refType="w" refFor="ch" refForName="cycle_1"/>
              <dgm:constr type="l" for="ch" forName="cycle_2"/>
              <dgm:constr type="t" for="ch" forName="cycle_2" refType="h" fact="0.17"/>
              <dgm:constr type="w" for="ch" forName="cycle_2" refType="w" fact="0.33"/>
              <dgm:constr type="h" for="ch" forName="cycle_2" refType="w" refFor="ch" refForName="cycle_2"/>
              <dgm:constr type="l" for="ch" forName="cycle_3"/>
              <dgm:constr type="b" for="ch" forName="cycle_3" refType="h" fact="0.83"/>
              <dgm:constr type="w" for="ch" forName="cycle_3" refType="w" fact="0.33"/>
              <dgm:constr type="h" for="ch" forName="cycle_3" refType="w" refFor="ch" refForName="cycle_3"/>
              <dgm:constr type="ctrX" for="ch" forName="cycle_4" refType="w" fact="0.5"/>
              <dgm:constr type="b" for="ch" forName="cycle_4" refType="h"/>
              <dgm:constr type="w" for="ch" forName="cycle_4" refType="w" fact="0.33"/>
              <dgm:constr type="h" for="ch" forName="cycle_4" refType="w" refFor="ch" refForName="cycle_4"/>
              <dgm:constr type="r" for="ch" forName="cycle_5" refType="w"/>
              <dgm:constr type="b" for="ch" forName="cycle_5" refType="h" fact="0.83"/>
              <dgm:constr type="w" for="ch" forName="cycle_5" refType="w" fact="0.33"/>
              <dgm:constr type="h" for="ch" forName="cycle_5" refType="w" refFor="ch" refForName="cycle_5"/>
              <dgm:constr type="r" for="ch" forName="cycle_6" refType="w"/>
              <dgm:constr type="t" for="ch" forName="cycle_6" refType="h" fact="0.17"/>
              <dgm:constr type="w" for="ch" forName="cycle_6" refType="w" fact="0.33"/>
              <dgm:constr type="h" for="ch" forName="cycle_6" refType="w" refFor="ch" refForName="cycle_6"/>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primFontSz" for="des" forName="childCenter6" refType="primFontSz" refFor="des" refForName="childCenter1" op="equ"/>
              <dgm:constr type="primFontSz" for="des" forName="text6" refType="primFontSz" refFor="des" refForName="text1" op="equ"/>
              <dgm:constr type="userS" for="des" ptType="node" refType="w" refFor="ch" refForName="textCenter" fact="0.67"/>
            </dgm:constrLst>
          </dgm:if>
          <dgm:else name="Name37">
            <dgm:constrLst>
              <dgm:constr type="ctrX" for="ch" forName="textCenter" refType="w" fact="0.5"/>
              <dgm:constr type="t" for="ch" forName="textCenter" refType="h" fact="0.444"/>
              <dgm:constr type="w" for="ch" forName="textCenter" refType="w" fact="0.167"/>
              <dgm:constr type="h" for="ch" forName="textCenter" refType="w" refFor="ch" refForName="textCenter"/>
              <dgm:constr type="ctrX" for="ch" forName="cycle_1" refType="w" fact="0.5"/>
              <dgm:constr type="t" for="ch" forName="cycle_1"/>
              <dgm:constr type="w" for="ch" forName="cycle_1" refType="w" fact="0.263"/>
              <dgm:constr type="h" for="ch" forName="cycle_1" refType="w" refFor="ch" refForName="cycle_1"/>
              <dgm:constr type="l" for="ch" forName="cycle_2" refType="w" fact="0.062"/>
              <dgm:constr type="t" for="ch" forName="cycle_2" refType="h" fact="0.141"/>
              <dgm:constr type="w" for="ch" forName="cycle_2" refType="w" fact="0.263"/>
              <dgm:constr type="h" for="ch" forName="cycle_2" refType="w" refFor="ch" refForName="cycle_2"/>
              <dgm:constr type="l" for="ch" forName="cycle_3"/>
              <dgm:constr type="b" for="ch" forName="cycle_3" refType="h" fact="0.74"/>
              <dgm:constr type="w" for="ch" forName="cycle_3" refType="w" fact="0.263"/>
              <dgm:constr type="h" for="ch" forName="cycle_3" refType="w" refFor="ch" refForName="cycle_3"/>
              <dgm:constr type="l" for="ch" forName="cycle_4" refType="w" fact="0.2"/>
              <dgm:constr type="b" for="ch" forName="cycle_4" refType="h"/>
              <dgm:constr type="w" for="ch" forName="cycle_4" refType="w" fact="0.263"/>
              <dgm:constr type="h" for="ch" forName="cycle_4" refType="w" refFor="ch" refForName="cycle_4"/>
              <dgm:constr type="r" for="ch" forName="cycle_5" refType="w" fact="0.8"/>
              <dgm:constr type="b" for="ch" forName="cycle_5" refType="h"/>
              <dgm:constr type="w" for="ch" forName="cycle_5" refType="w" fact="0.263"/>
              <dgm:constr type="h" for="ch" forName="cycle_5" refType="w" refFor="ch" refForName="cycle_5"/>
              <dgm:constr type="r" for="ch" forName="cycle_6" refType="w"/>
              <dgm:constr type="b" for="ch" forName="cycle_6" refType="h" fact="0.74"/>
              <dgm:constr type="w" for="ch" forName="cycle_6" refType="w" fact="0.263"/>
              <dgm:constr type="h" for="ch" forName="cycle_6" refType="w" refFor="ch" refForName="cycle_6"/>
              <dgm:constr type="r" for="ch" forName="cycle_7" refType="w" fact="0.938"/>
              <dgm:constr type="t" for="ch" forName="cycle_7" refType="h" fact="0.141"/>
              <dgm:constr type="w" for="ch" forName="cycle_7" refType="w" fact="0.263"/>
              <dgm:constr type="h" for="ch" forName="cycle_7" refType="w" refFor="ch" refForName="cycle_7"/>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primFontSz" for="des" forName="childCenter6" refType="primFontSz" refFor="des" refForName="childCenter1" op="equ"/>
              <dgm:constr type="primFontSz" for="des" forName="text6" refType="primFontSz" refFor="des" refForName="text1" op="equ"/>
              <dgm:constr type="primFontSz" for="des" forName="childCenter7" refType="primFontSz" refFor="des" refForName="childCenter1" op="equ"/>
              <dgm:constr type="primFontSz" for="des" forName="text7" refType="primFontSz" refFor="des" refForName="text1" op="equ"/>
              <dgm:constr type="userS" for="des" ptType="node" refType="w" refFor="ch" refForName="textCenter" fact="0.67"/>
            </dgm:constrLst>
          </dgm:else>
        </dgm:choose>
      </dgm:else>
    </dgm:choose>
    <dgm:forEach name="Name38" axis="ch" ptType="node" cnt="1">
      <dgm:choose name="Name39">
        <dgm:if name="Name40" axis="des" func="maxDepth" op="lte" val="1">
          <dgm:layoutNode name="singleCycle">
            <dgm:choose name="Name41">
              <dgm:if name="Name42" axis="ch" ptType="node" func="cnt" op="equ" val="1">
                <dgm:choose name="Name43">
                  <dgm:if name="Name44" func="var" arg="dir" op="equ" val="norm">
                    <dgm:alg type="cycle">
                      <dgm:param type="stAng" val="90"/>
                      <dgm:param type="ctrShpMap" val="fNode"/>
                    </dgm:alg>
                  </dgm:if>
                  <dgm:else name="Name45">
                    <dgm:alg type="cycle">
                      <dgm:param type="stAng" val="-90"/>
                      <dgm:param type="spanAng" val="-360"/>
                      <dgm:param type="ctrShpMap" val="fNode"/>
                    </dgm:alg>
                  </dgm:else>
                </dgm:choose>
              </dgm:if>
              <dgm:else name="Name46">
                <dgm:choose name="Name47">
                  <dgm:if name="Name48" func="var" arg="dir" op="equ" val="norm">
                    <dgm:alg type="cycle">
                      <dgm:param type="ctrShpMap" val="fNode"/>
                    </dgm:alg>
                  </dgm:if>
                  <dgm:else name="Name49">
                    <dgm:alg type="cycle">
                      <dgm:param type="spanAng" val="-360"/>
                      <dgm:param type="ctrShpMap" val="fNode"/>
                    </dgm:alg>
                  </dgm:else>
                </dgm:choose>
              </dgm:else>
            </dgm:choose>
            <dgm:shape xmlns:r="http://schemas.openxmlformats.org/officeDocument/2006/relationships" r:blip="">
              <dgm:adjLst/>
            </dgm:shape>
            <dgm:presOf/>
            <dgm:choose name="Name50">
              <dgm:if name="Name51" axis="ch" ptType="node" func="cnt" op="equ" val="0">
                <dgm:constrLst>
                  <dgm:constr type="w" for="ch" forName="singleCenter" refType="w"/>
                  <dgm:constr type="h" for="ch" forName="singleCenter" refType="w" refFor="ch" refForName="singleCenter"/>
                </dgm:constrLst>
              </dgm:if>
              <dgm:if name="Name52" axis="ch" ptType="node" func="cnt" op="equ" val="1">
                <dgm:constrLst>
                  <dgm:constr type="w" for="ch" forName="singleCenter" refType="w" fact="0.5"/>
                  <dgm:constr type="h" for="ch" forName="singleCenter" refType="w" refFor="ch" refForName="singleCenter"/>
                  <dgm:constr type="userS" for="ch" ptType="node" refType="w" refFor="ch" refForName="singleCenter" fact="0.67"/>
                </dgm:constrLst>
              </dgm:if>
              <dgm:else name="Name53">
                <dgm:constrLst>
                  <dgm:constr type="w" for="ch" forName="singleCenter" refType="w" fact="0.3"/>
                  <dgm:constr type="h" for="ch" forName="singleCenter" refType="w" refFor="ch" refForName="singleCenter"/>
                  <dgm:constr type="userS" for="ch" ptType="node" refType="w" refFor="ch" refForName="singleCenter" fact="0.67"/>
                </dgm:constrLst>
              </dgm:else>
            </dgm:choose>
            <dgm:layoutNode name="singleCenter" styleLbl="node1">
              <dgm:varLst>
                <dgm:chMax val="7"/>
                <dgm:chPref val="7"/>
              </dgm:varLst>
              <dgm:alg type="tx"/>
              <dgm:shape xmlns:r="http://schemas.openxmlformats.org/officeDocument/2006/relationships" type="roundRect" r:blip="">
                <dgm:adjLst/>
              </dgm:shape>
              <dgm:presOf axis="self" ptType="node"/>
              <dgm:constrLst>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54" axis="ch" cnt="21">
              <dgm:forEach name="Name55" axis="self" ptType="parTrans">
                <dgm:layoutNode name="Name56">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57" axis="self" ptType="node">
                <dgm:layoutNode name="text0"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layoutNode>
        </dgm:if>
        <dgm:else name="Name58">
          <dgm:layoutNode name="textCenter" styleLbl="node1">
            <dgm:alg type="tx"/>
            <dgm:shape xmlns:r="http://schemas.openxmlformats.org/officeDocument/2006/relationships" type="roundRect" r:blip="">
              <dgm:adjLst/>
            </dgm:shape>
            <dgm:presOf axis="self" ptType="node"/>
            <dgm:constrLst>
              <dgm:constr type="tMarg" refType="primFontSz" fact="0.2"/>
              <dgm:constr type="bMarg" refType="primFontSz" fact="0.2"/>
              <dgm:constr type="lMarg" refType="primFontSz" fact="0.2"/>
              <dgm:constr type="rMarg" refType="primFontSz" fact="0.2"/>
            </dgm:constrLst>
            <dgm:ruleLst>
              <dgm:rule type="primFontSz" val="5" fact="NaN" max="NaN"/>
            </dgm:ruleLst>
          </dgm:layoutNode>
          <dgm:choose name="Name59">
            <dgm:if name="Name60" axis="ch" ptType="node" func="cnt" op="gte" val="1">
              <dgm:layoutNode name="cycle_1">
                <dgm:choose name="Name61">
                  <dgm:if name="Name62" func="var" arg="dir" op="equ" val="norm">
                    <dgm:choose name="Name63">
                      <dgm:if name="Name64" axis="ch" ptType="node" func="cnt" op="equ" val="1">
                        <dgm:choose name="Name65">
                          <dgm:if name="Name66" axis="ch ch" ptType="node node" st="1 1" cnt="1 0" func="cnt" op="equ" val="1">
                            <dgm:alg type="cycle">
                              <dgm:param type="ctrShpMap" val="fNode"/>
                              <dgm:param type="stAng" val="90"/>
                            </dgm:alg>
                          </dgm:if>
                          <dgm:if name="Name67" axis="ch ch" ptType="node node" st="1 1" cnt="1 0" func="cnt" op="equ" val="2">
                            <dgm:alg type="cycle">
                              <dgm:param type="ctrShpMap" val="fNode"/>
                              <dgm:param type="stAng" val="45"/>
                              <dgm:param type="spanAng" val="90"/>
                            </dgm:alg>
                          </dgm:if>
                          <dgm:else name="Name68">
                            <dgm:alg type="cycle">
                              <dgm:param type="ctrShpMap" val="fNode"/>
                              <dgm:param type="stAng" val="0"/>
                              <dgm:param type="spanAng" val="180"/>
                            </dgm:alg>
                          </dgm:else>
                        </dgm:choose>
                      </dgm:if>
                      <dgm:if name="Name69" axis="ch" ptType="node" func="cnt" op="equ" val="2">
                        <dgm:choose name="Name70">
                          <dgm:if name="Name71" axis="ch ch" ptType="node node" st="1 1" cnt="1 0" func="cnt" op="equ" val="1">
                            <dgm:alg type="cycle">
                              <dgm:param type="ctrShpMap" val="fNode"/>
                              <dgm:param type="stAng" val="0"/>
                            </dgm:alg>
                          </dgm:if>
                          <dgm:if name="Name72" axis="ch ch" ptType="node node" st="1 1" cnt="1 0" func="cnt" op="equ" val="2">
                            <dgm:alg type="cycle">
                              <dgm:param type="ctrShpMap" val="fNode"/>
                              <dgm:param type="stAng" val="315"/>
                              <dgm:param type="spanAng" val="90"/>
                            </dgm:alg>
                          </dgm:if>
                          <dgm:else name="Name73">
                            <dgm:alg type="cycle">
                              <dgm:param type="ctrShpMap" val="fNode"/>
                              <dgm:param type="stAng" val="270"/>
                              <dgm:param type="spanAng" val="180"/>
                            </dgm:alg>
                          </dgm:else>
                        </dgm:choose>
                      </dgm:if>
                      <dgm:if name="Name74" axis="ch" ptType="node" func="cnt" op="equ" val="3">
                        <dgm:choose name="Name75">
                          <dgm:if name="Name76" axis="ch ch" ptType="node node" st="1 1" cnt="1 0" func="cnt" op="equ" val="1">
                            <dgm:alg type="cycle">
                              <dgm:param type="ctrShpMap" val="fNode"/>
                              <dgm:param type="stAng" val="0"/>
                            </dgm:alg>
                          </dgm:if>
                          <dgm:if name="Name77" axis="ch ch" ptType="node node" st="1 1" cnt="1 0" func="cnt" op="equ" val="2">
                            <dgm:alg type="cycle">
                              <dgm:param type="ctrShpMap" val="fNode"/>
                              <dgm:param type="stAng" val="315"/>
                              <dgm:param type="spanAng" val="90"/>
                            </dgm:alg>
                          </dgm:if>
                          <dgm:else name="Name78">
                            <dgm:alg type="cycle">
                              <dgm:param type="ctrShpMap" val="fNode"/>
                              <dgm:param type="stAng" val="270"/>
                              <dgm:param type="spanAng" val="180"/>
                            </dgm:alg>
                          </dgm:else>
                        </dgm:choose>
                      </dgm:if>
                      <dgm:if name="Name79" axis="ch" ptType="node" func="cnt" op="equ" val="4">
                        <dgm:choose name="Name80">
                          <dgm:if name="Name81" axis="ch ch" ptType="node node" st="1 1" cnt="1 0" func="cnt" op="equ" val="1">
                            <dgm:alg type="cycle">
                              <dgm:param type="ctrShpMap" val="fNode"/>
                              <dgm:param type="stAng" val="0"/>
                            </dgm:alg>
                          </dgm:if>
                          <dgm:if name="Name82" axis="ch ch" ptType="node node" st="1 1" cnt="1 0" func="cnt" op="equ" val="2">
                            <dgm:alg type="cycle">
                              <dgm:param type="ctrShpMap" val="fNode"/>
                              <dgm:param type="stAng" val="315"/>
                              <dgm:param type="spanAng" val="90"/>
                            </dgm:alg>
                          </dgm:if>
                          <dgm:else name="Name83">
                            <dgm:alg type="cycle">
                              <dgm:param type="ctrShpMap" val="fNode"/>
                              <dgm:param type="stAng" val="292.5"/>
                              <dgm:param type="spanAng" val="135"/>
                            </dgm:alg>
                          </dgm:else>
                        </dgm:choose>
                      </dgm:if>
                      <dgm:if name="Name84" axis="ch" ptType="node" func="cnt" op="equ" val="5">
                        <dgm:choose name="Name85">
                          <dgm:if name="Name86" axis="ch ch" ptType="node node" st="1 1" cnt="1 0" func="cnt" op="equ" val="1">
                            <dgm:alg type="cycle">
                              <dgm:param type="ctrShpMap" val="fNode"/>
                              <dgm:param type="stAng" val="0"/>
                            </dgm:alg>
                          </dgm:if>
                          <dgm:if name="Name87" axis="ch ch" ptType="node node" st="1 1" cnt="1 0" func="cnt" op="equ" val="2">
                            <dgm:alg type="cycle">
                              <dgm:param type="ctrShpMap" val="fNode"/>
                              <dgm:param type="stAng" val="315"/>
                              <dgm:param type="spanAng" val="90"/>
                            </dgm:alg>
                          </dgm:if>
                          <dgm:else name="Name88">
                            <dgm:alg type="cycle">
                              <dgm:param type="ctrShpMap" val="fNode"/>
                              <dgm:param type="stAng" val="0"/>
                              <dgm:param type="spanAng" val="360"/>
                            </dgm:alg>
                          </dgm:else>
                        </dgm:choose>
                      </dgm:if>
                      <dgm:if name="Name89" axis="ch" ptType="node" func="cnt" op="equ" val="6">
                        <dgm:choose name="Name90">
                          <dgm:if name="Name91" axis="ch ch" ptType="node node" st="1 1" cnt="1 0" func="cnt" op="equ" val="1">
                            <dgm:alg type="cycle">
                              <dgm:param type="ctrShpMap" val="fNode"/>
                              <dgm:param type="stAng" val="0"/>
                            </dgm:alg>
                          </dgm:if>
                          <dgm:if name="Name92" axis="ch ch" ptType="node node" st="1 1" cnt="1 0" func="cnt" op="equ" val="2">
                            <dgm:alg type="cycle">
                              <dgm:param type="ctrShpMap" val="fNode"/>
                              <dgm:param type="stAng" val="315"/>
                              <dgm:param type="spanAng" val="90"/>
                            </dgm:alg>
                          </dgm:if>
                          <dgm:else name="Name93">
                            <dgm:alg type="cycle">
                              <dgm:param type="ctrShpMap" val="fNode"/>
                              <dgm:param type="stAng" val="0"/>
                              <dgm:param type="spanAng" val="360"/>
                            </dgm:alg>
                          </dgm:else>
                        </dgm:choose>
                      </dgm:if>
                      <dgm:if name="Name94" axis="ch" ptType="node" func="cnt" op="gte" val="7">
                        <dgm:choose name="Name95">
                          <dgm:if name="Name96" axis="ch ch" ptType="node node" st="1 1" cnt="1 0" func="cnt" op="equ" val="1">
                            <dgm:alg type="cycle">
                              <dgm:param type="ctrShpMap" val="fNode"/>
                              <dgm:param type="stAng" val="0"/>
                            </dgm:alg>
                          </dgm:if>
                          <dgm:if name="Name97" axis="ch ch" ptType="node node" st="1 1" cnt="1 0" func="cnt" op="equ" val="2">
                            <dgm:alg type="cycle">
                              <dgm:param type="ctrShpMap" val="fNode"/>
                              <dgm:param type="stAng" val="315"/>
                              <dgm:param type="spanAng" val="90"/>
                            </dgm:alg>
                          </dgm:if>
                          <dgm:else name="Name98">
                            <dgm:alg type="cycle">
                              <dgm:param type="ctrShpMap" val="fNode"/>
                              <dgm:param type="stAng" val="0"/>
                              <dgm:param type="spanAng" val="360"/>
                            </dgm:alg>
                          </dgm:else>
                        </dgm:choose>
                      </dgm:if>
                      <dgm:else name="Name99"/>
                    </dgm:choose>
                  </dgm:if>
                  <dgm:else name="Name100">
                    <dgm:choose name="Name101">
                      <dgm:if name="Name102" axis="ch" ptType="node" func="cnt" op="equ" val="1">
                        <dgm:choose name="Name103">
                          <dgm:if name="Name104" axis="ch ch" ptType="node node" st="1 1" cnt="1 0" func="cnt" op="equ" val="1">
                            <dgm:alg type="cycle">
                              <dgm:param type="ctrShpMap" val="fNode"/>
                              <dgm:param type="stAng" val="270"/>
                            </dgm:alg>
                          </dgm:if>
                          <dgm:if name="Name105" axis="ch ch" ptType="node node" st="1 1" cnt="1 0" func="cnt" op="equ" val="2">
                            <dgm:alg type="cycle">
                              <dgm:param type="ctrShpMap" val="fNode"/>
                              <dgm:param type="stAng" val="315"/>
                              <dgm:param type="spanAng" val="-90"/>
                            </dgm:alg>
                          </dgm:if>
                          <dgm:else name="Name106">
                            <dgm:alg type="cycle">
                              <dgm:param type="ctrShpMap" val="fNode"/>
                              <dgm:param type="stAng" val="0"/>
                              <dgm:param type="spanAng" val="-180"/>
                            </dgm:alg>
                          </dgm:else>
                        </dgm:choose>
                      </dgm:if>
                      <dgm:if name="Name107" axis="ch" ptType="node" func="cnt" op="equ" val="2">
                        <dgm:choose name="Name108">
                          <dgm:if name="Name109" axis="ch ch" ptType="node node" st="1 1" cnt="1 0" func="cnt" op="equ" val="1">
                            <dgm:alg type="cycle">
                              <dgm:param type="ctrShpMap" val="fNode"/>
                              <dgm:param type="stAng" val="0"/>
                            </dgm:alg>
                          </dgm:if>
                          <dgm:if name="Name110" axis="ch ch" ptType="node node" st="1 1" cnt="1 0" func="cnt" op="equ" val="2">
                            <dgm:alg type="cycle">
                              <dgm:param type="ctrShpMap" val="fNode"/>
                              <dgm:param type="stAng" val="45"/>
                              <dgm:param type="spanAng" val="-90"/>
                            </dgm:alg>
                          </dgm:if>
                          <dgm:else name="Name111">
                            <dgm:alg type="cycle">
                              <dgm:param type="ctrShpMap" val="fNode"/>
                              <dgm:param type="stAng" val="90"/>
                              <dgm:param type="spanAng" val="-180"/>
                            </dgm:alg>
                          </dgm:else>
                        </dgm:choose>
                      </dgm:if>
                      <dgm:if name="Name112" axis="ch" ptType="node" func="cnt" op="equ" val="3">
                        <dgm:choose name="Name113">
                          <dgm:if name="Name114" axis="ch ch" ptType="node node" st="1 1" cnt="1 0" func="cnt" op="equ" val="1">
                            <dgm:alg type="cycle">
                              <dgm:param type="ctrShpMap" val="fNode"/>
                              <dgm:param type="stAng" val="0"/>
                            </dgm:alg>
                          </dgm:if>
                          <dgm:if name="Name115" axis="ch ch" ptType="node node" st="1 1" cnt="1 0" func="cnt" op="equ" val="2">
                            <dgm:alg type="cycle">
                              <dgm:param type="ctrShpMap" val="fNode"/>
                              <dgm:param type="stAng" val="45"/>
                              <dgm:param type="spanAng" val="-90"/>
                            </dgm:alg>
                          </dgm:if>
                          <dgm:else name="Name116">
                            <dgm:alg type="cycle">
                              <dgm:param type="ctrShpMap" val="fNode"/>
                              <dgm:param type="stAng" val="90"/>
                              <dgm:param type="spanAng" val="-180"/>
                            </dgm:alg>
                          </dgm:else>
                        </dgm:choose>
                      </dgm:if>
                      <dgm:if name="Name117" axis="ch" ptType="node" func="cnt" op="equ" val="4">
                        <dgm:choose name="Name118">
                          <dgm:if name="Name119" axis="ch ch" ptType="node node" st="1 1" cnt="1 0" func="cnt" op="equ" val="1">
                            <dgm:alg type="cycle">
                              <dgm:param type="ctrShpMap" val="fNode"/>
                              <dgm:param type="stAng" val="0"/>
                            </dgm:alg>
                          </dgm:if>
                          <dgm:if name="Name120" axis="ch ch" ptType="node node" st="1 1" cnt="1 0" func="cnt" op="equ" val="2">
                            <dgm:alg type="cycle">
                              <dgm:param type="ctrShpMap" val="fNode"/>
                              <dgm:param type="stAng" val="45"/>
                              <dgm:param type="spanAng" val="-90"/>
                            </dgm:alg>
                          </dgm:if>
                          <dgm:else name="Name121">
                            <dgm:alg type="cycle">
                              <dgm:param type="ctrShpMap" val="fNode"/>
                              <dgm:param type="stAng" val="67.5"/>
                              <dgm:param type="spanAng" val="-135"/>
                            </dgm:alg>
                          </dgm:else>
                        </dgm:choose>
                      </dgm:if>
                      <dgm:if name="Name122" axis="ch" ptType="node" func="cnt" op="equ" val="5">
                        <dgm:choose name="Name123">
                          <dgm:if name="Name124" axis="ch ch" ptType="node node" st="1 1" cnt="1 0" func="cnt" op="equ" val="1">
                            <dgm:alg type="cycle">
                              <dgm:param type="ctrShpMap" val="fNode"/>
                              <dgm:param type="stAng" val="0"/>
                            </dgm:alg>
                          </dgm:if>
                          <dgm:if name="Name125" axis="ch ch" ptType="node node" st="1 1" cnt="1 0" func="cnt" op="equ" val="2">
                            <dgm:alg type="cycle">
                              <dgm:param type="ctrShpMap" val="fNode"/>
                              <dgm:param type="stAng" val="45"/>
                              <dgm:param type="spanAng" val="-90"/>
                            </dgm:alg>
                          </dgm:if>
                          <dgm:else name="Name126">
                            <dgm:alg type="cycle">
                              <dgm:param type="ctrShpMap" val="fNode"/>
                              <dgm:param type="stAng" val="0"/>
                              <dgm:param type="spanAng" val="-360"/>
                            </dgm:alg>
                          </dgm:else>
                        </dgm:choose>
                      </dgm:if>
                      <dgm:if name="Name127" axis="ch" ptType="node" func="cnt" op="equ" val="6">
                        <dgm:choose name="Name128">
                          <dgm:if name="Name129" axis="ch ch" ptType="node node" st="1 1" cnt="1 0" func="cnt" op="equ" val="1">
                            <dgm:alg type="cycle">
                              <dgm:param type="ctrShpMap" val="fNode"/>
                              <dgm:param type="stAng" val="0"/>
                            </dgm:alg>
                          </dgm:if>
                          <dgm:if name="Name130" axis="ch ch" ptType="node node" st="1 1" cnt="1 0" func="cnt" op="equ" val="2">
                            <dgm:alg type="cycle">
                              <dgm:param type="ctrShpMap" val="fNode"/>
                              <dgm:param type="stAng" val="45"/>
                              <dgm:param type="spanAng" val="-90"/>
                            </dgm:alg>
                          </dgm:if>
                          <dgm:else name="Name131">
                            <dgm:alg type="cycle">
                              <dgm:param type="ctrShpMap" val="fNode"/>
                              <dgm:param type="stAng" val="0"/>
                              <dgm:param type="spanAng" val="-360"/>
                            </dgm:alg>
                          </dgm:else>
                        </dgm:choose>
                      </dgm:if>
                      <dgm:if name="Name132" axis="ch" ptType="node" func="cnt" op="gte" val="7">
                        <dgm:choose name="Name133">
                          <dgm:if name="Name134" axis="ch ch" ptType="node node" st="1 1" cnt="1 0" func="cnt" op="equ" val="1">
                            <dgm:alg type="cycle">
                              <dgm:param type="ctrShpMap" val="fNode"/>
                              <dgm:param type="stAng" val="0"/>
                            </dgm:alg>
                          </dgm:if>
                          <dgm:if name="Name135" axis="ch ch" ptType="node node" st="1 1" cnt="1 0" func="cnt" op="equ" val="2">
                            <dgm:alg type="cycle">
                              <dgm:param type="ctrShpMap" val="fNode"/>
                              <dgm:param type="stAng" val="45"/>
                              <dgm:param type="spanAng" val="-90"/>
                            </dgm:alg>
                          </dgm:if>
                          <dgm:else name="Name136">
                            <dgm:alg type="cycle">
                              <dgm:param type="ctrShpMap" val="fNode"/>
                              <dgm:param type="stAng" val="0"/>
                              <dgm:param type="spanAng" val="-360"/>
                            </dgm:alg>
                          </dgm:else>
                        </dgm:choose>
                      </dgm:if>
                      <dgm:else name="Name137"/>
                    </dgm:choose>
                  </dgm:else>
                </dgm:choose>
                <dgm:shape xmlns:r="http://schemas.openxmlformats.org/officeDocument/2006/relationships" r:blip="">
                  <dgm:adjLst/>
                </dgm:shape>
                <dgm:presOf/>
                <dgm:constrLst>
                  <dgm:constr type="sp" refType="w" fact="0.1"/>
                  <dgm:constr type="sibSp" refType="w" fact="0.1"/>
                </dgm:constrLst>
                <dgm:forEach name="Name138" axis="ch" ptType="node" cnt="1">
                  <dgm:layoutNode name="childCenter1"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139" axis="ch">
                    <dgm:forEach name="Name140" axis="self" ptType="parTrans">
                      <dgm:layoutNode name="Name141">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142" axis="self" ptType="node">
                      <dgm:layoutNode name="text1"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143" axis="ch" ptType="parTrans" cnt="1">
                <dgm:layoutNode name="Name144">
                  <dgm:alg type="conn">
                    <dgm:param type="dim" val="1D"/>
                    <dgm:param type="begPts" val="auto"/>
                    <dgm:param type="endPts" val="auto"/>
                    <dgm:param type="endSty" val="noArr"/>
                    <dgm:param type="srcNode" val="textCenter"/>
                    <dgm:param type="dstNode" val="childCenter1"/>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145"/>
          </dgm:choose>
          <dgm:choose name="Name146">
            <dgm:if name="Name147" axis="ch" ptType="node" func="cnt" op="gte" val="2">
              <dgm:layoutNode name="cycle_2">
                <dgm:choose name="Name148">
                  <dgm:if name="Name149" func="var" arg="dir" op="equ" val="norm">
                    <dgm:choose name="Name150">
                      <dgm:if name="Name151" axis="ch" ptType="node" func="cnt" op="equ" val="2">
                        <dgm:choose name="Name152">
                          <dgm:if name="Name153" axis="ch ch" ptType="node node" st="2 1" cnt="1 0" func="cnt" op="equ" val="1">
                            <dgm:alg type="cycle">
                              <dgm:param type="ctrShpMap" val="fNode"/>
                              <dgm:param type="stAng" val="180"/>
                            </dgm:alg>
                          </dgm:if>
                          <dgm:if name="Name154" axis="ch ch" ptType="node node" st="2 1" cnt="1 0" func="cnt" op="equ" val="2">
                            <dgm:alg type="cycle">
                              <dgm:param type="ctrShpMap" val="fNode"/>
                              <dgm:param type="stAng" val="135"/>
                              <dgm:param type="spanAng" val="90"/>
                            </dgm:alg>
                          </dgm:if>
                          <dgm:else name="Name155">
                            <dgm:alg type="cycle">
                              <dgm:param type="ctrShpMap" val="fNode"/>
                              <dgm:param type="stAng" val="90"/>
                              <dgm:param type="spanAng" val="180"/>
                            </dgm:alg>
                          </dgm:else>
                        </dgm:choose>
                      </dgm:if>
                      <dgm:if name="Name156" axis="ch" ptType="node" func="cnt" op="equ" val="3">
                        <dgm:choose name="Name157">
                          <dgm:if name="Name158" axis="ch ch" ptType="node node" st="2 1" cnt="1 0" func="cnt" op="equ" val="1">
                            <dgm:alg type="cycle">
                              <dgm:param type="ctrShpMap" val="fNode"/>
                              <dgm:param type="stAng" val="120"/>
                              <dgm:param type="horzAlign" val="r"/>
                              <dgm:param type="vertAlign" val="b"/>
                            </dgm:alg>
                          </dgm:if>
                          <dgm:if name="Name159" axis="ch ch" ptType="node node" st="2 1" cnt="1 0" func="cnt" op="equ" val="2">
                            <dgm:alg type="cycle">
                              <dgm:param type="ctrShpMap" val="fNode"/>
                              <dgm:param type="stAng" val="75"/>
                              <dgm:param type="spanAng" val="90"/>
                              <dgm:param type="horzAlign" val="r"/>
                              <dgm:param type="vertAlign" val="b"/>
                            </dgm:alg>
                          </dgm:if>
                          <dgm:else name="Name160">
                            <dgm:alg type="cycle">
                              <dgm:param type="ctrShpMap" val="fNode"/>
                              <dgm:param type="stAng" val="30"/>
                              <dgm:param type="spanAng" val="180"/>
                            </dgm:alg>
                          </dgm:else>
                        </dgm:choose>
                      </dgm:if>
                      <dgm:if name="Name161" axis="ch" ptType="node" func="cnt" op="equ" val="4">
                        <dgm:choose name="Name162">
                          <dgm:if name="Name163" axis="ch ch" ptType="node node" st="2 1" cnt="1 0" func="cnt" op="equ" val="1">
                            <dgm:alg type="cycle">
                              <dgm:param type="ctrShpMap" val="fNode"/>
                              <dgm:param type="stAng" val="90"/>
                            </dgm:alg>
                          </dgm:if>
                          <dgm:if name="Name164" axis="ch ch" ptType="node node" st="2 1" cnt="1 0" func="cnt" op="equ" val="2">
                            <dgm:alg type="cycle">
                              <dgm:param type="ctrShpMap" val="fNode"/>
                              <dgm:param type="stAng" val="45"/>
                              <dgm:param type="spanAng" val="90"/>
                            </dgm:alg>
                          </dgm:if>
                          <dgm:else name="Name165">
                            <dgm:alg type="cycle">
                              <dgm:param type="ctrShpMap" val="fNode"/>
                              <dgm:param type="stAng" val="22.5"/>
                              <dgm:param type="spanAng" val="135"/>
                            </dgm:alg>
                          </dgm:else>
                        </dgm:choose>
                      </dgm:if>
                      <dgm:if name="Name166" axis="ch" ptType="node" func="cnt" op="equ" val="5">
                        <dgm:choose name="Name167">
                          <dgm:if name="Name168" axis="ch ch" ptType="node node" st="2 1" cnt="1 0" func="cnt" op="equ" val="1">
                            <dgm:alg type="cycle">
                              <dgm:param type="ctrShpMap" val="fNode"/>
                              <dgm:param type="stAng" val="72"/>
                            </dgm:alg>
                          </dgm:if>
                          <dgm:if name="Name169" axis="ch ch" ptType="node node" st="2 1" cnt="1 0" func="cnt" op="equ" val="2">
                            <dgm:alg type="cycle">
                              <dgm:param type="ctrShpMap" val="fNode"/>
                              <dgm:param type="stAng" val="27"/>
                              <dgm:param type="spanAng" val="90"/>
                            </dgm:alg>
                          </dgm:if>
                          <dgm:else name="Name170">
                            <dgm:alg type="cycle">
                              <dgm:param type="ctrShpMap" val="fNode"/>
                              <dgm:param type="stAng" val="0"/>
                              <dgm:param type="spanAng" val="360"/>
                            </dgm:alg>
                          </dgm:else>
                        </dgm:choose>
                      </dgm:if>
                      <dgm:if name="Name171" axis="ch" ptType="node" func="cnt" op="equ" val="6">
                        <dgm:choose name="Name172">
                          <dgm:if name="Name173" axis="ch ch" ptType="node node" st="2 1" cnt="1 0" func="cnt" op="equ" val="1">
                            <dgm:alg type="cycle">
                              <dgm:param type="ctrShpMap" val="fNode"/>
                              <dgm:param type="stAng" val="60"/>
                            </dgm:alg>
                          </dgm:if>
                          <dgm:if name="Name174" axis="ch ch" ptType="node node" st="2 1" cnt="1 0" func="cnt" op="equ" val="2">
                            <dgm:alg type="cycle">
                              <dgm:param type="ctrShpMap" val="fNode"/>
                              <dgm:param type="stAng" val="15"/>
                              <dgm:param type="spanAng" val="90"/>
                            </dgm:alg>
                          </dgm:if>
                          <dgm:else name="Name175">
                            <dgm:alg type="cycle">
                              <dgm:param type="ctrShpMap" val="fNode"/>
                              <dgm:param type="stAng" val="0"/>
                              <dgm:param type="spanAng" val="360"/>
                            </dgm:alg>
                          </dgm:else>
                        </dgm:choose>
                      </dgm:if>
                      <dgm:if name="Name176" axis="ch" ptType="node" func="cnt" op="gte" val="7">
                        <dgm:choose name="Name177">
                          <dgm:if name="Name178" axis="ch ch" ptType="node node" st="2 1" cnt="1 0" func="cnt" op="equ" val="1">
                            <dgm:alg type="cycle">
                              <dgm:param type="ctrShpMap" val="fNode"/>
                              <dgm:param type="stAng" val="51"/>
                            </dgm:alg>
                          </dgm:if>
                          <dgm:if name="Name179" axis="ch ch" ptType="node node" st="2 1" cnt="1 0" func="cnt" op="equ" val="2">
                            <dgm:alg type="cycle">
                              <dgm:param type="ctrShpMap" val="fNode"/>
                              <dgm:param type="stAng" val="6"/>
                              <dgm:param type="spanAng" val="90"/>
                            </dgm:alg>
                          </dgm:if>
                          <dgm:else name="Name180">
                            <dgm:alg type="cycle">
                              <dgm:param type="ctrShpMap" val="fNode"/>
                              <dgm:param type="stAng" val="0"/>
                              <dgm:param type="spanAng" val="360"/>
                            </dgm:alg>
                          </dgm:else>
                        </dgm:choose>
                      </dgm:if>
                      <dgm:else name="Name181"/>
                    </dgm:choose>
                  </dgm:if>
                  <dgm:else name="Name182">
                    <dgm:choose name="Name183">
                      <dgm:if name="Name184" axis="ch" ptType="node" func="cnt" op="equ" val="2">
                        <dgm:choose name="Name185">
                          <dgm:if name="Name186" axis="ch ch" ptType="node node" st="2 1" cnt="1 0" func="cnt" op="equ" val="1">
                            <dgm:alg type="cycle">
                              <dgm:param type="ctrShpMap" val="fNode"/>
                              <dgm:param type="stAng" val="180"/>
                            </dgm:alg>
                          </dgm:if>
                          <dgm:if name="Name187" axis="ch ch" ptType="node node" st="2 1" cnt="1 0" func="cnt" op="equ" val="2">
                            <dgm:alg type="cycle">
                              <dgm:param type="ctrShpMap" val="fNode"/>
                              <dgm:param type="stAng" val="225"/>
                              <dgm:param type="spanAng" val="-90"/>
                            </dgm:alg>
                          </dgm:if>
                          <dgm:else name="Name188">
                            <dgm:alg type="cycle">
                              <dgm:param type="ctrShpMap" val="fNode"/>
                              <dgm:param type="stAng" val="270"/>
                              <dgm:param type="spanAng" val="-180"/>
                            </dgm:alg>
                          </dgm:else>
                        </dgm:choose>
                      </dgm:if>
                      <dgm:if name="Name189" axis="ch" ptType="node" func="cnt" op="equ" val="3">
                        <dgm:choose name="Name190">
                          <dgm:if name="Name191" axis="ch ch" ptType="node node" st="2 1" cnt="1 0" func="cnt" op="equ" val="1">
                            <dgm:alg type="cycle">
                              <dgm:param type="ctrShpMap" val="fNode"/>
                              <dgm:param type="stAng" val="240"/>
                              <dgm:param type="horzAlign" val="l"/>
                              <dgm:param type="vertAlign" val="b"/>
                            </dgm:alg>
                          </dgm:if>
                          <dgm:if name="Name192" axis="ch ch" ptType="node node" st="2 1" cnt="1 0" func="cnt" op="equ" val="2">
                            <dgm:alg type="cycle">
                              <dgm:param type="ctrShpMap" val="fNode"/>
                              <dgm:param type="stAng" val="285"/>
                              <dgm:param type="spanAng" val="-90"/>
                              <dgm:param type="horzAlign" val="l"/>
                              <dgm:param type="vertAlign" val="b"/>
                            </dgm:alg>
                          </dgm:if>
                          <dgm:else name="Name193">
                            <dgm:alg type="cycle">
                              <dgm:param type="ctrShpMap" val="fNode"/>
                              <dgm:param type="stAng" val="330"/>
                              <dgm:param type="spanAng" val="-180"/>
                            </dgm:alg>
                          </dgm:else>
                        </dgm:choose>
                      </dgm:if>
                      <dgm:if name="Name194" axis="ch" ptType="node" func="cnt" op="equ" val="4">
                        <dgm:choose name="Name195">
                          <dgm:if name="Name196" axis="ch ch" ptType="node node" st="2 1" cnt="1 0" func="cnt" op="equ" val="1">
                            <dgm:alg type="cycle">
                              <dgm:param type="ctrShpMap" val="fNode"/>
                              <dgm:param type="stAng" val="270"/>
                            </dgm:alg>
                          </dgm:if>
                          <dgm:if name="Name197" axis="ch ch" ptType="node node" st="2 1" cnt="1 0" func="cnt" op="equ" val="2">
                            <dgm:alg type="cycle">
                              <dgm:param type="ctrShpMap" val="fNode"/>
                              <dgm:param type="stAng" val="315"/>
                              <dgm:param type="spanAng" val="-90"/>
                            </dgm:alg>
                          </dgm:if>
                          <dgm:else name="Name198">
                            <dgm:alg type="cycle">
                              <dgm:param type="ctrShpMap" val="fNode"/>
                              <dgm:param type="stAng" val="337.5"/>
                              <dgm:param type="spanAng" val="-135"/>
                            </dgm:alg>
                          </dgm:else>
                        </dgm:choose>
                      </dgm:if>
                      <dgm:if name="Name199" axis="ch" ptType="node" func="cnt" op="equ" val="5">
                        <dgm:choose name="Name200">
                          <dgm:if name="Name201" axis="ch ch" ptType="node node" st="2 1" cnt="1 0" func="cnt" op="equ" val="1">
                            <dgm:alg type="cycle">
                              <dgm:param type="ctrShpMap" val="fNode"/>
                              <dgm:param type="stAng" val="288"/>
                            </dgm:alg>
                          </dgm:if>
                          <dgm:if name="Name202" axis="ch ch" ptType="node node" st="2 1" cnt="1 0" func="cnt" op="equ" val="2">
                            <dgm:alg type="cycle">
                              <dgm:param type="ctrShpMap" val="fNode"/>
                              <dgm:param type="stAng" val="333"/>
                              <dgm:param type="spanAng" val="-90"/>
                            </dgm:alg>
                          </dgm:if>
                          <dgm:else name="Name203">
                            <dgm:alg type="cycle">
                              <dgm:param type="ctrShpMap" val="fNode"/>
                              <dgm:param type="stAng" val="0"/>
                              <dgm:param type="spanAng" val="-360"/>
                            </dgm:alg>
                          </dgm:else>
                        </dgm:choose>
                      </dgm:if>
                      <dgm:if name="Name204" axis="ch" ptType="node" func="cnt" op="equ" val="6">
                        <dgm:choose name="Name205">
                          <dgm:if name="Name206" axis="ch ch" ptType="node node" st="2 1" cnt="1 0" func="cnt" op="equ" val="1">
                            <dgm:alg type="cycle">
                              <dgm:param type="ctrShpMap" val="fNode"/>
                              <dgm:param type="stAng" val="300"/>
                            </dgm:alg>
                          </dgm:if>
                          <dgm:if name="Name207" axis="ch ch" ptType="node node" st="2 1" cnt="1 0" func="cnt" op="equ" val="2">
                            <dgm:alg type="cycle">
                              <dgm:param type="ctrShpMap" val="fNode"/>
                              <dgm:param type="stAng" val="345"/>
                              <dgm:param type="spanAng" val="-90"/>
                            </dgm:alg>
                          </dgm:if>
                          <dgm:else name="Name208">
                            <dgm:alg type="cycle">
                              <dgm:param type="ctrShpMap" val="fNode"/>
                              <dgm:param type="stAng" val="0"/>
                              <dgm:param type="spanAng" val="-360"/>
                            </dgm:alg>
                          </dgm:else>
                        </dgm:choose>
                      </dgm:if>
                      <dgm:if name="Name209" axis="ch" ptType="node" func="cnt" op="gte" val="7">
                        <dgm:choose name="Name210">
                          <dgm:if name="Name211" axis="ch ch" ptType="node node" st="2 1" cnt="1 0" func="cnt" op="equ" val="1">
                            <dgm:alg type="cycle">
                              <dgm:param type="ctrShpMap" val="fNode"/>
                              <dgm:param type="stAng" val="308"/>
                            </dgm:alg>
                          </dgm:if>
                          <dgm:if name="Name212" axis="ch ch" ptType="node node" st="2 1" cnt="1 0" func="cnt" op="equ" val="2">
                            <dgm:alg type="cycle">
                              <dgm:param type="ctrShpMap" val="fNode"/>
                              <dgm:param type="stAng" val="353"/>
                              <dgm:param type="spanAng" val="-90"/>
                            </dgm:alg>
                          </dgm:if>
                          <dgm:else name="Name213">
                            <dgm:alg type="cycle">
                              <dgm:param type="ctrShpMap" val="fNode"/>
                              <dgm:param type="stAng" val="0"/>
                              <dgm:param type="spanAng" val="-360"/>
                            </dgm:alg>
                          </dgm:else>
                        </dgm:choose>
                      </dgm:if>
                      <dgm:else name="Name214"/>
                    </dgm:choose>
                  </dgm:else>
                </dgm:choose>
                <dgm:shape xmlns:r="http://schemas.openxmlformats.org/officeDocument/2006/relationships" r:blip="">
                  <dgm:adjLst/>
                </dgm:shape>
                <dgm:presOf/>
                <dgm:constrLst>
                  <dgm:constr type="sp" refType="w" fact="0.1"/>
                  <dgm:constr type="sibSp" refType="w" fact="0.1"/>
                </dgm:constrLst>
                <dgm:forEach name="Name215" axis="ch" ptType="node" st="2" cnt="1">
                  <dgm:layoutNode name="childCenter2"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216" axis="ch">
                    <dgm:forEach name="Name217" axis="self" ptType="parTrans">
                      <dgm:layoutNode name="Name218">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219" axis="self" ptType="node">
                      <dgm:layoutNode name="text2"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220" axis="ch" ptType="parTrans" st="2" cnt="1">
                <dgm:layoutNode name="Name221">
                  <dgm:alg type="conn">
                    <dgm:param type="dim" val="1D"/>
                    <dgm:param type="begPts" val="auto"/>
                    <dgm:param type="endPts" val="auto"/>
                    <dgm:param type="endSty" val="noArr"/>
                    <dgm:param type="srcNode" val="textCenter"/>
                    <dgm:param type="dstNode" val="childCenter2"/>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222"/>
          </dgm:choose>
          <dgm:choose name="Name223">
            <dgm:if name="Name224" axis="ch" ptType="node" func="cnt" op="gte" val="3">
              <dgm:layoutNode name="cycle_3">
                <dgm:choose name="Name225">
                  <dgm:if name="Name226" func="var" arg="dir" op="equ" val="norm">
                    <dgm:choose name="Name227">
                      <dgm:if name="Name228" axis="ch" ptType="node" func="cnt" op="equ" val="3">
                        <dgm:choose name="Name229">
                          <dgm:if name="Name230" axis="ch ch" ptType="node node" st="3 1" cnt="1 0" func="cnt" op="equ" val="1">
                            <dgm:alg type="cycle">
                              <dgm:param type="ctrShpMap" val="fNode"/>
                              <dgm:param type="stAng" val="240"/>
                              <dgm:param type="horzAlign" val="l"/>
                              <dgm:param type="vertAlign" val="b"/>
                            </dgm:alg>
                          </dgm:if>
                          <dgm:if name="Name231" axis="ch ch" ptType="node node" st="3 1" cnt="1 0" func="cnt" op="equ" val="2">
                            <dgm:alg type="cycle">
                              <dgm:param type="ctrShpMap" val="fNode"/>
                              <dgm:param type="stAng" val="195"/>
                              <dgm:param type="spanAng" val="90"/>
                              <dgm:param type="horzAlign" val="l"/>
                              <dgm:param type="vertAlign" val="b"/>
                            </dgm:alg>
                          </dgm:if>
                          <dgm:else name="Name232">
                            <dgm:alg type="cycle">
                              <dgm:param type="ctrShpMap" val="fNode"/>
                              <dgm:param type="stAng" val="150"/>
                              <dgm:param type="spanAng" val="180"/>
                            </dgm:alg>
                          </dgm:else>
                        </dgm:choose>
                      </dgm:if>
                      <dgm:if name="Name233" axis="ch" ptType="node" func="cnt" op="equ" val="4">
                        <dgm:choose name="Name234">
                          <dgm:if name="Name235" axis="ch ch" ptType="node node" st="3 1" cnt="1 0" func="cnt" op="equ" val="1">
                            <dgm:alg type="cycle">
                              <dgm:param type="ctrShpMap" val="fNode"/>
                              <dgm:param type="stAng" val="180"/>
                            </dgm:alg>
                          </dgm:if>
                          <dgm:if name="Name236" axis="ch ch" ptType="node node" st="3 1" cnt="1 0" func="cnt" op="equ" val="2">
                            <dgm:alg type="cycle">
                              <dgm:param type="ctrShpMap" val="fNode"/>
                              <dgm:param type="stAng" val="135"/>
                              <dgm:param type="spanAng" val="90"/>
                            </dgm:alg>
                          </dgm:if>
                          <dgm:else name="Name237">
                            <dgm:alg type="cycle">
                              <dgm:param type="ctrShpMap" val="fNode"/>
                              <dgm:param type="stAng" val="112.5"/>
                              <dgm:param type="spanAng" val="135"/>
                            </dgm:alg>
                          </dgm:else>
                        </dgm:choose>
                      </dgm:if>
                      <dgm:if name="Name238" axis="ch" ptType="node" func="cnt" op="equ" val="5">
                        <dgm:choose name="Name239">
                          <dgm:if name="Name240" axis="ch ch" ptType="node node" st="3 1" cnt="1 0" func="cnt" op="equ" val="1">
                            <dgm:alg type="cycle">
                              <dgm:param type="ctrShpMap" val="fNode"/>
                              <dgm:param type="stAng" val="144"/>
                            </dgm:alg>
                          </dgm:if>
                          <dgm:if name="Name241" axis="ch ch" ptType="node node" st="3 1" cnt="1 0" func="cnt" op="equ" val="2">
                            <dgm:alg type="cycle">
                              <dgm:param type="ctrShpMap" val="fNode"/>
                              <dgm:param type="stAng" val="99"/>
                              <dgm:param type="spanAng" val="90"/>
                            </dgm:alg>
                          </dgm:if>
                          <dgm:else name="Name242">
                            <dgm:alg type="cycle">
                              <dgm:param type="ctrShpMap" val="fNode"/>
                              <dgm:param type="stAng" val="0"/>
                              <dgm:param type="spanAng" val="360"/>
                            </dgm:alg>
                          </dgm:else>
                        </dgm:choose>
                      </dgm:if>
                      <dgm:if name="Name243" axis="ch" ptType="node" func="cnt" op="equ" val="6">
                        <dgm:choose name="Name244">
                          <dgm:if name="Name245" axis="ch ch" ptType="node node" st="3 1" cnt="1 0" func="cnt" op="equ" val="1">
                            <dgm:alg type="cycle">
                              <dgm:param type="ctrShpMap" val="fNode"/>
                              <dgm:param type="stAng" val="120"/>
                            </dgm:alg>
                          </dgm:if>
                          <dgm:if name="Name246" axis="ch ch" ptType="node node" st="3 1" cnt="1 0" func="cnt" op="equ" val="2">
                            <dgm:alg type="cycle">
                              <dgm:param type="ctrShpMap" val="fNode"/>
                              <dgm:param type="stAng" val="75"/>
                              <dgm:param type="spanAng" val="90"/>
                            </dgm:alg>
                          </dgm:if>
                          <dgm:else name="Name247">
                            <dgm:alg type="cycle">
                              <dgm:param type="ctrShpMap" val="fNode"/>
                              <dgm:param type="stAng" val="0"/>
                              <dgm:param type="spanAng" val="360"/>
                            </dgm:alg>
                          </dgm:else>
                        </dgm:choose>
                      </dgm:if>
                      <dgm:if name="Name248" axis="ch" ptType="node" func="cnt" op="gte" val="7">
                        <dgm:choose name="Name249">
                          <dgm:if name="Name250" axis="ch ch" ptType="node node" st="3 1" cnt="1 0" func="cnt" op="equ" val="1">
                            <dgm:alg type="cycle">
                              <dgm:param type="ctrShpMap" val="fNode"/>
                              <dgm:param type="stAng" val="102"/>
                            </dgm:alg>
                          </dgm:if>
                          <dgm:if name="Name251" axis="ch ch" ptType="node node" st="3 1" cnt="1 0" func="cnt" op="equ" val="2">
                            <dgm:alg type="cycle">
                              <dgm:param type="ctrShpMap" val="fNode"/>
                              <dgm:param type="stAng" val="57"/>
                              <dgm:param type="spanAng" val="90"/>
                            </dgm:alg>
                          </dgm:if>
                          <dgm:else name="Name252">
                            <dgm:alg type="cycle">
                              <dgm:param type="ctrShpMap" val="fNode"/>
                              <dgm:param type="stAng" val="0"/>
                              <dgm:param type="spanAng" val="360"/>
                            </dgm:alg>
                          </dgm:else>
                        </dgm:choose>
                      </dgm:if>
                      <dgm:else name="Name253"/>
                    </dgm:choose>
                  </dgm:if>
                  <dgm:else name="Name254">
                    <dgm:choose name="Name255">
                      <dgm:if name="Name256" axis="ch" ptType="node" func="cnt" op="equ" val="3">
                        <dgm:choose name="Name257">
                          <dgm:if name="Name258" axis="ch ch" ptType="node node" st="3 1" cnt="1 0" func="cnt" op="equ" val="1">
                            <dgm:alg type="cycle">
                              <dgm:param type="ctrShpMap" val="fNode"/>
                              <dgm:param type="stAng" val="120"/>
                              <dgm:param type="horzAlign" val="r"/>
                              <dgm:param type="vertAlign" val="b"/>
                            </dgm:alg>
                          </dgm:if>
                          <dgm:if name="Name259" axis="ch ch" ptType="node node" st="3 1" cnt="1 0" func="cnt" op="equ" val="2">
                            <dgm:alg type="cycle">
                              <dgm:param type="ctrShpMap" val="fNode"/>
                              <dgm:param type="stAng" val="165"/>
                              <dgm:param type="spanAng" val="-90"/>
                              <dgm:param type="horzAlign" val="r"/>
                              <dgm:param type="vertAlign" val="b"/>
                            </dgm:alg>
                          </dgm:if>
                          <dgm:else name="Name260">
                            <dgm:alg type="cycle">
                              <dgm:param type="ctrShpMap" val="fNode"/>
                              <dgm:param type="stAng" val="210"/>
                              <dgm:param type="spanAng" val="-180"/>
                            </dgm:alg>
                          </dgm:else>
                        </dgm:choose>
                      </dgm:if>
                      <dgm:if name="Name261" axis="ch" ptType="node" func="cnt" op="equ" val="4">
                        <dgm:choose name="Name262">
                          <dgm:if name="Name263" axis="ch ch" ptType="node node" st="3 1" cnt="1 0" func="cnt" op="equ" val="1">
                            <dgm:alg type="cycle">
                              <dgm:param type="ctrShpMap" val="fNode"/>
                              <dgm:param type="stAng" val="180"/>
                            </dgm:alg>
                          </dgm:if>
                          <dgm:if name="Name264" axis="ch ch" ptType="node node" st="3 1" cnt="1 0" func="cnt" op="equ" val="2">
                            <dgm:alg type="cycle">
                              <dgm:param type="ctrShpMap" val="fNode"/>
                              <dgm:param type="stAng" val="225"/>
                              <dgm:param type="spanAng" val="-90"/>
                            </dgm:alg>
                          </dgm:if>
                          <dgm:else name="Name265">
                            <dgm:alg type="cycle">
                              <dgm:param type="ctrShpMap" val="fNode"/>
                              <dgm:param type="stAng" val="247.5"/>
                              <dgm:param type="spanAng" val="-135"/>
                            </dgm:alg>
                          </dgm:else>
                        </dgm:choose>
                      </dgm:if>
                      <dgm:if name="Name266" axis="ch" ptType="node" func="cnt" op="equ" val="5">
                        <dgm:choose name="Name267">
                          <dgm:if name="Name268" axis="ch ch" ptType="node node" st="3 1" cnt="1 0" func="cnt" op="equ" val="1">
                            <dgm:alg type="cycle">
                              <dgm:param type="ctrShpMap" val="fNode"/>
                              <dgm:param type="stAng" val="216"/>
                            </dgm:alg>
                          </dgm:if>
                          <dgm:if name="Name269" axis="ch ch" ptType="node node" st="3 1" cnt="1 0" func="cnt" op="equ" val="2">
                            <dgm:alg type="cycle">
                              <dgm:param type="ctrShpMap" val="fNode"/>
                              <dgm:param type="stAng" val="261"/>
                              <dgm:param type="spanAng" val="-90"/>
                            </dgm:alg>
                          </dgm:if>
                          <dgm:else name="Name270">
                            <dgm:alg type="cycle">
                              <dgm:param type="ctrShpMap" val="fNode"/>
                              <dgm:param type="stAng" val="0"/>
                              <dgm:param type="spanAng" val="-360"/>
                            </dgm:alg>
                          </dgm:else>
                        </dgm:choose>
                      </dgm:if>
                      <dgm:if name="Name271" axis="ch" ptType="node" func="cnt" op="equ" val="6">
                        <dgm:choose name="Name272">
                          <dgm:if name="Name273" axis="ch ch" ptType="node node" st="3 1" cnt="1 0" func="cnt" op="equ" val="1">
                            <dgm:alg type="cycle">
                              <dgm:param type="ctrShpMap" val="fNode"/>
                              <dgm:param type="stAng" val="240"/>
                            </dgm:alg>
                          </dgm:if>
                          <dgm:if name="Name274" axis="ch ch" ptType="node node" st="3 1" cnt="1 0" func="cnt" op="equ" val="2">
                            <dgm:alg type="cycle">
                              <dgm:param type="ctrShpMap" val="fNode"/>
                              <dgm:param type="stAng" val="285"/>
                              <dgm:param type="spanAng" val="-90"/>
                            </dgm:alg>
                          </dgm:if>
                          <dgm:else name="Name275">
                            <dgm:alg type="cycle">
                              <dgm:param type="ctrShpMap" val="fNode"/>
                              <dgm:param type="stAng" val="0"/>
                              <dgm:param type="spanAng" val="-360"/>
                            </dgm:alg>
                          </dgm:else>
                        </dgm:choose>
                      </dgm:if>
                      <dgm:if name="Name276" axis="ch" ptType="node" func="cnt" op="gte" val="7">
                        <dgm:choose name="Name277">
                          <dgm:if name="Name278" axis="ch ch" ptType="node node" st="3 1" cnt="1 0" func="cnt" op="equ" val="1">
                            <dgm:alg type="cycle">
                              <dgm:param type="ctrShpMap" val="fNode"/>
                              <dgm:param type="stAng" val="257"/>
                            </dgm:alg>
                          </dgm:if>
                          <dgm:if name="Name279" axis="ch ch" ptType="node node" st="3 1" cnt="1 0" func="cnt" op="equ" val="2">
                            <dgm:alg type="cycle">
                              <dgm:param type="ctrShpMap" val="fNode"/>
                              <dgm:param type="stAng" val="302"/>
                              <dgm:param type="spanAng" val="-90"/>
                            </dgm:alg>
                          </dgm:if>
                          <dgm:else name="Name280">
                            <dgm:alg type="cycle">
                              <dgm:param type="ctrShpMap" val="fNode"/>
                              <dgm:param type="stAng" val="0"/>
                              <dgm:param type="spanAng" val="-360"/>
                            </dgm:alg>
                          </dgm:else>
                        </dgm:choose>
                      </dgm:if>
                      <dgm:else name="Name281"/>
                    </dgm:choose>
                  </dgm:else>
                </dgm:choose>
                <dgm:shape xmlns:r="http://schemas.openxmlformats.org/officeDocument/2006/relationships" r:blip="">
                  <dgm:adjLst/>
                </dgm:shape>
                <dgm:presOf/>
                <dgm:constrLst>
                  <dgm:constr type="sp" refType="w" fact="0.1"/>
                  <dgm:constr type="sibSp" refType="w" fact="0.1"/>
                </dgm:constrLst>
                <dgm:forEach name="Name282" axis="ch" ptType="node" st="3" cnt="1">
                  <dgm:layoutNode name="childCenter3"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283" axis="ch">
                    <dgm:forEach name="Name284" axis="self" ptType="parTrans">
                      <dgm:layoutNode name="Name285">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286" axis="self" ptType="node">
                      <dgm:layoutNode name="text3"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287" axis="ch" ptType="parTrans" st="3" cnt="1">
                <dgm:layoutNode name="Name288">
                  <dgm:alg type="conn">
                    <dgm:param type="dim" val="1D"/>
                    <dgm:param type="begPts" val="auto"/>
                    <dgm:param type="endPts" val="auto"/>
                    <dgm:param type="endSty" val="noArr"/>
                    <dgm:param type="srcNode" val="textCenter"/>
                    <dgm:param type="dstNode" val="childCenter3"/>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289"/>
          </dgm:choose>
          <dgm:choose name="Name290">
            <dgm:if name="Name291" axis="ch" ptType="node" func="cnt" op="gte" val="4">
              <dgm:layoutNode name="cycle_4">
                <dgm:choose name="Name292">
                  <dgm:if name="Name293" func="var" arg="dir" op="equ" val="norm">
                    <dgm:choose name="Name294">
                      <dgm:if name="Name295" axis="ch" ptType="node" func="cnt" op="equ" val="4">
                        <dgm:choose name="Name296">
                          <dgm:if name="Name297" axis="ch ch" ptType="node node" st="4 1" cnt="1 0" func="cnt" op="equ" val="1">
                            <dgm:alg type="cycle">
                              <dgm:param type="ctrShpMap" val="fNode"/>
                              <dgm:param type="stAng" val="270"/>
                            </dgm:alg>
                          </dgm:if>
                          <dgm:if name="Name298" axis="ch ch" ptType="node node" st="4 1" cnt="1 0" func="cnt" op="equ" val="2">
                            <dgm:alg type="cycle">
                              <dgm:param type="ctrShpMap" val="fNode"/>
                              <dgm:param type="stAng" val="225"/>
                              <dgm:param type="spanAng" val="90"/>
                            </dgm:alg>
                          </dgm:if>
                          <dgm:else name="Name299">
                            <dgm:alg type="cycle">
                              <dgm:param type="ctrShpMap" val="fNode"/>
                              <dgm:param type="stAng" val="202.5"/>
                              <dgm:param type="spanAng" val="135"/>
                            </dgm:alg>
                          </dgm:else>
                        </dgm:choose>
                      </dgm:if>
                      <dgm:if name="Name300" axis="ch" ptType="node" func="cnt" op="equ" val="5">
                        <dgm:choose name="Name301">
                          <dgm:if name="Name302" axis="ch ch" ptType="node node" st="4 1" cnt="1 0" func="cnt" op="equ" val="1">
                            <dgm:alg type="cycle">
                              <dgm:param type="ctrShpMap" val="fNode"/>
                              <dgm:param type="stAng" val="216"/>
                            </dgm:alg>
                          </dgm:if>
                          <dgm:if name="Name303" axis="ch ch" ptType="node node" st="4 1" cnt="1 0" func="cnt" op="equ" val="2">
                            <dgm:alg type="cycle">
                              <dgm:param type="ctrShpMap" val="fNode"/>
                              <dgm:param type="stAng" val="171"/>
                              <dgm:param type="spanAng" val="90"/>
                            </dgm:alg>
                          </dgm:if>
                          <dgm:else name="Name304">
                            <dgm:alg type="cycle">
                              <dgm:param type="ctrShpMap" val="fNode"/>
                              <dgm:param type="stAng" val="0"/>
                              <dgm:param type="spanAng" val="360"/>
                            </dgm:alg>
                          </dgm:else>
                        </dgm:choose>
                      </dgm:if>
                      <dgm:if name="Name305" axis="ch" ptType="node" func="cnt" op="equ" val="6">
                        <dgm:choose name="Name306">
                          <dgm:if name="Name307" axis="ch ch" ptType="node node" st="4 1" cnt="1 0" func="cnt" op="equ" val="1">
                            <dgm:alg type="cycle">
                              <dgm:param type="ctrShpMap" val="fNode"/>
                              <dgm:param type="stAng" val="180"/>
                            </dgm:alg>
                          </dgm:if>
                          <dgm:if name="Name308" axis="ch ch" ptType="node node" st="4 1" cnt="1 0" func="cnt" op="equ" val="2">
                            <dgm:alg type="cycle">
                              <dgm:param type="ctrShpMap" val="fNode"/>
                              <dgm:param type="stAng" val="135"/>
                              <dgm:param type="spanAng" val="90"/>
                            </dgm:alg>
                          </dgm:if>
                          <dgm:else name="Name309">
                            <dgm:alg type="cycle">
                              <dgm:param type="ctrShpMap" val="fNode"/>
                              <dgm:param type="stAng" val="0"/>
                              <dgm:param type="spanAng" val="360"/>
                            </dgm:alg>
                          </dgm:else>
                        </dgm:choose>
                      </dgm:if>
                      <dgm:if name="Name310" axis="ch" ptType="node" func="cnt" op="gte" val="7">
                        <dgm:choose name="Name311">
                          <dgm:if name="Name312" axis="ch ch" ptType="node node" st="4 1" cnt="1 0" func="cnt" op="equ" val="1">
                            <dgm:alg type="cycle">
                              <dgm:param type="ctrShpMap" val="fNode"/>
                              <dgm:param type="stAng" val="154"/>
                            </dgm:alg>
                          </dgm:if>
                          <dgm:if name="Name313" axis="ch ch" ptType="node node" st="4 1" cnt="1 0" func="cnt" op="equ" val="2">
                            <dgm:alg type="cycle">
                              <dgm:param type="ctrShpMap" val="fNode"/>
                              <dgm:param type="stAng" val="109"/>
                              <dgm:param type="spanAng" val="90"/>
                            </dgm:alg>
                          </dgm:if>
                          <dgm:else name="Name314">
                            <dgm:alg type="cycle">
                              <dgm:param type="ctrShpMap" val="fNode"/>
                              <dgm:param type="stAng" val="0"/>
                              <dgm:param type="spanAng" val="360"/>
                            </dgm:alg>
                          </dgm:else>
                        </dgm:choose>
                      </dgm:if>
                      <dgm:else name="Name315"/>
                    </dgm:choose>
                  </dgm:if>
                  <dgm:else name="Name316">
                    <dgm:choose name="Name317">
                      <dgm:if name="Name318" axis="ch" ptType="node" func="cnt" op="equ" val="4">
                        <dgm:choose name="Name319">
                          <dgm:if name="Name320" axis="ch ch" ptType="node node" st="4 1" cnt="1 0" func="cnt" op="equ" val="1">
                            <dgm:alg type="cycle">
                              <dgm:param type="ctrShpMap" val="fNode"/>
                              <dgm:param type="stAng" val="90"/>
                            </dgm:alg>
                          </dgm:if>
                          <dgm:if name="Name321" axis="ch ch" ptType="node node" st="4 1" cnt="1 0" func="cnt" op="equ" val="2">
                            <dgm:alg type="cycle">
                              <dgm:param type="ctrShpMap" val="fNode"/>
                              <dgm:param type="stAng" val="135"/>
                              <dgm:param type="spanAng" val="-90"/>
                            </dgm:alg>
                          </dgm:if>
                          <dgm:else name="Name322">
                            <dgm:alg type="cycle">
                              <dgm:param type="ctrShpMap" val="fNode"/>
                              <dgm:param type="stAng" val="157.5"/>
                              <dgm:param type="spanAng" val="-135"/>
                            </dgm:alg>
                          </dgm:else>
                        </dgm:choose>
                      </dgm:if>
                      <dgm:if name="Name323" axis="ch" ptType="node" func="cnt" op="equ" val="5">
                        <dgm:choose name="Name324">
                          <dgm:if name="Name325" axis="ch ch" ptType="node node" st="4 1" cnt="1 0" func="cnt" op="equ" val="1">
                            <dgm:alg type="cycle">
                              <dgm:param type="ctrShpMap" val="fNode"/>
                              <dgm:param type="stAng" val="144"/>
                            </dgm:alg>
                          </dgm:if>
                          <dgm:if name="Name326" axis="ch ch" ptType="node node" st="4 1" cnt="1 0" func="cnt" op="equ" val="2">
                            <dgm:alg type="cycle">
                              <dgm:param type="ctrShpMap" val="fNode"/>
                              <dgm:param type="stAng" val="189"/>
                              <dgm:param type="spanAng" val="-90"/>
                            </dgm:alg>
                          </dgm:if>
                          <dgm:else name="Name327">
                            <dgm:alg type="cycle">
                              <dgm:param type="ctrShpMap" val="fNode"/>
                              <dgm:param type="stAng" val="0"/>
                              <dgm:param type="spanAng" val="-360"/>
                            </dgm:alg>
                          </dgm:else>
                        </dgm:choose>
                      </dgm:if>
                      <dgm:if name="Name328" axis="ch" ptType="node" func="cnt" op="equ" val="6">
                        <dgm:choose name="Name329">
                          <dgm:if name="Name330" axis="ch ch" ptType="node node" st="4 1" cnt="1 0" func="cnt" op="equ" val="1">
                            <dgm:alg type="cycle">
                              <dgm:param type="ctrShpMap" val="fNode"/>
                              <dgm:param type="stAng" val="180"/>
                            </dgm:alg>
                          </dgm:if>
                          <dgm:if name="Name331" axis="ch ch" ptType="node node" st="4 1" cnt="1 0" func="cnt" op="equ" val="2">
                            <dgm:alg type="cycle">
                              <dgm:param type="ctrShpMap" val="fNode"/>
                              <dgm:param type="stAng" val="225"/>
                              <dgm:param type="spanAng" val="-90"/>
                            </dgm:alg>
                          </dgm:if>
                          <dgm:else name="Name332">
                            <dgm:alg type="cycle">
                              <dgm:param type="ctrShpMap" val="fNode"/>
                              <dgm:param type="stAng" val="0"/>
                              <dgm:param type="spanAng" val="-360"/>
                            </dgm:alg>
                          </dgm:else>
                        </dgm:choose>
                      </dgm:if>
                      <dgm:if name="Name333" axis="ch" ptType="node" func="cnt" op="gte" val="7">
                        <dgm:choose name="Name334">
                          <dgm:if name="Name335" axis="ch ch" ptType="node node" st="4 1" cnt="1 0" func="cnt" op="equ" val="1">
                            <dgm:alg type="cycle">
                              <dgm:param type="ctrShpMap" val="fNode"/>
                              <dgm:param type="stAng" val="205"/>
                            </dgm:alg>
                          </dgm:if>
                          <dgm:if name="Name336" axis="ch ch" ptType="node node" st="4 1" cnt="1 0" func="cnt" op="equ" val="2">
                            <dgm:alg type="cycle">
                              <dgm:param type="ctrShpMap" val="fNode"/>
                              <dgm:param type="stAng" val="250"/>
                              <dgm:param type="spanAng" val="-90"/>
                            </dgm:alg>
                          </dgm:if>
                          <dgm:else name="Name337">
                            <dgm:alg type="cycle">
                              <dgm:param type="ctrShpMap" val="fNode"/>
                              <dgm:param type="stAng" val="0"/>
                              <dgm:param type="spanAng" val="-360"/>
                            </dgm:alg>
                          </dgm:else>
                        </dgm:choose>
                      </dgm:if>
                      <dgm:else name="Name338"/>
                    </dgm:choose>
                  </dgm:else>
                </dgm:choose>
                <dgm:shape xmlns:r="http://schemas.openxmlformats.org/officeDocument/2006/relationships" r:blip="">
                  <dgm:adjLst/>
                </dgm:shape>
                <dgm:presOf/>
                <dgm:constrLst>
                  <dgm:constr type="sp" refType="w" fact="0.1"/>
                  <dgm:constr type="sibSp" refType="w" fact="0.1"/>
                </dgm:constrLst>
                <dgm:forEach name="Name339" axis="ch" ptType="node" st="4" cnt="1">
                  <dgm:layoutNode name="childCenter4"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340" axis="ch">
                    <dgm:forEach name="Name341" axis="self" ptType="parTrans">
                      <dgm:layoutNode name="Name342">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343" axis="self" ptType="node">
                      <dgm:layoutNode name="text4"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344" axis="ch" ptType="parTrans" st="4" cnt="1">
                <dgm:layoutNode name="Name345">
                  <dgm:alg type="conn">
                    <dgm:param type="dim" val="1D"/>
                    <dgm:param type="begPts" val="auto"/>
                    <dgm:param type="endPts" val="auto"/>
                    <dgm:param type="endSty" val="noArr"/>
                    <dgm:param type="srcNode" val="textCenter"/>
                    <dgm:param type="dstNode" val="childCenter4"/>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346"/>
          </dgm:choose>
          <dgm:choose name="Name347">
            <dgm:if name="Name348" axis="ch" ptType="node" func="cnt" op="gte" val="5">
              <dgm:layoutNode name="cycle_5">
                <dgm:choose name="Name349">
                  <dgm:if name="Name350" func="var" arg="dir" op="equ" val="norm">
                    <dgm:choose name="Name351">
                      <dgm:if name="Name352" axis="ch" ptType="node" func="cnt" op="equ" val="5">
                        <dgm:choose name="Name353">
                          <dgm:if name="Name354" axis="ch ch" ptType="node node" st="5 1" cnt="1 0" func="cnt" op="equ" val="1">
                            <dgm:alg type="cycle">
                              <dgm:param type="ctrShpMap" val="fNode"/>
                              <dgm:param type="stAng" val="288"/>
                            </dgm:alg>
                          </dgm:if>
                          <dgm:if name="Name355" axis="ch ch" ptType="node node" st="5 1" cnt="1 0" func="cnt" op="equ" val="2">
                            <dgm:alg type="cycle">
                              <dgm:param type="ctrShpMap" val="fNode"/>
                              <dgm:param type="stAng" val="243"/>
                              <dgm:param type="spanAng" val="90"/>
                            </dgm:alg>
                          </dgm:if>
                          <dgm:else name="Name356">
                            <dgm:alg type="cycle">
                              <dgm:param type="ctrShpMap" val="fNode"/>
                              <dgm:param type="stAng" val="0"/>
                              <dgm:param type="spanAng" val="360"/>
                            </dgm:alg>
                          </dgm:else>
                        </dgm:choose>
                      </dgm:if>
                      <dgm:if name="Name357" axis="ch" ptType="node" func="cnt" op="equ" val="6">
                        <dgm:choose name="Name358">
                          <dgm:if name="Name359" axis="ch ch" ptType="node node" st="5 1" cnt="1 0" func="cnt" op="equ" val="1">
                            <dgm:alg type="cycle">
                              <dgm:param type="ctrShpMap" val="fNode"/>
                              <dgm:param type="stAng" val="240"/>
                            </dgm:alg>
                          </dgm:if>
                          <dgm:if name="Name360" axis="ch ch" ptType="node node" st="5 1" cnt="1 0" func="cnt" op="equ" val="2">
                            <dgm:alg type="cycle">
                              <dgm:param type="ctrShpMap" val="fNode"/>
                              <dgm:param type="stAng" val="195"/>
                              <dgm:param type="spanAng" val="90"/>
                            </dgm:alg>
                          </dgm:if>
                          <dgm:else name="Name361">
                            <dgm:alg type="cycle">
                              <dgm:param type="ctrShpMap" val="fNode"/>
                              <dgm:param type="stAng" val="0"/>
                              <dgm:param type="spanAng" val="360"/>
                            </dgm:alg>
                          </dgm:else>
                        </dgm:choose>
                      </dgm:if>
                      <dgm:if name="Name362" axis="ch" ptType="node" func="cnt" op="gte" val="7">
                        <dgm:choose name="Name363">
                          <dgm:if name="Name364" axis="ch ch" ptType="node node" st="5 1" cnt="1 0" func="cnt" op="equ" val="1">
                            <dgm:alg type="cycle">
                              <dgm:param type="ctrShpMap" val="fNode"/>
                              <dgm:param type="stAng" val="205"/>
                            </dgm:alg>
                          </dgm:if>
                          <dgm:if name="Name365" axis="ch ch" ptType="node node" st="5 1" cnt="1 0" func="cnt" op="equ" val="2">
                            <dgm:alg type="cycle">
                              <dgm:param type="ctrShpMap" val="fNode"/>
                              <dgm:param type="stAng" val="160"/>
                              <dgm:param type="spanAng" val="90"/>
                            </dgm:alg>
                          </dgm:if>
                          <dgm:else name="Name366">
                            <dgm:alg type="cycle">
                              <dgm:param type="ctrShpMap" val="fNode"/>
                              <dgm:param type="stAng" val="0"/>
                              <dgm:param type="spanAng" val="360"/>
                            </dgm:alg>
                          </dgm:else>
                        </dgm:choose>
                      </dgm:if>
                      <dgm:else name="Name367"/>
                    </dgm:choose>
                  </dgm:if>
                  <dgm:else name="Name368">
                    <dgm:choose name="Name369">
                      <dgm:if name="Name370" axis="ch" ptType="node" func="cnt" op="equ" val="5">
                        <dgm:choose name="Name371">
                          <dgm:if name="Name372" axis="ch ch" ptType="node node" st="5 1" cnt="1 0" func="cnt" op="equ" val="1">
                            <dgm:alg type="cycle">
                              <dgm:param type="ctrShpMap" val="fNode"/>
                              <dgm:param type="stAng" val="72"/>
                            </dgm:alg>
                          </dgm:if>
                          <dgm:if name="Name373" axis="ch ch" ptType="node node" st="5 1" cnt="1 0" func="cnt" op="equ" val="2">
                            <dgm:alg type="cycle">
                              <dgm:param type="ctrShpMap" val="fNode"/>
                              <dgm:param type="stAng" val="117"/>
                              <dgm:param type="spanAng" val="-90"/>
                            </dgm:alg>
                          </dgm:if>
                          <dgm:else name="Name374">
                            <dgm:alg type="cycle">
                              <dgm:param type="ctrShpMap" val="fNode"/>
                              <dgm:param type="stAng" val="0"/>
                              <dgm:param type="spanAng" val="-360"/>
                            </dgm:alg>
                          </dgm:else>
                        </dgm:choose>
                      </dgm:if>
                      <dgm:if name="Name375" axis="ch" ptType="node" func="cnt" op="equ" val="6">
                        <dgm:choose name="Name376">
                          <dgm:if name="Name377" axis="ch ch" ptType="node node" st="5 1" cnt="1 0" func="cnt" op="equ" val="1">
                            <dgm:alg type="cycle">
                              <dgm:param type="ctrShpMap" val="fNode"/>
                              <dgm:param type="stAng" val="120"/>
                            </dgm:alg>
                          </dgm:if>
                          <dgm:if name="Name378" axis="ch ch" ptType="node node" st="5 1" cnt="1 0" func="cnt" op="equ" val="2">
                            <dgm:alg type="cycle">
                              <dgm:param type="ctrShpMap" val="fNode"/>
                              <dgm:param type="stAng" val="165"/>
                              <dgm:param type="spanAng" val="-90"/>
                            </dgm:alg>
                          </dgm:if>
                          <dgm:else name="Name379">
                            <dgm:alg type="cycle">
                              <dgm:param type="ctrShpMap" val="fNode"/>
                              <dgm:param type="stAng" val="0"/>
                              <dgm:param type="spanAng" val="-360"/>
                            </dgm:alg>
                          </dgm:else>
                        </dgm:choose>
                      </dgm:if>
                      <dgm:if name="Name380" axis="ch" ptType="node" func="cnt" op="gte" val="7">
                        <dgm:choose name="Name381">
                          <dgm:if name="Name382" axis="ch ch" ptType="node node" st="5 1" cnt="1 0" func="cnt" op="equ" val="1">
                            <dgm:alg type="cycle">
                              <dgm:param type="ctrShpMap" val="fNode"/>
                              <dgm:param type="stAng" val="154"/>
                            </dgm:alg>
                          </dgm:if>
                          <dgm:if name="Name383" axis="ch ch" ptType="node node" st="5 1" cnt="1 0" func="cnt" op="equ" val="2">
                            <dgm:alg type="cycle">
                              <dgm:param type="ctrShpMap" val="fNode"/>
                              <dgm:param type="stAng" val="199"/>
                              <dgm:param type="spanAng" val="-90"/>
                            </dgm:alg>
                          </dgm:if>
                          <dgm:else name="Name384">
                            <dgm:alg type="cycle">
                              <dgm:param type="ctrShpMap" val="fNode"/>
                              <dgm:param type="stAng" val="0"/>
                              <dgm:param type="spanAng" val="-360"/>
                            </dgm:alg>
                          </dgm:else>
                        </dgm:choose>
                      </dgm:if>
                      <dgm:else name="Name385"/>
                    </dgm:choose>
                  </dgm:else>
                </dgm:choose>
                <dgm:shape xmlns:r="http://schemas.openxmlformats.org/officeDocument/2006/relationships" r:blip="">
                  <dgm:adjLst/>
                </dgm:shape>
                <dgm:presOf/>
                <dgm:constrLst>
                  <dgm:constr type="sp" refType="w" fact="0.1"/>
                  <dgm:constr type="sibSp" refType="w" fact="0.1"/>
                </dgm:constrLst>
                <dgm:forEach name="Name386" axis="ch" ptType="node" st="5" cnt="1">
                  <dgm:layoutNode name="childCenter5"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387" axis="ch">
                    <dgm:forEach name="Name388" axis="self" ptType="parTrans">
                      <dgm:layoutNode name="Name389">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390" axis="self" ptType="node">
                      <dgm:layoutNode name="text5"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391" axis="ch" ptType="parTrans" st="5" cnt="1">
                <dgm:layoutNode name="Name392">
                  <dgm:alg type="conn">
                    <dgm:param type="dim" val="1D"/>
                    <dgm:param type="begPts" val="auto"/>
                    <dgm:param type="endPts" val="auto"/>
                    <dgm:param type="endSty" val="noArr"/>
                    <dgm:param type="srcNode" val="textCenter"/>
                    <dgm:param type="dstNode" val="childCenter5"/>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393"/>
          </dgm:choose>
          <dgm:choose name="Name394">
            <dgm:if name="Name395" axis="ch" ptType="node" func="cnt" op="gte" val="6">
              <dgm:layoutNode name="cycle_6">
                <dgm:choose name="Name396">
                  <dgm:if name="Name397" func="var" arg="dir" op="equ" val="norm">
                    <dgm:choose name="Name398">
                      <dgm:if name="Name399" axis="ch" ptType="node" func="cnt" op="equ" val="6">
                        <dgm:choose name="Name400">
                          <dgm:if name="Name401" axis="ch ch" ptType="node node" st="6 1" cnt="1 0" func="cnt" op="equ" val="1">
                            <dgm:alg type="cycle">
                              <dgm:param type="ctrShpMap" val="fNode"/>
                              <dgm:param type="stAng" val="300"/>
                            </dgm:alg>
                          </dgm:if>
                          <dgm:if name="Name402" axis="ch ch" ptType="node node" st="6 1" cnt="1 0" func="cnt" op="equ" val="2">
                            <dgm:alg type="cycle">
                              <dgm:param type="ctrShpMap" val="fNode"/>
                              <dgm:param type="stAng" val="255"/>
                              <dgm:param type="spanAng" val="90"/>
                            </dgm:alg>
                          </dgm:if>
                          <dgm:else name="Name403">
                            <dgm:alg type="cycle">
                              <dgm:param type="ctrShpMap" val="fNode"/>
                              <dgm:param type="stAng" val="0"/>
                              <dgm:param type="spanAng" val="360"/>
                            </dgm:alg>
                          </dgm:else>
                        </dgm:choose>
                      </dgm:if>
                      <dgm:if name="Name404" axis="ch" ptType="node" func="cnt" op="gte" val="7">
                        <dgm:choose name="Name405">
                          <dgm:if name="Name406" axis="ch ch" ptType="node node" st="6 1" cnt="1 0" func="cnt" op="equ" val="1">
                            <dgm:alg type="cycle">
                              <dgm:param type="ctrShpMap" val="fNode"/>
                              <dgm:param type="stAng" val="257"/>
                            </dgm:alg>
                          </dgm:if>
                          <dgm:if name="Name407" axis="ch ch" ptType="node node" st="6 1" cnt="1 0" func="cnt" op="equ" val="2">
                            <dgm:alg type="cycle">
                              <dgm:param type="ctrShpMap" val="fNode"/>
                              <dgm:param type="stAng" val="212"/>
                              <dgm:param type="spanAng" val="90"/>
                            </dgm:alg>
                          </dgm:if>
                          <dgm:else name="Name408">
                            <dgm:alg type="cycle">
                              <dgm:param type="ctrShpMap" val="fNode"/>
                              <dgm:param type="stAng" val="0"/>
                              <dgm:param type="spanAng" val="360"/>
                            </dgm:alg>
                          </dgm:else>
                        </dgm:choose>
                      </dgm:if>
                      <dgm:else name="Name409"/>
                    </dgm:choose>
                  </dgm:if>
                  <dgm:else name="Name410">
                    <dgm:choose name="Name411">
                      <dgm:if name="Name412" axis="ch" ptType="node" func="cnt" op="equ" val="6">
                        <dgm:choose name="Name413">
                          <dgm:if name="Name414" axis="ch ch" ptType="node node" st="6 1" cnt="1 0" func="cnt" op="equ" val="1">
                            <dgm:alg type="cycle">
                              <dgm:param type="ctrShpMap" val="fNode"/>
                              <dgm:param type="stAng" val="60"/>
                            </dgm:alg>
                          </dgm:if>
                          <dgm:if name="Name415" axis="ch ch" ptType="node node" st="6 1" cnt="1 0" func="cnt" op="equ" val="2">
                            <dgm:alg type="cycle">
                              <dgm:param type="ctrShpMap" val="fNode"/>
                              <dgm:param type="stAng" val="105"/>
                              <dgm:param type="spanAng" val="-90"/>
                            </dgm:alg>
                          </dgm:if>
                          <dgm:else name="Name416">
                            <dgm:alg type="cycle">
                              <dgm:param type="ctrShpMap" val="fNode"/>
                              <dgm:param type="stAng" val="0"/>
                              <dgm:param type="spanAng" val="-360"/>
                            </dgm:alg>
                          </dgm:else>
                        </dgm:choose>
                      </dgm:if>
                      <dgm:if name="Name417" axis="ch" ptType="node" func="cnt" op="gte" val="7">
                        <dgm:choose name="Name418">
                          <dgm:if name="Name419" axis="ch ch" ptType="node node" st="6 1" cnt="1 0" func="cnt" op="equ" val="1">
                            <dgm:alg type="cycle">
                              <dgm:param type="ctrShpMap" val="fNode"/>
                              <dgm:param type="stAng" val="102"/>
                            </dgm:alg>
                          </dgm:if>
                          <dgm:if name="Name420" axis="ch ch" ptType="node node" st="6 1" cnt="1 0" func="cnt" op="equ" val="2">
                            <dgm:alg type="cycle">
                              <dgm:param type="ctrShpMap" val="fNode"/>
                              <dgm:param type="stAng" val="147"/>
                              <dgm:param type="spanAng" val="-90"/>
                            </dgm:alg>
                          </dgm:if>
                          <dgm:else name="Name421">
                            <dgm:alg type="cycle">
                              <dgm:param type="ctrShpMap" val="fNode"/>
                              <dgm:param type="stAng" val="0"/>
                              <dgm:param type="spanAng" val="-360"/>
                            </dgm:alg>
                          </dgm:else>
                        </dgm:choose>
                      </dgm:if>
                      <dgm:else name="Name422"/>
                    </dgm:choose>
                  </dgm:else>
                </dgm:choose>
                <dgm:shape xmlns:r="http://schemas.openxmlformats.org/officeDocument/2006/relationships" r:blip="">
                  <dgm:adjLst/>
                </dgm:shape>
                <dgm:presOf/>
                <dgm:constrLst>
                  <dgm:constr type="sp" refType="w" fact="0.1"/>
                  <dgm:constr type="sibSp" refType="w" fact="0.1"/>
                </dgm:constrLst>
                <dgm:forEach name="Name423" axis="ch" ptType="node" st="6" cnt="1">
                  <dgm:layoutNode name="childCenter6"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424" axis="ch">
                    <dgm:forEach name="Name425" axis="self" ptType="parTrans">
                      <dgm:layoutNode name="Name426">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427" axis="self" ptType="node">
                      <dgm:layoutNode name="text6"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428" axis="ch" ptType="parTrans" st="6" cnt="1">
                <dgm:layoutNode name="Name429">
                  <dgm:alg type="conn">
                    <dgm:param type="dim" val="1D"/>
                    <dgm:param type="begPts" val="auto"/>
                    <dgm:param type="endPts" val="auto"/>
                    <dgm:param type="endSty" val="noArr"/>
                    <dgm:param type="srcNode" val="textCenter"/>
                    <dgm:param type="dstNode" val="childCenter6"/>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430"/>
          </dgm:choose>
          <dgm:choose name="Name431">
            <dgm:if name="Name432" axis="ch" ptType="node" func="cnt" op="gte" val="7">
              <dgm:layoutNode name="cycle_7">
                <dgm:choose name="Name433">
                  <dgm:if name="Name434" func="var" arg="dir" op="equ" val="norm">
                    <dgm:choose name="Name435">
                      <dgm:if name="Name436" axis="ch" ptType="node" func="cnt" op="gte" val="7">
                        <dgm:choose name="Name437">
                          <dgm:if name="Name438" axis="ch ch" ptType="node node" st="7 1" cnt="1 0" func="cnt" op="equ" val="1">
                            <dgm:alg type="cycle">
                              <dgm:param type="ctrShpMap" val="fNode"/>
                              <dgm:param type="stAng" val="308"/>
                            </dgm:alg>
                          </dgm:if>
                          <dgm:if name="Name439" axis="ch ch" ptType="node node" st="7 1" cnt="1 0" func="cnt" op="equ" val="2">
                            <dgm:alg type="cycle">
                              <dgm:param type="ctrShpMap" val="fNode"/>
                              <dgm:param type="stAng" val="263"/>
                              <dgm:param type="spanAng" val="90"/>
                            </dgm:alg>
                          </dgm:if>
                          <dgm:else name="Name440">
                            <dgm:alg type="cycle">
                              <dgm:param type="ctrShpMap" val="fNode"/>
                              <dgm:param type="stAng" val="0"/>
                              <dgm:param type="spanAng" val="360"/>
                            </dgm:alg>
                          </dgm:else>
                        </dgm:choose>
                      </dgm:if>
                      <dgm:else name="Name441"/>
                    </dgm:choose>
                  </dgm:if>
                  <dgm:else name="Name442">
                    <dgm:choose name="Name443">
                      <dgm:if name="Name444" axis="ch" ptType="node" func="cnt" op="gte" val="7">
                        <dgm:choose name="Name445">
                          <dgm:if name="Name446" axis="ch ch" ptType="node node" st="7 1" cnt="1 0" func="cnt" op="equ" val="1">
                            <dgm:alg type="cycle">
                              <dgm:param type="ctrShpMap" val="fNode"/>
                              <dgm:param type="stAng" val="51"/>
                            </dgm:alg>
                          </dgm:if>
                          <dgm:if name="Name447" axis="ch ch" ptType="node node" st="7 1" cnt="1 0" func="cnt" op="equ" val="2">
                            <dgm:alg type="cycle">
                              <dgm:param type="ctrShpMap" val="fNode"/>
                              <dgm:param type="stAng" val="96"/>
                              <dgm:param type="spanAng" val="-90"/>
                            </dgm:alg>
                          </dgm:if>
                          <dgm:else name="Name448">
                            <dgm:alg type="cycle">
                              <dgm:param type="ctrShpMap" val="fNode"/>
                              <dgm:param type="stAng" val="0"/>
                              <dgm:param type="spanAng" val="-360"/>
                            </dgm:alg>
                          </dgm:else>
                        </dgm:choose>
                      </dgm:if>
                      <dgm:else name="Name449"/>
                    </dgm:choose>
                  </dgm:else>
                </dgm:choose>
                <dgm:shape xmlns:r="http://schemas.openxmlformats.org/officeDocument/2006/relationships" r:blip="">
                  <dgm:adjLst/>
                </dgm:shape>
                <dgm:presOf/>
                <dgm:constrLst>
                  <dgm:constr type="sp" refType="w" fact="0.1"/>
                  <dgm:constr type="sibSp" refType="w" fact="0.1"/>
                </dgm:constrLst>
                <dgm:forEach name="Name450" axis="ch" ptType="node" st="7" cnt="1">
                  <dgm:layoutNode name="childCenter7"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451" axis="ch">
                    <dgm:forEach name="Name452" axis="self" ptType="parTrans">
                      <dgm:layoutNode name="Name453">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454" axis="self" ptType="node">
                      <dgm:layoutNode name="text7"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455" axis="ch" ptType="parTrans" st="7" cnt="1">
                <dgm:layoutNode name="Name456">
                  <dgm:alg type="conn">
                    <dgm:param type="dim" val="1D"/>
                    <dgm:param type="begPts" val="auto"/>
                    <dgm:param type="endPts" val="auto"/>
                    <dgm:param type="endSty" val="noArr"/>
                    <dgm:param type="srcNode" val="textCenter"/>
                    <dgm:param type="dstNode" val="childCenter7"/>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457"/>
          </dgm:choose>
        </dgm:else>
      </dgm:choose>
    </dgm:forEach>
  </dgm:layoutNode>
</dgm:layoutDef>
</file>

<file path=ppt/diagrams/layout11.xml><?xml version="1.0" encoding="utf-8"?>
<dgm:layoutDef xmlns:dgm="http://schemas.openxmlformats.org/drawingml/2006/diagram" xmlns:a="http://schemas.openxmlformats.org/drawingml/2006/main" uniqueId="urn:microsoft.com/office/officeart/2005/8/layout/cycle4">
  <dgm:title val=""/>
  <dgm:desc val=""/>
  <dgm:catLst>
    <dgm:cat type="relationship" pri="26000"/>
    <dgm:cat type="cycle" pri="13000"/>
    <dgm:cat type="matrix" pri="4000"/>
  </dgm:catLst>
  <dgm:sampData>
    <dgm:dataModel>
      <dgm:ptLst>
        <dgm:pt modelId="0" type="doc"/>
        <dgm:pt modelId="1">
          <dgm:prSet phldr="1"/>
        </dgm:pt>
        <dgm:pt modelId="11">
          <dgm:prSet phldr="1"/>
        </dgm:pt>
        <dgm:pt modelId="2">
          <dgm:prSet phldr="1"/>
        </dgm:pt>
        <dgm:pt modelId="21">
          <dgm:prSet phldr="1"/>
        </dgm:pt>
        <dgm:pt modelId="3">
          <dgm:prSet phldr="1"/>
        </dgm:pt>
        <dgm:pt modelId="31">
          <dgm:prSet phldr="1"/>
        </dgm:pt>
        <dgm:pt modelId="4">
          <dgm:prSet phldr="1"/>
        </dgm:pt>
        <dgm:pt modelId="41">
          <dgm:prSet phldr="1"/>
        </dgm:pt>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sampData>
  <dgm:style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cycleMatrixDiagram">
    <dgm:varLst>
      <dgm:chMax val="1"/>
      <dgm:dir/>
      <dgm:animLvl val="lvl"/>
      <dgm:resizeHandles val="exact"/>
    </dgm:varLst>
    <dgm:alg type="composite">
      <dgm:param type="ar" val="1.3"/>
    </dgm:alg>
    <dgm:shape xmlns:r="http://schemas.openxmlformats.org/officeDocument/2006/relationships" r:blip="">
      <dgm:adjLst/>
    </dgm:shape>
    <dgm:presOf/>
    <dgm:constrLst>
      <dgm:constr type="w" for="ch" forName="children" refType="w"/>
      <dgm:constr type="h" for="ch" forName="children" refType="w" refFor="ch" refForName="children" fact="0.77"/>
      <dgm:constr type="ctrX" for="ch" forName="children" refType="w" fact="0.5"/>
      <dgm:constr type="ctrY" for="ch" forName="children" refType="h" fact="0.5"/>
      <dgm:constr type="w" for="ch" forName="circle" refType="w"/>
      <dgm:constr type="h" for="ch" forName="circle" refType="h"/>
      <dgm:constr type="ctrX" for="ch" forName="circle" refType="w" fact="0.5"/>
      <dgm:constr type="ctrY" for="ch" forName="circle" refType="h" fact="0.5"/>
      <dgm:constr type="w" for="ch" forName="center1" refType="w" fact="0.115"/>
      <dgm:constr type="h" for="ch" forName="center1" refType="w" fact="0.1"/>
      <dgm:constr type="ctrX" for="ch" forName="center1" refType="w" fact="0.5"/>
      <dgm:constr type="ctrY" for="ch" forName="center1" refType="h" fact="0.475"/>
      <dgm:constr type="w" for="ch" forName="center2" refType="w" fact="0.115"/>
      <dgm:constr type="h" for="ch" forName="center2" refType="w" fact="0.1"/>
      <dgm:constr type="ctrX" for="ch" forName="center2" refType="w" fact="0.5"/>
      <dgm:constr type="ctrY" for="ch" forName="center2" refType="h" fact="0.525"/>
    </dgm:constrLst>
    <dgm:ruleLst/>
    <dgm:choose name="Name0">
      <dgm:if name="Name1" axis="ch" ptType="node" func="cnt" op="gte" val="1">
        <dgm:layoutNode name="children">
          <dgm:alg type="composite">
            <dgm:param type="ar" val="1.3"/>
          </dgm:alg>
          <dgm:shape xmlns:r="http://schemas.openxmlformats.org/officeDocument/2006/relationships" r:blip="">
            <dgm:adjLst/>
          </dgm:shape>
          <dgm:presOf/>
          <dgm:choose name="Name2">
            <dgm:if name="Name3" func="var" arg="dir" op="equ" val="norm">
              <dgm:constrLst>
                <dgm:constr type="primFontSz" for="des" ptType="node" op="equ" val="65"/>
                <dgm:constr type="w" for="ch" forName="child1group" refType="w" fact="0.38"/>
                <dgm:constr type="h" for="ch" forName="child1group" refType="h" fact="0.32"/>
                <dgm:constr type="t" for="ch" forName="child1group"/>
                <dgm:constr type="l" for="ch" forName="child1group"/>
                <dgm:constr type="w" for="ch" forName="child2group" refType="w" fact="0.38"/>
                <dgm:constr type="h" for="ch" forName="child2group" refType="h" fact="0.32"/>
                <dgm:constr type="t" for="ch" forName="child2group"/>
                <dgm:constr type="r" for="ch" forName="child2group" refType="w"/>
                <dgm:constr type="w" for="ch" forName="child3group" refType="w" fact="0.38"/>
                <dgm:constr type="h" for="ch" forName="child3group" refType="h" fact="0.32"/>
                <dgm:constr type="b" for="ch" forName="child3group" refType="h"/>
                <dgm:constr type="r" for="ch" forName="child3group" refType="w"/>
                <dgm:constr type="w" for="ch" forName="child4group" refType="w" fact="0.38"/>
                <dgm:constr type="h" for="ch" forName="child4group" refType="h" fact="0.32"/>
                <dgm:constr type="b" for="ch" forName="child4group" refType="h"/>
                <dgm:constr type="l" for="ch" forName="child4group"/>
              </dgm:constrLst>
            </dgm:if>
            <dgm:else name="Name4">
              <dgm:constrLst>
                <dgm:constr type="primFontSz" for="des" ptType="node" op="equ" val="65"/>
                <dgm:constr type="w" for="ch" forName="child1group" refType="w" fact="0.38"/>
                <dgm:constr type="h" for="ch" forName="child1group" refType="h" fact="0.32"/>
                <dgm:constr type="t" for="ch" forName="child1group"/>
                <dgm:constr type="r" for="ch" forName="child1group" refType="w"/>
                <dgm:constr type="w" for="ch" forName="child2group" refType="w" fact="0.38"/>
                <dgm:constr type="h" for="ch" forName="child2group" refType="h" fact="0.32"/>
                <dgm:constr type="t" for="ch" forName="child2group"/>
                <dgm:constr type="l" for="ch" forName="child2group"/>
                <dgm:constr type="w" for="ch" forName="child3group" refType="w" fact="0.38"/>
                <dgm:constr type="h" for="ch" forName="child3group" refType="h" fact="0.32"/>
                <dgm:constr type="b" for="ch" forName="child3group" refType="h"/>
                <dgm:constr type="l" for="ch" forName="child3group"/>
                <dgm:constr type="w" for="ch" forName="child4group" refType="w" fact="0.38"/>
                <dgm:constr type="h" for="ch" forName="child4group" refType="h" fact="0.32"/>
                <dgm:constr type="b" for="ch" forName="child4group" refType="h"/>
                <dgm:constr type="r" for="ch" forName="child4group" refType="w"/>
              </dgm:constrLst>
            </dgm:else>
          </dgm:choose>
          <dgm:ruleLst/>
          <dgm:choose name="Name5">
            <dgm:if name="Name6" axis="ch ch" ptType="node node" st="1 1" cnt="1 0" func="cnt" op="gte" val="1">
              <dgm:layoutNode name="child1group">
                <dgm:alg type="composite">
                  <dgm:param type="horzAlign" val="none"/>
                  <dgm:param type="vertAlign" val="none"/>
                </dgm:alg>
                <dgm:shape xmlns:r="http://schemas.openxmlformats.org/officeDocument/2006/relationships" r:blip="">
                  <dgm:adjLst/>
                </dgm:shape>
                <dgm:presOf/>
                <dgm:choose name="Name7">
                  <dgm:if name="Name8" func="var" arg="dir" op="equ" val="norm">
                    <dgm:constrLst>
                      <dgm:constr type="w" for="ch" forName="child1" refType="w"/>
                      <dgm:constr type="h" for="ch" forName="child1" refType="h"/>
                      <dgm:constr type="t" for="ch" forName="child1"/>
                      <dgm:constr type="l" for="ch" forName="child1"/>
                      <dgm:constr type="w" for="ch" forName="child1Text" refType="w" fact="0.7"/>
                      <dgm:constr type="h" for="ch" forName="child1Text" refType="h" fact="0.75"/>
                      <dgm:constr type="t" for="ch" forName="child1Text"/>
                      <dgm:constr type="l" for="ch" forName="child1Text"/>
                    </dgm:constrLst>
                  </dgm:if>
                  <dgm:else name="Name9">
                    <dgm:constrLst>
                      <dgm:constr type="w" for="ch" forName="child1" refType="w"/>
                      <dgm:constr type="h" for="ch" forName="child1" refType="h"/>
                      <dgm:constr type="t" for="ch" forName="child1"/>
                      <dgm:constr type="r" for="ch" forName="child1" refType="w"/>
                      <dgm:constr type="w" for="ch" forName="child1Text" refType="w" fact="0.7"/>
                      <dgm:constr type="h" for="ch" forName="child1Text" refType="h" fact="0.75"/>
                      <dgm:constr type="t" for="ch" forName="child1Text"/>
                      <dgm:constr type="r" for="ch" forName="child1Text" refType="w"/>
                    </dgm:constrLst>
                  </dgm:else>
                </dgm:choose>
                <dgm:ruleLst/>
                <dgm:layoutNode name="child1" styleLbl="bgAcc1">
                  <dgm:alg type="sp"/>
                  <dgm:shape xmlns:r="http://schemas.openxmlformats.org/officeDocument/2006/relationships" type="roundRect" r:blip="" zOrderOff="-2">
                    <dgm:adjLst>
                      <dgm:adj idx="1" val="0.1"/>
                    </dgm:adjLst>
                  </dgm:shape>
                  <dgm:presOf axis="ch des" ptType="node node" st="1 1" cnt="1 0"/>
                  <dgm:constrLst/>
                  <dgm:ruleLst/>
                </dgm:layoutNode>
                <dgm:layoutNode name="child1Text" styleLbl="bgAcc1">
                  <dgm:varLst>
                    <dgm:bulletEnabled val="1"/>
                  </dgm:varLst>
                  <dgm:alg type="tx">
                    <dgm:param type="stBulletLvl" val="1"/>
                  </dgm:alg>
                  <dgm:shape xmlns:r="http://schemas.openxmlformats.org/officeDocument/2006/relationships" type="roundRect" r:blip="" zOrderOff="-2" hideGeom="1">
                    <dgm:adjLst>
                      <dgm:adj idx="1" val="0.1"/>
                    </dgm:adjLst>
                  </dgm:shape>
                  <dgm:presOf axis="ch des" ptType="node node" st="1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if>
            <dgm:else name="Name10"/>
          </dgm:choose>
          <dgm:choose name="Name11">
            <dgm:if name="Name12" axis="ch ch" ptType="node node" st="2 1" cnt="1 0" func="cnt" op="gte" val="1">
              <dgm:layoutNode name="child2group">
                <dgm:alg type="composite">
                  <dgm:param type="horzAlign" val="none"/>
                  <dgm:param type="vertAlign" val="none"/>
                </dgm:alg>
                <dgm:shape xmlns:r="http://schemas.openxmlformats.org/officeDocument/2006/relationships" r:blip="">
                  <dgm:adjLst/>
                </dgm:shape>
                <dgm:choose name="Name13">
                  <dgm:if name="Name14" func="var" arg="dir" op="equ" val="norm">
                    <dgm:constrLst>
                      <dgm:constr type="w" for="ch" forName="child2" refType="w"/>
                      <dgm:constr type="h" for="ch" forName="child2" refType="h"/>
                      <dgm:constr type="t" for="ch" forName="child2"/>
                      <dgm:constr type="r" for="ch" forName="child2" refType="w"/>
                      <dgm:constr type="w" for="ch" forName="child2Text" refType="w" fact="0.7"/>
                      <dgm:constr type="h" for="ch" forName="child2Text" refType="h" fact="0.75"/>
                      <dgm:constr type="t" for="ch" forName="child2Text"/>
                      <dgm:constr type="r" for="ch" forName="child2Text" refType="w"/>
                    </dgm:constrLst>
                  </dgm:if>
                  <dgm:else name="Name15">
                    <dgm:constrLst>
                      <dgm:constr type="w" for="ch" forName="child2" refType="w"/>
                      <dgm:constr type="h" for="ch" forName="child2" refType="h"/>
                      <dgm:constr type="t" for="ch" forName="child2"/>
                      <dgm:constr type="l" for="ch" forName="child2"/>
                      <dgm:constr type="w" for="ch" forName="child2Text" refType="w" fact="0.7"/>
                      <dgm:constr type="h" for="ch" forName="child2Text" refType="h" fact="0.75"/>
                      <dgm:constr type="t" for="ch" forName="child2Text"/>
                      <dgm:constr type="l" for="ch" forName="child2Text"/>
                    </dgm:constrLst>
                  </dgm:else>
                </dgm:choose>
                <dgm:ruleLst/>
                <dgm:layoutNode name="child2" styleLbl="bgAcc1">
                  <dgm:alg type="sp"/>
                  <dgm:shape xmlns:r="http://schemas.openxmlformats.org/officeDocument/2006/relationships" type="roundRect" r:blip="" zOrderOff="-2">
                    <dgm:adjLst>
                      <dgm:adj idx="1" val="0.1"/>
                    </dgm:adjLst>
                  </dgm:shape>
                  <dgm:presOf axis="ch des" ptType="node node" st="2 1" cnt="1 0"/>
                  <dgm:constrLst/>
                  <dgm:ruleLst/>
                </dgm:layoutNode>
                <dgm:layoutNode name="child2Text" styleLbl="bgAcc1">
                  <dgm:varLst>
                    <dgm:bulletEnabled val="1"/>
                  </dgm:varLst>
                  <dgm:alg type="tx">
                    <dgm:param type="stBulletLvl" val="1"/>
                  </dgm:alg>
                  <dgm:shape xmlns:r="http://schemas.openxmlformats.org/officeDocument/2006/relationships" type="roundRect" r:blip="" zOrderOff="-2" hideGeom="1">
                    <dgm:adjLst>
                      <dgm:adj idx="1" val="0.1"/>
                    </dgm:adjLst>
                  </dgm:shape>
                  <dgm:presOf axis="ch des" ptType="node node" st="2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if>
            <dgm:else name="Name16"/>
          </dgm:choose>
          <dgm:choose name="Name17">
            <dgm:if name="Name18" axis="ch ch" ptType="node node" st="3 1" cnt="1 0" func="cnt" op="gte" val="1">
              <dgm:layoutNode name="child3group">
                <dgm:alg type="composite">
                  <dgm:param type="horzAlign" val="none"/>
                  <dgm:param type="vertAlign" val="none"/>
                </dgm:alg>
                <dgm:shape xmlns:r="http://schemas.openxmlformats.org/officeDocument/2006/relationships" r:blip="">
                  <dgm:adjLst/>
                </dgm:shape>
                <dgm:presOf/>
                <dgm:choose name="Name19">
                  <dgm:if name="Name20" func="var" arg="dir" op="equ" val="norm">
                    <dgm:constrLst>
                      <dgm:constr type="w" for="ch" forName="child3" refType="w"/>
                      <dgm:constr type="h" for="ch" forName="child3" refType="h"/>
                      <dgm:constr type="b" for="ch" forName="child3" refType="h"/>
                      <dgm:constr type="r" for="ch" forName="child3" refType="w"/>
                      <dgm:constr type="w" for="ch" forName="child3Text" refType="w" fact="0.7"/>
                      <dgm:constr type="h" for="ch" forName="child3Text" refType="h" fact="0.75"/>
                      <dgm:constr type="b" for="ch" forName="child3Text" refType="h"/>
                      <dgm:constr type="r" for="ch" forName="child3Text" refType="w"/>
                    </dgm:constrLst>
                  </dgm:if>
                  <dgm:else name="Name21">
                    <dgm:constrLst>
                      <dgm:constr type="w" for="ch" forName="child3" refType="w"/>
                      <dgm:constr type="h" for="ch" forName="child3" refType="h"/>
                      <dgm:constr type="b" for="ch" forName="child3" refType="h"/>
                      <dgm:constr type="l" for="ch" forName="child3"/>
                      <dgm:constr type="w" for="ch" forName="child3Text" refType="w" fact="0.7"/>
                      <dgm:constr type="h" for="ch" forName="child3Text" refType="h" fact="0.75"/>
                      <dgm:constr type="b" for="ch" forName="child3Text" refType="h"/>
                      <dgm:constr type="l" for="ch" forName="child3Text"/>
                    </dgm:constrLst>
                  </dgm:else>
                </dgm:choose>
                <dgm:ruleLst/>
                <dgm:layoutNode name="child3" styleLbl="bgAcc1">
                  <dgm:alg type="sp"/>
                  <dgm:shape xmlns:r="http://schemas.openxmlformats.org/officeDocument/2006/relationships" type="roundRect" r:blip="" zOrderOff="-4">
                    <dgm:adjLst>
                      <dgm:adj idx="1" val="0.1"/>
                    </dgm:adjLst>
                  </dgm:shape>
                  <dgm:presOf axis="ch des" ptType="node node" st="3 1" cnt="1 0"/>
                  <dgm:constrLst/>
                  <dgm:ruleLst/>
                </dgm:layoutNode>
                <dgm:layoutNode name="child3Text" styleLbl="bgAcc1">
                  <dgm:varLst>
                    <dgm:bulletEnabled val="1"/>
                  </dgm:varLst>
                  <dgm:alg type="tx">
                    <dgm:param type="stBulletLvl" val="1"/>
                  </dgm:alg>
                  <dgm:shape xmlns:r="http://schemas.openxmlformats.org/officeDocument/2006/relationships" type="roundRect" r:blip="" zOrderOff="-4" hideGeom="1">
                    <dgm:adjLst>
                      <dgm:adj idx="1" val="0.1"/>
                    </dgm:adjLst>
                  </dgm:shape>
                  <dgm:presOf axis="ch des" ptType="node node" st="3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if>
            <dgm:else name="Name22"/>
          </dgm:choose>
          <dgm:choose name="Name23">
            <dgm:if name="Name24" axis="ch ch" ptType="node node" st="4 1" cnt="1 0" func="cnt" op="gte" val="1">
              <dgm:layoutNode name="child4group">
                <dgm:alg type="composite">
                  <dgm:param type="horzAlign" val="none"/>
                  <dgm:param type="vertAlign" val="none"/>
                </dgm:alg>
                <dgm:shape xmlns:r="http://schemas.openxmlformats.org/officeDocument/2006/relationships" r:blip="">
                  <dgm:adjLst/>
                </dgm:shape>
                <dgm:presOf/>
                <dgm:choose name="Name25">
                  <dgm:if name="Name26" func="var" arg="dir" op="equ" val="norm">
                    <dgm:constrLst>
                      <dgm:constr type="w" for="ch" forName="child4" refType="w"/>
                      <dgm:constr type="h" for="ch" forName="child4" refType="h"/>
                      <dgm:constr type="b" for="ch" forName="child4" refType="h"/>
                      <dgm:constr type="l" for="ch" forName="child4"/>
                      <dgm:constr type="w" for="ch" forName="child4Text" refType="w" fact="0.7"/>
                      <dgm:constr type="h" for="ch" forName="child4Text" refType="h" fact="0.75"/>
                      <dgm:constr type="b" for="ch" forName="child4Text" refType="h"/>
                      <dgm:constr type="l" for="ch" forName="child4Text"/>
                    </dgm:constrLst>
                  </dgm:if>
                  <dgm:else name="Name27">
                    <dgm:constrLst>
                      <dgm:constr type="w" for="ch" forName="child4" refType="w"/>
                      <dgm:constr type="h" for="ch" forName="child4" refType="h"/>
                      <dgm:constr type="b" for="ch" forName="child4" refType="h"/>
                      <dgm:constr type="r" for="ch" forName="child4" refType="w"/>
                      <dgm:constr type="w" for="ch" forName="child4Text" refType="w" fact="0.7"/>
                      <dgm:constr type="h" for="ch" forName="child4Text" refType="h" fact="0.75"/>
                      <dgm:constr type="b" for="ch" forName="child4Text" refType="h"/>
                      <dgm:constr type="r" for="ch" forName="child4Text" refType="w"/>
                    </dgm:constrLst>
                  </dgm:else>
                </dgm:choose>
                <dgm:ruleLst/>
                <dgm:layoutNode name="child4" styleLbl="bgAcc1">
                  <dgm:alg type="sp"/>
                  <dgm:shape xmlns:r="http://schemas.openxmlformats.org/officeDocument/2006/relationships" type="roundRect" r:blip="" zOrderOff="-4">
                    <dgm:adjLst>
                      <dgm:adj idx="1" val="0.1"/>
                    </dgm:adjLst>
                  </dgm:shape>
                  <dgm:presOf axis="ch des" ptType="node node" st="4 1" cnt="1 0"/>
                  <dgm:constrLst/>
                  <dgm:ruleLst/>
                </dgm:layoutNode>
                <dgm:layoutNode name="child4Text" styleLbl="bgAcc1">
                  <dgm:varLst>
                    <dgm:bulletEnabled val="1"/>
                  </dgm:varLst>
                  <dgm:alg type="tx">
                    <dgm:param type="stBulletLvl" val="1"/>
                  </dgm:alg>
                  <dgm:shape xmlns:r="http://schemas.openxmlformats.org/officeDocument/2006/relationships" type="roundRect" r:blip="" zOrderOff="-4" hideGeom="1">
                    <dgm:adjLst>
                      <dgm:adj idx="1" val="0.1"/>
                    </dgm:adjLst>
                  </dgm:shape>
                  <dgm:presOf axis="ch des" ptType="node node" st="4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if>
            <dgm:else name="Name28"/>
          </dgm:choose>
          <dgm:layoutNode name="childPlaceholder">
            <dgm:alg type="sp"/>
            <dgm:shape xmlns:r="http://schemas.openxmlformats.org/officeDocument/2006/relationships" r:blip="">
              <dgm:adjLst/>
            </dgm:shape>
            <dgm:presOf/>
            <dgm:constrLst/>
            <dgm:ruleLst/>
          </dgm:layoutNode>
        </dgm:layoutNode>
        <dgm:layoutNode name="circle">
          <dgm:alg type="composite">
            <dgm:param type="ar" val="1"/>
          </dgm:alg>
          <dgm:shape xmlns:r="http://schemas.openxmlformats.org/officeDocument/2006/relationships" r:blip="">
            <dgm:adjLst/>
          </dgm:shape>
          <dgm:presOf/>
          <dgm:choose name="Name29">
            <dgm:if name="Name30" func="var" arg="dir" op="equ" val="norm">
              <dgm:constrLst>
                <dgm:constr type="primFontSz" for="ch" ptType="node" op="equ" val="65"/>
                <dgm:constr type="w" for="ch" forName="quadrant1" refType="w" fact="0.433"/>
                <dgm:constr type="h" for="ch" forName="quadrant1" refType="h" fact="0.433"/>
                <dgm:constr type="b" for="ch" forName="quadrant1" refType="h" fact="0.5"/>
                <dgm:constr type="bOff" for="ch" forName="quadrant1" refType="h" fact="-0.01"/>
                <dgm:constr type="r" for="ch" forName="quadrant1" refType="w" fact="0.5"/>
                <dgm:constr type="rOff" for="ch" forName="quadrant1" refType="w" fact="-0.01"/>
                <dgm:constr type="w" for="ch" forName="quadrant2" refType="w" fact="0.433"/>
                <dgm:constr type="h" for="ch" forName="quadrant2" refType="h" fact="0.433"/>
                <dgm:constr type="b" for="ch" forName="quadrant2" refType="h" fact="0.5"/>
                <dgm:constr type="bOff" for="ch" forName="quadrant2" refType="h" fact="-0.01"/>
                <dgm:constr type="l" for="ch" forName="quadrant2" refType="w" fact="0.5"/>
                <dgm:constr type="lOff" for="ch" forName="quadrant2" refType="w" fact="0.01"/>
                <dgm:constr type="w" for="ch" forName="quadrant3" refType="w" fact="0.433"/>
                <dgm:constr type="h" for="ch" forName="quadrant3" refType="h" fact="0.433"/>
                <dgm:constr type="t" for="ch" forName="quadrant3" refType="h" fact="0.5"/>
                <dgm:constr type="tOff" for="ch" forName="quadrant3" refType="h" fact="0.01"/>
                <dgm:constr type="l" for="ch" forName="quadrant3" refType="w" fact="0.5"/>
                <dgm:constr type="lOff" for="ch" forName="quadrant3" refType="w" fact="0.01"/>
                <dgm:constr type="w" for="ch" forName="quadrant4" refType="w" fact="0.433"/>
                <dgm:constr type="h" for="ch" forName="quadrant4" refType="h" fact="0.433"/>
                <dgm:constr type="t" for="ch" forName="quadrant4" refType="h" fact="0.5"/>
                <dgm:constr type="tOff" for="ch" forName="quadrant4" refType="h" fact="0.01"/>
                <dgm:constr type="r" for="ch" forName="quadrant4" refType="w" fact="0.5"/>
                <dgm:constr type="rOff" for="ch" forName="quadrant4" refType="w" fact="-0.01"/>
              </dgm:constrLst>
            </dgm:if>
            <dgm:else name="Name31">
              <dgm:constrLst>
                <dgm:constr type="primFontSz" for="ch" ptType="node" op="equ" val="65"/>
                <dgm:constr type="w" for="ch" forName="quadrant1" refType="w" fact="0.433"/>
                <dgm:constr type="h" for="ch" forName="quadrant1" refType="h" fact="0.433"/>
                <dgm:constr type="b" for="ch" forName="quadrant1" refType="h" fact="0.5"/>
                <dgm:constr type="bOff" for="ch" forName="quadrant1" refType="h" fact="-0.01"/>
                <dgm:constr type="l" for="ch" forName="quadrant1" refType="w" fact="0.5"/>
                <dgm:constr type="lOff" for="ch" forName="quadrant1" refType="w" fact="0.01"/>
                <dgm:constr type="w" for="ch" forName="quadrant2" refType="w" fact="0.433"/>
                <dgm:constr type="h" for="ch" forName="quadrant2" refType="h" fact="0.433"/>
                <dgm:constr type="b" for="ch" forName="quadrant2" refType="h" fact="0.5"/>
                <dgm:constr type="bOff" for="ch" forName="quadrant2" refType="h" fact="-0.01"/>
                <dgm:constr type="r" for="ch" forName="quadrant2" refType="w" fact="0.5"/>
                <dgm:constr type="rOff" for="ch" forName="quadrant2" refType="w" fact="-0.01"/>
                <dgm:constr type="w" for="ch" forName="quadrant3" refType="w" fact="0.433"/>
                <dgm:constr type="h" for="ch" forName="quadrant3" refType="h" fact="0.433"/>
                <dgm:constr type="t" for="ch" forName="quadrant3" refType="h" fact="0.5"/>
                <dgm:constr type="tOff" for="ch" forName="quadrant3" refType="h" fact="0.01"/>
                <dgm:constr type="r" for="ch" forName="quadrant3" refType="w" fact="0.5"/>
                <dgm:constr type="rOff" for="ch" forName="quadrant3" refType="w" fact="-0.01"/>
                <dgm:constr type="w" for="ch" forName="quadrant4" refType="w" fact="0.433"/>
                <dgm:constr type="h" for="ch" forName="quadrant4" refType="h" fact="0.433"/>
                <dgm:constr type="t" for="ch" forName="quadrant4" refType="h" fact="0.5"/>
                <dgm:constr type="tOff" for="ch" forName="quadrant4" refType="h" fact="0.01"/>
                <dgm:constr type="l" for="ch" forName="quadrant4" refType="w" fact="0.5"/>
                <dgm:constr type="lOff" for="ch" forName="quadrant4" refType="w" fact="0.01"/>
              </dgm:constrLst>
            </dgm:else>
          </dgm:choose>
          <dgm:ruleLst/>
          <dgm:layoutNode name="quadrant1" styleLbl="node1">
            <dgm:varLst>
              <dgm:chMax val="1"/>
              <dgm:bulletEnabled val="1"/>
            </dgm:varLst>
            <dgm:alg type="tx"/>
            <dgm:choose name="Name32">
              <dgm:if name="Name33" func="var" arg="dir" op="equ" val="norm">
                <dgm:shape xmlns:r="http://schemas.openxmlformats.org/officeDocument/2006/relationships" type="pieWedge" r:blip="">
                  <dgm:adjLst/>
                </dgm:shape>
              </dgm:if>
              <dgm:else name="Name34">
                <dgm:shape xmlns:r="http://schemas.openxmlformats.org/officeDocument/2006/relationships" rot="90" type="pieWedge" r:blip="">
                  <dgm:adjLst/>
                </dgm:shape>
              </dgm:else>
            </dgm:choose>
            <dgm:presOf axis="ch" ptType="node" cnt="1"/>
            <dgm:constrLst/>
            <dgm:ruleLst>
              <dgm:rule type="primFontSz" val="5" fact="NaN" max="NaN"/>
            </dgm:ruleLst>
          </dgm:layoutNode>
          <dgm:layoutNode name="quadrant2" styleLbl="node1">
            <dgm:varLst>
              <dgm:chMax val="1"/>
              <dgm:bulletEnabled val="1"/>
            </dgm:varLst>
            <dgm:alg type="tx"/>
            <dgm:choose name="Name35">
              <dgm:if name="Name36" func="var" arg="dir" op="equ" val="norm">
                <dgm:shape xmlns:r="http://schemas.openxmlformats.org/officeDocument/2006/relationships" rot="90" type="pieWedge" r:blip="">
                  <dgm:adjLst/>
                </dgm:shape>
              </dgm:if>
              <dgm:else name="Name37">
                <dgm:shape xmlns:r="http://schemas.openxmlformats.org/officeDocument/2006/relationships" type="pieWedge" r:blip="">
                  <dgm:adjLst/>
                </dgm:shape>
              </dgm:else>
            </dgm:choose>
            <dgm:presOf axis="ch" ptType="node" st="2" cnt="1"/>
            <dgm:constrLst/>
            <dgm:ruleLst>
              <dgm:rule type="primFontSz" val="5" fact="NaN" max="NaN"/>
            </dgm:ruleLst>
          </dgm:layoutNode>
          <dgm:layoutNode name="quadrant3" styleLbl="node1">
            <dgm:varLst>
              <dgm:chMax val="1"/>
              <dgm:bulletEnabled val="1"/>
            </dgm:varLst>
            <dgm:alg type="tx"/>
            <dgm:choose name="Name38">
              <dgm:if name="Name39" func="var" arg="dir" op="equ" val="norm">
                <dgm:shape xmlns:r="http://schemas.openxmlformats.org/officeDocument/2006/relationships" rot="180" type="pieWedge" r:blip="">
                  <dgm:adjLst/>
                </dgm:shape>
              </dgm:if>
              <dgm:else name="Name40">
                <dgm:shape xmlns:r="http://schemas.openxmlformats.org/officeDocument/2006/relationships" rot="270" type="pieWedge" r:blip="">
                  <dgm:adjLst/>
                </dgm:shape>
              </dgm:else>
            </dgm:choose>
            <dgm:presOf axis="ch" ptType="node" st="3" cnt="1"/>
            <dgm:constrLst/>
            <dgm:ruleLst>
              <dgm:rule type="primFontSz" val="5" fact="NaN" max="NaN"/>
            </dgm:ruleLst>
          </dgm:layoutNode>
          <dgm:layoutNode name="quadrant4" styleLbl="node1">
            <dgm:varLst>
              <dgm:chMax val="1"/>
              <dgm:bulletEnabled val="1"/>
            </dgm:varLst>
            <dgm:alg type="tx"/>
            <dgm:choose name="Name41">
              <dgm:if name="Name42" func="var" arg="dir" op="equ" val="norm">
                <dgm:shape xmlns:r="http://schemas.openxmlformats.org/officeDocument/2006/relationships" rot="270" type="pieWedge" r:blip="">
                  <dgm:adjLst/>
                </dgm:shape>
              </dgm:if>
              <dgm:else name="Name43">
                <dgm:shape xmlns:r="http://schemas.openxmlformats.org/officeDocument/2006/relationships" rot="180" type="pieWedge" r:blip="">
                  <dgm:adjLst/>
                </dgm:shape>
              </dgm:else>
            </dgm:choose>
            <dgm:presOf axis="ch" ptType="node" st="4" cnt="1"/>
            <dgm:constrLst/>
            <dgm:ruleLst>
              <dgm:rule type="primFontSz" val="5" fact="NaN" max="NaN"/>
            </dgm:ruleLst>
          </dgm:layoutNode>
          <dgm:layoutNode name="quadrantPlaceholder">
            <dgm:alg type="sp"/>
            <dgm:shape xmlns:r="http://schemas.openxmlformats.org/officeDocument/2006/relationships" r:blip="">
              <dgm:adjLst/>
            </dgm:shape>
            <dgm:presOf/>
            <dgm:constrLst/>
            <dgm:ruleLst/>
          </dgm:layoutNode>
        </dgm:layoutNode>
        <dgm:layoutNode name="center1" styleLbl="fgShp">
          <dgm:alg type="sp"/>
          <dgm:choose name="Name44">
            <dgm:if name="Name45" func="var" arg="dir" op="equ" val="norm">
              <dgm:shape xmlns:r="http://schemas.openxmlformats.org/officeDocument/2006/relationships" type="circularArrow" r:blip="" zOrderOff="16">
                <dgm:adjLst/>
              </dgm:shape>
            </dgm:if>
            <dgm:else name="Name46">
              <dgm:shape xmlns:r="http://schemas.openxmlformats.org/officeDocument/2006/relationships" rot="180" type="leftCircularArrow" r:blip="" zOrderOff="16">
                <dgm:adjLst/>
              </dgm:shape>
            </dgm:else>
          </dgm:choose>
          <dgm:presOf/>
          <dgm:constrLst/>
          <dgm:ruleLst/>
        </dgm:layoutNode>
        <dgm:layoutNode name="center2" styleLbl="fgShp">
          <dgm:alg type="sp"/>
          <dgm:choose name="Name47">
            <dgm:if name="Name48" func="var" arg="dir" op="equ" val="norm">
              <dgm:shape xmlns:r="http://schemas.openxmlformats.org/officeDocument/2006/relationships" rot="180" type="circularArrow" r:blip="" zOrderOff="16">
                <dgm:adjLst/>
              </dgm:shape>
            </dgm:if>
            <dgm:else name="Name49">
              <dgm:shape xmlns:r="http://schemas.openxmlformats.org/officeDocument/2006/relationships" type="leftCircularArrow" r:blip="" zOrderOff="16">
                <dgm:adjLst/>
              </dgm:shape>
            </dgm:else>
          </dgm:choose>
          <dgm:presOf/>
          <dgm:constrLst/>
          <dgm:ruleLst/>
        </dgm:layoutNode>
      </dgm:if>
      <dgm:else name="Name50"/>
    </dgm:choose>
  </dgm:layoutNode>
</dgm:layoutDef>
</file>

<file path=ppt/diagrams/layout12.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13.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hProcess11">
  <dgm:title val=""/>
  <dgm:desc val=""/>
  <dgm:catLst>
    <dgm:cat type="process" pri="8000"/>
    <dgm:cat type="convert" pri="14000"/>
  </dgm:catLst>
  <dgm:sampData useDef="1">
    <dgm:dataModel>
      <dgm:pt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hoose name="Name1">
      <dgm:if name="Name2" func="var" arg="dir" op="equ" val="norm">
        <dgm:constrLst>
          <dgm:constr type="w" for="ch" forName="arrow" refType="w"/>
          <dgm:constr type="h" for="ch" forName="arrow" refType="h" fact="0.4"/>
          <dgm:constr type="ctrY" for="ch" forName="arrow" refType="h" fact="0.5"/>
          <dgm:constr type="l" for="ch" forName="arrow"/>
          <dgm:constr type="w" for="ch" forName="points" refType="w" fact="0.9"/>
          <dgm:constr type="h" for="ch" forName="points" refType="h"/>
          <dgm:constr type="t" for="ch" forName="points"/>
          <dgm:constr type="l" for="ch" forName="points"/>
        </dgm:constrLst>
      </dgm:if>
      <dgm:else name="Name3">
        <dgm:constrLst>
          <dgm:constr type="w" for="ch" forName="arrow" refType="w"/>
          <dgm:constr type="h" for="ch" forName="arrow" refType="h" fact="0.4"/>
          <dgm:constr type="ctrY" for="ch" forName="arrow" refType="h" fact="0.5"/>
          <dgm:constr type="r" for="ch" forName="arrow" refType="w"/>
          <dgm:constr type="w" for="ch" forName="points" refType="w" fact="0.9"/>
          <dgm:constr type="h" for="ch" forName="points" refType="h"/>
          <dgm:constr type="t" for="ch" forName="points"/>
          <dgm:constr type="r" for="ch" forName="points" refType="w"/>
        </dgm:constrLst>
      </dgm:else>
    </dgm:choose>
    <dgm:ruleLst/>
    <dgm:layoutNode name="arrow" styleLbl="bgShp">
      <dgm:alg type="sp"/>
      <dgm:choose name="Name4">
        <dgm:if name="Name5" func="var" arg="dir" op="equ" val="norm">
          <dgm:shape xmlns:r="http://schemas.openxmlformats.org/officeDocument/2006/relationships" type="notchedRightArrow" r:blip="">
            <dgm:adjLst/>
          </dgm:shape>
        </dgm:if>
        <dgm:else name="Name6">
          <dgm:shape xmlns:r="http://schemas.openxmlformats.org/officeDocument/2006/relationships" rot="180" type="notchedRightArrow" r:blip="">
            <dgm:adjLst/>
          </dgm:shape>
        </dgm:else>
      </dgm:choose>
      <dgm:presOf/>
      <dgm:constrLst/>
      <dgm:ruleLst/>
    </dgm:layoutNode>
    <dgm:layoutNode name="points">
      <dgm:choose name="Name7">
        <dgm:if name="Name8" func="var" arg="dir" op="equ" val="norm">
          <dgm:alg type="lin">
            <dgm:param type="linDir" val="fromL"/>
          </dgm:alg>
        </dgm:if>
        <dgm:else name="Name9">
          <dgm:alg type="lin">
            <dgm:param type="linDir" val="fromR"/>
          </dgm:alg>
        </dgm:else>
      </dgm:choose>
      <dgm:shape xmlns:r="http://schemas.openxmlformats.org/officeDocument/2006/relationships" r:blip="">
        <dgm:adjLst/>
      </dgm:shape>
      <dgm:presOf/>
      <dgm:constrLst>
        <dgm:constr type="w" for="ch" forName="compositeA" refType="w"/>
        <dgm:constr type="h" for="ch" forName="compositeA" refType="h"/>
        <dgm:constr type="w" for="ch" forName="compositeB" refType="w" refFor="ch" refForName="compositeA" op="equ"/>
        <dgm:constr type="h" for="ch" forName="compositeB" refType="h" refFor="ch" refForName="compositeA" op="equ"/>
        <dgm:constr type="primFontSz" for="des" ptType="node" op="equ" val="65"/>
        <dgm:constr type="w" for="ch" forName="space" refType="w" refFor="ch" refForName="compositeA" op="equ" fact="0.05"/>
      </dgm:constrLst>
      <dgm:ruleLst/>
      <dgm:forEach name="Name10" axis="ch" ptType="node">
        <dgm:choose name="Name11">
          <dgm:if name="Name12" axis="self" ptType="node" func="posOdd" op="equ" val="1">
            <dgm:layoutNode name="compositeA">
              <dgm:alg type="composite"/>
              <dgm:shape xmlns:r="http://schemas.openxmlformats.org/officeDocument/2006/relationships" r:blip="">
                <dgm:adjLst/>
              </dgm:shape>
              <dgm:presOf/>
              <dgm:constrLst>
                <dgm:constr type="w" for="ch" forName="textA" refType="w"/>
                <dgm:constr type="h" for="ch" forName="textA" refType="h" fact="0.4"/>
                <dgm:constr type="t" for="ch" forName="textA"/>
                <dgm:constr type="l" for="ch" forName="textA"/>
                <dgm:constr type="h" for="ch" forName="circleA" refType="h" fact="0.1"/>
                <dgm:constr type="h" for="ch" forName="circleA" refType="w" op="lte"/>
                <dgm:constr type="w" for="ch" forName="circleA" refType="h" refFor="ch" refForName="circleA" op="equ"/>
                <dgm:constr type="ctrY" for="ch" forName="circleA" refType="h" fact="0.5"/>
                <dgm:constr type="ctrX" for="ch" forName="circleA" refType="w" refFor="ch" refForName="textA" fact="0.5"/>
                <dgm:constr type="w" for="ch" forName="spaceA" refType="w"/>
                <dgm:constr type="h" for="ch" forName="spaceA" refType="h" fact="0.4"/>
                <dgm:constr type="b" for="ch" forName="spaceA" refType="h"/>
                <dgm:constr type="l" for="ch" forName="spaceA"/>
              </dgm:constrLst>
              <dgm:ruleLst/>
              <dgm:layoutNode name="textA" styleLbl="revTx">
                <dgm:varLst>
                  <dgm:bulletEnabled val="1"/>
                </dgm:varLst>
                <dgm:alg type="tx">
                  <dgm:param type="txAnchorVert" val="b"/>
                  <dgm:param type="txAnchorVertCh" val="b"/>
                  <dgm:param type="txAnchorHorzCh" val="ctr"/>
                </dgm:alg>
                <dgm:shape xmlns:r="http://schemas.openxmlformats.org/officeDocument/2006/relationships" type="rect" r:blip="">
                  <dgm:adjLst/>
                </dgm:shape>
                <dgm:presOf axis="desOrSelf" ptType="node"/>
                <dgm:constrLst/>
                <dgm:ruleLst>
                  <dgm:rule type="primFontSz" val="5" fact="NaN" max="NaN"/>
                </dgm:ruleLst>
              </dgm:layoutNode>
              <dgm:layoutNode name="circleA">
                <dgm:alg type="sp"/>
                <dgm:shape xmlns:r="http://schemas.openxmlformats.org/officeDocument/2006/relationships" type="ellipse" r:blip="">
                  <dgm:adjLst/>
                </dgm:shape>
                <dgm:presOf/>
                <dgm:constrLst/>
                <dgm:ruleLst/>
              </dgm:layoutNode>
              <dgm:layoutNode name="spaceA">
                <dgm:alg type="sp"/>
                <dgm:shape xmlns:r="http://schemas.openxmlformats.org/officeDocument/2006/relationships" r:blip="">
                  <dgm:adjLst/>
                </dgm:shape>
                <dgm:presOf/>
                <dgm:constrLst/>
                <dgm:ruleLst/>
              </dgm:layoutNode>
            </dgm:layoutNode>
          </dgm:if>
          <dgm:else name="Name13">
            <dgm:layoutNode name="compositeB">
              <dgm:alg type="composite"/>
              <dgm:shape xmlns:r="http://schemas.openxmlformats.org/officeDocument/2006/relationships" r:blip="">
                <dgm:adjLst/>
              </dgm:shape>
              <dgm:presOf/>
              <dgm:constrLst>
                <dgm:constr type="w" for="ch" forName="textB" refType="w"/>
                <dgm:constr type="h" for="ch" forName="textB" refType="h" fact="0.4"/>
                <dgm:constr type="b" for="ch" forName="textB" refType="h"/>
                <dgm:constr type="l" for="ch" forName="textB"/>
                <dgm:constr type="h" for="ch" forName="circleB" refType="h" fact="0.1"/>
                <dgm:constr type="w" for="ch" forName="circleB" refType="h" refFor="ch" refForName="circleB" op="equ"/>
                <dgm:constr type="h" for="ch" forName="circleB" refType="w" op="lte"/>
                <dgm:constr type="ctrY" for="ch" forName="circleB" refType="h" fact="0.5"/>
                <dgm:constr type="ctrX" for="ch" forName="circleB" refType="w" refFor="ch" refForName="textB" fact="0.5"/>
                <dgm:constr type="w" for="ch" forName="spaceB" refType="w"/>
                <dgm:constr type="h" for="ch" forName="spaceB" refType="h" fact="0.4"/>
                <dgm:constr type="t" for="ch" forName="spaceB"/>
                <dgm:constr type="l" for="ch" forName="spaceB"/>
              </dgm:constrLst>
              <dgm:ruleLst/>
              <dgm:layoutNode name="textB" styleLbl="revTx">
                <dgm:varLst>
                  <dgm:bulletEnabled val="1"/>
                </dgm:varLst>
                <dgm:alg type="tx">
                  <dgm:param type="txAnchorVert" val="t"/>
                  <dgm:param type="txAnchorVertCh" val="t"/>
                  <dgm:param type="txAnchorHorzCh" val="ctr"/>
                </dgm:alg>
                <dgm:shape xmlns:r="http://schemas.openxmlformats.org/officeDocument/2006/relationships" type="rect" r:blip="">
                  <dgm:adjLst/>
                </dgm:shape>
                <dgm:presOf axis="desOrSelf" ptType="node"/>
                <dgm:constrLst/>
                <dgm:ruleLst>
                  <dgm:rule type="primFontSz" val="5" fact="NaN" max="NaN"/>
                </dgm:ruleLst>
              </dgm:layoutNode>
              <dgm:layoutNode name="circleB">
                <dgm:alg type="sp"/>
                <dgm:shape xmlns:r="http://schemas.openxmlformats.org/officeDocument/2006/relationships" type="ellipse" r:blip="">
                  <dgm:adjLst/>
                </dgm:shape>
                <dgm:presOf/>
                <dgm:constrLst/>
                <dgm:ruleLst/>
              </dgm:layoutNode>
              <dgm:layoutNode name="spaceB">
                <dgm:alg type="sp"/>
                <dgm:shape xmlns:r="http://schemas.openxmlformats.org/officeDocument/2006/relationships" r:blip="">
                  <dgm:adjLst/>
                </dgm:shape>
                <dgm:presOf/>
                <dgm:constrLst/>
                <dgm:ruleLst/>
              </dgm:layoutNode>
            </dgm:layoutNode>
          </dgm:else>
        </dgm:choose>
        <dgm:forEach name="Name14" axis="followSib" ptType="sibTrans" cnt="1">
          <dgm:layoutNode name="space">
            <dgm:alg type="sp"/>
            <dgm:shape xmlns:r="http://schemas.openxmlformats.org/officeDocument/2006/relationships" r:blip="">
              <dgm:adjLst/>
            </dgm:shape>
            <dgm:presOf/>
            <dgm:constrLst/>
            <dgm:ruleLst/>
          </dgm:layoutNode>
        </dgm:forEach>
      </dgm:forEach>
    </dgm:layoutNode>
  </dgm:layoutNode>
</dgm:layoutDef>
</file>

<file path=ppt/diagrams/layout3.xml><?xml version="1.0" encoding="utf-8"?>
<dgm:layoutDef xmlns:dgm="http://schemas.openxmlformats.org/drawingml/2006/diagram" xmlns:a="http://schemas.openxmlformats.org/drawingml/2006/main" uniqueId="urn:microsoft.com/office/officeart/2005/8/layout/bProcess2">
  <dgm:title val=""/>
  <dgm:desc val=""/>
  <dgm:catLst>
    <dgm:cat type="process" pri="24000"/>
  </dgm:catLst>
  <dgm:sampData>
    <dgm:dataModel>
      <dgm:ptLst>
        <dgm:pt modelId="0" type="doc"/>
        <dgm:pt modelId="1">
          <dgm:prSet phldr="1"/>
        </dgm:pt>
        <dgm:pt modelId="2">
          <dgm:prSet phldr="1"/>
        </dgm:pt>
        <dgm:pt modelId="3">
          <dgm:prSet phldr="1"/>
        </dgm:pt>
        <dgm:pt modelId="4">
          <dgm:prSet phldr="1"/>
        </dgm:pt>
        <dgm:pt modelId="5">
          <dgm:prSet phldr="1"/>
        </dgm:pt>
        <dgm:pt modelId="6">
          <dgm:prSet phldr="1"/>
        </dgm:pt>
        <dgm:pt modelId="7">
          <dgm:prSet phldr="1"/>
        </dgm:pt>
        <dgm:pt modelId="8">
          <dgm:prSet phldr="1"/>
        </dgm:pt>
        <dgm:pt modelId="9">
          <dgm:prSet phldr="1"/>
        </dgm:pt>
      </dgm:ptLst>
      <dgm:cxnLst>
        <dgm:cxn modelId="10" srcId="0" destId="1" srcOrd="0" destOrd="0"/>
        <dgm:cxn modelId="11" srcId="0" destId="2" srcOrd="1" destOrd="0"/>
        <dgm:cxn modelId="12" srcId="0" destId="3" srcOrd="2" destOrd="0"/>
        <dgm:cxn modelId="13" srcId="0" destId="4" srcOrd="3" destOrd="0"/>
        <dgm:cxn modelId="14" srcId="0" destId="5" srcOrd="4" destOrd="0"/>
        <dgm:cxn modelId="15" srcId="0" destId="6" srcOrd="5" destOrd="0"/>
        <dgm:cxn modelId="16" srcId="0" destId="7" srcOrd="6" destOrd="0"/>
        <dgm:cxn modelId="17" srcId="0" destId="8" srcOrd="7" destOrd="0"/>
        <dgm:cxn modelId="18" srcId="0" destId="9" srcOrd="8"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dgm:varLst>
    <dgm:choose name="Name0">
      <dgm:if name="Name1" func="var" arg="dir" op="equ" val="norm">
        <dgm:alg type="snake">
          <dgm:param type="grDir" val="tL"/>
          <dgm:param type="flowDir" val="col"/>
          <dgm:param type="contDir" val="revDir"/>
        </dgm:alg>
      </dgm:if>
      <dgm:else name="Name2">
        <dgm:alg type="snake">
          <dgm:param type="grDir" val="tR"/>
          <dgm:param type="flowDir" val="col"/>
          <dgm:param type="contDir" val="revDir"/>
        </dgm:alg>
      </dgm:else>
    </dgm:choose>
    <dgm:shape xmlns:r="http://schemas.openxmlformats.org/officeDocument/2006/relationships" r:blip="">
      <dgm:adjLst/>
    </dgm:shape>
    <dgm:presOf/>
    <dgm:constrLst>
      <dgm:constr type="w" for="ch" forName="firstNode" refType="w"/>
      <dgm:constr type="w" for="ch" forName="lastNode" refType="w" refFor="ch" refForName="firstNode" op="equ"/>
      <dgm:constr type="w" for="ch" forName="middleNode" refType="w" refFor="ch" refForName="firstNode" op="equ"/>
      <dgm:constr type="h" for="ch" ptType="sibTrans" refType="w" refFor="ch" refForName="middleNode" op="equ" fact="0.35"/>
      <dgm:constr type="sp" refType="w" refFor="ch" refForName="middleNode" fact="0.5"/>
      <dgm:constr type="connDist" for="des" ptType="sibTrans" op="equ"/>
      <dgm:constr type="primFontSz" for="ch" forName="firstNode" val="65"/>
      <dgm:constr type="primFontSz" for="ch" forName="lastNode" refType="primFontSz" refFor="ch" refForName="firstNode" op="equ"/>
      <dgm:constr type="primFontSz" for="des" forName="shape" val="65"/>
      <dgm:constr type="primFontSz" for="des" forName="shape" refType="primFontSz" refFor="ch" refForName="firstNode" op="lte"/>
      <dgm:constr type="primFontSz" for="des" forName="shape" refType="primFontSz" refFor="ch" refForName="lastNode" op="lte"/>
    </dgm:constrLst>
    <dgm:ruleLst/>
    <dgm:forEach name="Name3" axis="ch" ptType="node">
      <dgm:choose name="Name4">
        <dgm:if name="Name5" axis="self" ptType="node" func="pos" op="equ" val="1">
          <dgm:layoutNode name="firstNode">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if>
        <dgm:if name="Name6" axis="self" ptType="node" func="revPos" op="equ" val="1">
          <dgm:layoutNode name="lastNode">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if>
        <dgm:else name="Name7">
          <dgm:layoutNode name="middleNode">
            <dgm:alg type="composite"/>
            <dgm:shape xmlns:r="http://schemas.openxmlformats.org/officeDocument/2006/relationships" r:blip="">
              <dgm:adjLst/>
            </dgm:shape>
            <dgm:presOf/>
            <dgm:constrLst>
              <dgm:constr type="h" refType="w"/>
              <dgm:constr type="w" for="ch" forName="padding" refType="w"/>
              <dgm:constr type="h" for="ch" forName="padding" refType="h"/>
              <dgm:constr type="w" for="ch" forName="shape" refType="w" fact="0.667"/>
              <dgm:constr type="h" for="ch" forName="shape" refType="h" fact="0.667"/>
              <dgm:constr type="ctrX" for="ch" forName="shape" refType="w" fact="0.5"/>
              <dgm:constr type="ctrY" for="ch" forName="shape" refType="h" fact="0.5"/>
            </dgm:constrLst>
            <dgm:ruleLst/>
            <dgm:layoutNode name="padding">
              <dgm:alg type="sp"/>
              <dgm:shape xmlns:r="http://schemas.openxmlformats.org/officeDocument/2006/relationships" type="ellipse" r:blip="" hideGeom="1">
                <dgm:adjLst/>
              </dgm:shape>
              <dgm:presOf/>
              <dgm:constrLst/>
              <dgm:ruleLst/>
            </dgm:layoutNode>
            <dgm:layoutNode name="shape">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dgm:else>
      </dgm:choose>
      <dgm:forEach name="Name8" axis="followSib" ptType="sibTrans" cnt="1">
        <dgm:layoutNode name="sibTrans">
          <dgm:choose name="Name9">
            <dgm:if name="Name10" func="var" arg="dir" op="equ" val="norm">
              <dgm:choose name="Name11">
                <dgm:if name="Name12" axis="self" ptType="sibTrans" func="pos" op="equ" val="1">
                  <dgm:alg type="conn">
                    <dgm:param type="begPts" val="auto"/>
                    <dgm:param type="endPts" val="auto"/>
                    <dgm:param type="srcNode" val="firstNode"/>
                    <dgm:param type="dstNode" val="shape"/>
                  </dgm:alg>
                </dgm:if>
                <dgm:if name="Name13" axis="self" ptType="sibTrans" func="revPos" op="equ" val="1">
                  <dgm:alg type="conn">
                    <dgm:param type="begPts" val="auto"/>
                    <dgm:param type="endPts" val="auto"/>
                    <dgm:param type="srcNode" val="shape"/>
                    <dgm:param type="dstNode" val="lastNode"/>
                  </dgm:alg>
                </dgm:if>
                <dgm:else name="Name14">
                  <dgm:alg type="conn">
                    <dgm:param type="begPts" val="auto"/>
                    <dgm:param type="endPts" val="auto"/>
                    <dgm:param type="srcNode" val="shape"/>
                    <dgm:param type="dstNode" val="shape"/>
                  </dgm:alg>
                </dgm:else>
              </dgm:choose>
            </dgm:if>
            <dgm:else name="Name15">
              <dgm:choose name="Name16">
                <dgm:if name="Name17" axis="self" ptType="sibTrans" func="pos" op="equ" val="1">
                  <dgm:alg type="conn">
                    <dgm:param type="begPts" val="auto"/>
                    <dgm:param type="endPts" val="auto"/>
                    <dgm:param type="srcNode" val="firstNode"/>
                    <dgm:param type="dstNode" val="shape"/>
                  </dgm:alg>
                </dgm:if>
                <dgm:if name="Name18" axis="self" ptType="sibTrans" func="revPos" op="equ" val="1">
                  <dgm:alg type="conn">
                    <dgm:param type="begPts" val="auto"/>
                    <dgm:param type="endPts" val="auto"/>
                    <dgm:param type="srcNode" val="shape"/>
                    <dgm:param type="dstNode" val="lastNode"/>
                  </dgm:alg>
                </dgm:if>
                <dgm:else name="Name19">
                  <dgm:alg type="conn">
                    <dgm:param type="begPts" val="auto"/>
                    <dgm:param type="endPts" val="auto"/>
                    <dgm:param type="srcNode" val="shape"/>
                    <dgm:param type="dstNode" val="shape"/>
                  </dgm:alg>
                </dgm:else>
              </dgm:choose>
            </dgm:else>
          </dgm:choose>
          <dgm:shape xmlns:r="http://schemas.openxmlformats.org/officeDocument/2006/relationships" rot="90" type="triangle" r:blip="">
            <dgm:adjLst/>
          </dgm:shape>
          <dgm:presOf axis="self"/>
          <dgm:constrLst>
            <dgm:constr type="w" refType="h"/>
            <dgm:constr type="connDist"/>
            <dgm:constr type="begPad" refType="connDist" fact="0.25"/>
            <dgm:constr type="endPad" refType="connDist" fact="0.22"/>
          </dgm:constrLst>
          <dgm:ruleLst/>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bProcess2">
  <dgm:title val=""/>
  <dgm:desc val=""/>
  <dgm:catLst>
    <dgm:cat type="process" pri="24000"/>
  </dgm:catLst>
  <dgm:sampData>
    <dgm:dataModel>
      <dgm:ptLst>
        <dgm:pt modelId="0" type="doc"/>
        <dgm:pt modelId="1">
          <dgm:prSet phldr="1"/>
        </dgm:pt>
        <dgm:pt modelId="2">
          <dgm:prSet phldr="1"/>
        </dgm:pt>
        <dgm:pt modelId="3">
          <dgm:prSet phldr="1"/>
        </dgm:pt>
        <dgm:pt modelId="4">
          <dgm:prSet phldr="1"/>
        </dgm:pt>
        <dgm:pt modelId="5">
          <dgm:prSet phldr="1"/>
        </dgm:pt>
        <dgm:pt modelId="6">
          <dgm:prSet phldr="1"/>
        </dgm:pt>
        <dgm:pt modelId="7">
          <dgm:prSet phldr="1"/>
        </dgm:pt>
        <dgm:pt modelId="8">
          <dgm:prSet phldr="1"/>
        </dgm:pt>
        <dgm:pt modelId="9">
          <dgm:prSet phldr="1"/>
        </dgm:pt>
      </dgm:ptLst>
      <dgm:cxnLst>
        <dgm:cxn modelId="10" srcId="0" destId="1" srcOrd="0" destOrd="0"/>
        <dgm:cxn modelId="11" srcId="0" destId="2" srcOrd="1" destOrd="0"/>
        <dgm:cxn modelId="12" srcId="0" destId="3" srcOrd="2" destOrd="0"/>
        <dgm:cxn modelId="13" srcId="0" destId="4" srcOrd="3" destOrd="0"/>
        <dgm:cxn modelId="14" srcId="0" destId="5" srcOrd="4" destOrd="0"/>
        <dgm:cxn modelId="15" srcId="0" destId="6" srcOrd="5" destOrd="0"/>
        <dgm:cxn modelId="16" srcId="0" destId="7" srcOrd="6" destOrd="0"/>
        <dgm:cxn modelId="17" srcId="0" destId="8" srcOrd="7" destOrd="0"/>
        <dgm:cxn modelId="18" srcId="0" destId="9" srcOrd="8"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dgm:varLst>
    <dgm:choose name="Name0">
      <dgm:if name="Name1" func="var" arg="dir" op="equ" val="norm">
        <dgm:alg type="snake">
          <dgm:param type="grDir" val="tL"/>
          <dgm:param type="flowDir" val="col"/>
          <dgm:param type="contDir" val="revDir"/>
        </dgm:alg>
      </dgm:if>
      <dgm:else name="Name2">
        <dgm:alg type="snake">
          <dgm:param type="grDir" val="tR"/>
          <dgm:param type="flowDir" val="col"/>
          <dgm:param type="contDir" val="revDir"/>
        </dgm:alg>
      </dgm:else>
    </dgm:choose>
    <dgm:shape xmlns:r="http://schemas.openxmlformats.org/officeDocument/2006/relationships" r:blip="">
      <dgm:adjLst/>
    </dgm:shape>
    <dgm:presOf/>
    <dgm:constrLst>
      <dgm:constr type="w" for="ch" forName="firstNode" refType="w"/>
      <dgm:constr type="w" for="ch" forName="lastNode" refType="w" refFor="ch" refForName="firstNode" op="equ"/>
      <dgm:constr type="w" for="ch" forName="middleNode" refType="w" refFor="ch" refForName="firstNode" op="equ"/>
      <dgm:constr type="h" for="ch" ptType="sibTrans" refType="w" refFor="ch" refForName="middleNode" op="equ" fact="0.35"/>
      <dgm:constr type="sp" refType="w" refFor="ch" refForName="middleNode" fact="0.5"/>
      <dgm:constr type="connDist" for="des" ptType="sibTrans" op="equ"/>
      <dgm:constr type="primFontSz" for="ch" forName="firstNode" val="65"/>
      <dgm:constr type="primFontSz" for="ch" forName="lastNode" refType="primFontSz" refFor="ch" refForName="firstNode" op="equ"/>
      <dgm:constr type="primFontSz" for="des" forName="shape" val="65"/>
      <dgm:constr type="primFontSz" for="des" forName="shape" refType="primFontSz" refFor="ch" refForName="firstNode" op="lte"/>
      <dgm:constr type="primFontSz" for="des" forName="shape" refType="primFontSz" refFor="ch" refForName="lastNode" op="lte"/>
    </dgm:constrLst>
    <dgm:ruleLst/>
    <dgm:forEach name="Name3" axis="ch" ptType="node">
      <dgm:choose name="Name4">
        <dgm:if name="Name5" axis="self" ptType="node" func="pos" op="equ" val="1">
          <dgm:layoutNode name="firstNode">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if>
        <dgm:if name="Name6" axis="self" ptType="node" func="revPos" op="equ" val="1">
          <dgm:layoutNode name="lastNode">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if>
        <dgm:else name="Name7">
          <dgm:layoutNode name="middleNode">
            <dgm:alg type="composite"/>
            <dgm:shape xmlns:r="http://schemas.openxmlformats.org/officeDocument/2006/relationships" r:blip="">
              <dgm:adjLst/>
            </dgm:shape>
            <dgm:presOf/>
            <dgm:constrLst>
              <dgm:constr type="h" refType="w"/>
              <dgm:constr type="w" for="ch" forName="padding" refType="w"/>
              <dgm:constr type="h" for="ch" forName="padding" refType="h"/>
              <dgm:constr type="w" for="ch" forName="shape" refType="w" fact="0.667"/>
              <dgm:constr type="h" for="ch" forName="shape" refType="h" fact="0.667"/>
              <dgm:constr type="ctrX" for="ch" forName="shape" refType="w" fact="0.5"/>
              <dgm:constr type="ctrY" for="ch" forName="shape" refType="h" fact="0.5"/>
            </dgm:constrLst>
            <dgm:ruleLst/>
            <dgm:layoutNode name="padding">
              <dgm:alg type="sp"/>
              <dgm:shape xmlns:r="http://schemas.openxmlformats.org/officeDocument/2006/relationships" type="ellipse" r:blip="" hideGeom="1">
                <dgm:adjLst/>
              </dgm:shape>
              <dgm:presOf/>
              <dgm:constrLst/>
              <dgm:ruleLst/>
            </dgm:layoutNode>
            <dgm:layoutNode name="shape">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dgm:else>
      </dgm:choose>
      <dgm:forEach name="Name8" axis="followSib" ptType="sibTrans" cnt="1">
        <dgm:layoutNode name="sibTrans">
          <dgm:choose name="Name9">
            <dgm:if name="Name10" func="var" arg="dir" op="equ" val="norm">
              <dgm:choose name="Name11">
                <dgm:if name="Name12" axis="self" ptType="sibTrans" func="pos" op="equ" val="1">
                  <dgm:alg type="conn">
                    <dgm:param type="begPts" val="auto"/>
                    <dgm:param type="endPts" val="auto"/>
                    <dgm:param type="srcNode" val="firstNode"/>
                    <dgm:param type="dstNode" val="shape"/>
                  </dgm:alg>
                </dgm:if>
                <dgm:if name="Name13" axis="self" ptType="sibTrans" func="revPos" op="equ" val="1">
                  <dgm:alg type="conn">
                    <dgm:param type="begPts" val="auto"/>
                    <dgm:param type="endPts" val="auto"/>
                    <dgm:param type="srcNode" val="shape"/>
                    <dgm:param type="dstNode" val="lastNode"/>
                  </dgm:alg>
                </dgm:if>
                <dgm:else name="Name14">
                  <dgm:alg type="conn">
                    <dgm:param type="begPts" val="auto"/>
                    <dgm:param type="endPts" val="auto"/>
                    <dgm:param type="srcNode" val="shape"/>
                    <dgm:param type="dstNode" val="shape"/>
                  </dgm:alg>
                </dgm:else>
              </dgm:choose>
            </dgm:if>
            <dgm:else name="Name15">
              <dgm:choose name="Name16">
                <dgm:if name="Name17" axis="self" ptType="sibTrans" func="pos" op="equ" val="1">
                  <dgm:alg type="conn">
                    <dgm:param type="begPts" val="auto"/>
                    <dgm:param type="endPts" val="auto"/>
                    <dgm:param type="srcNode" val="firstNode"/>
                    <dgm:param type="dstNode" val="shape"/>
                  </dgm:alg>
                </dgm:if>
                <dgm:if name="Name18" axis="self" ptType="sibTrans" func="revPos" op="equ" val="1">
                  <dgm:alg type="conn">
                    <dgm:param type="begPts" val="auto"/>
                    <dgm:param type="endPts" val="auto"/>
                    <dgm:param type="srcNode" val="shape"/>
                    <dgm:param type="dstNode" val="lastNode"/>
                  </dgm:alg>
                </dgm:if>
                <dgm:else name="Name19">
                  <dgm:alg type="conn">
                    <dgm:param type="begPts" val="auto"/>
                    <dgm:param type="endPts" val="auto"/>
                    <dgm:param type="srcNode" val="shape"/>
                    <dgm:param type="dstNode" val="shape"/>
                  </dgm:alg>
                </dgm:else>
              </dgm:choose>
            </dgm:else>
          </dgm:choose>
          <dgm:shape xmlns:r="http://schemas.openxmlformats.org/officeDocument/2006/relationships" rot="90" type="triangle" r:blip="">
            <dgm:adjLst/>
          </dgm:shape>
          <dgm:presOf axis="self"/>
          <dgm:constrLst>
            <dgm:constr type="w" refType="h"/>
            <dgm:constr type="connDist"/>
            <dgm:constr type="begPad" refType="connDist" fact="0.25"/>
            <dgm:constr type="endPad" refType="connDist" fact="0.22"/>
          </dgm:constrLst>
          <dgm:ruleLst/>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8/layout/AscendingPictureAccentProcess">
  <dgm:title val=""/>
  <dgm:desc val=""/>
  <dgm:catLst>
    <dgm:cat type="process" pri="22500"/>
    <dgm:cat type="picture" pri="16000"/>
    <dgm:cat type="pictureconvert" pri="16000"/>
  </dgm:catLst>
  <dgm:samp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shape xmlns:r="http://schemas.openxmlformats.org/officeDocument/2006/relationships" r:blip="">
      <dgm:adjLst/>
    </dgm:shape>
    <dgm:choose name="Name1">
      <dgm:if name="Name2" axis="ch" ptType="node" func="cnt" op="equ" val="1">
        <dgm:choose name="Name3">
          <dgm:if name="Name4" func="var" arg="dir" op="equ" val="norm">
            <dgm:choose name="Name5">
              <dgm:if name="Name6" axis="des" func="maxDepth" op="gt" val="1">
                <dgm:alg type="composite">
                  <dgm:param type="ar" val="2.7"/>
                </dgm:alg>
                <dgm:constrLst>
                  <dgm:constr type="primFontSz" for="ch" forName="parTx1" op="equ" val="65"/>
                  <dgm:constr type="primFontSz" for="ch" forName="desTx1" op="equ" val="65"/>
                  <dgm:constr type="userD" refType="w" fact="0.0247"/>
                  <dgm:constr type="l" for="ch" forName="parTx1" refType="w" fact="0.2711"/>
                  <dgm:constr type="t" for="ch" forName="parTx1" refType="h" fact="0.9603"/>
                  <dgm:constr type="w" for="ch" forName="parTx1" refType="w" fact="0.5325"/>
                  <dgm:constr type="h" for="ch" forName="parTx1" refType="h" fact="0.3856"/>
                  <dgm:constr type="ctrX" for="ch" forName="picture1" refType="w" fact="0.2469"/>
                  <dgm:constr type="ctrY" for="ch" forName="picture1" refType="h" fact="0.9"/>
                  <dgm:constr type="w" for="ch" forName="picture1" refType="w" fact="0.2469"/>
                  <dgm:constr type="h" for="ch" forName="picture1" refType="h" fact="0.6667"/>
                  <dgm:constr type="l" for="ch" forName="desTx1" refType="r" refFor="ch" refForName="parTx1"/>
                  <dgm:constr type="r" for="ch" forName="desTx1" refType="w"/>
                  <dgm:constr type="t" for="ch" forName="desTx1" refType="t" refFor="ch" refForName="parTx1"/>
                  <dgm:constr type="h" for="ch" forName="desTx1" refType="h" refFor="ch" refForName="parTx1"/>
                </dgm:constrLst>
              </dgm:if>
              <dgm:else name="Name7">
                <dgm:alg type="composite">
                  <dgm:param type="ar" val="2"/>
                </dgm:alg>
                <dgm:constrLst>
                  <dgm:constr type="primFontSz" for="ch" forName="parTx1" op="equ" val="65"/>
                  <dgm:constr type="userD" refType="w" fact="0.0333"/>
                  <dgm:constr type="l" for="ch" forName="parTx1" refType="w" fact="0.366"/>
                  <dgm:constr type="t" for="ch" forName="parTx1" refType="h" fact="0.7113"/>
                  <dgm:constr type="w" for="ch" forName="parTx1" refType="w" fact="0.7189"/>
                  <dgm:constr type="h" for="ch" forName="parTx1" refType="h" fact="0.3856"/>
                  <dgm:constr type="ctrX" for="ch" forName="picture1" refType="w" fact="0.3333"/>
                  <dgm:constr type="ctrY" for="ch" forName="picture1" refType="h" fact="0.6667"/>
                  <dgm:constr type="w" for="ch" forName="picture1" refType="w" fact="0.3333"/>
                  <dgm:constr type="h" for="ch" forName="picture1" refType="h" fact="0.6667"/>
                </dgm:constrLst>
              </dgm:else>
            </dgm:choose>
          </dgm:if>
          <dgm:else name="Name8">
            <dgm:choose name="Name9">
              <dgm:if name="Name10" axis="des" func="maxDepth" op="gt" val="1">
                <dgm:alg type="composite">
                  <dgm:param type="ar" val="2.7"/>
                </dgm:alg>
                <dgm:constrLst>
                  <dgm:constr type="primFontSz" for="ch" forName="parTx1" op="equ" val="65"/>
                  <dgm:constr type="primFontSz" for="ch" forName="desTx1" op="equ" val="65"/>
                  <dgm:constr type="userD" refType="w" fact="0.0247"/>
                  <dgm:constr type="r" for="ch" forName="parTx1" refType="w" fact="0.7289"/>
                  <dgm:constr type="t" for="ch" forName="parTx1" refType="h" fact="0.9603"/>
                  <dgm:constr type="w" for="ch" forName="parTx1" refType="w" fact="0.5325"/>
                  <dgm:constr type="h" for="ch" forName="parTx1" refType="h" fact="0.3856"/>
                  <dgm:constr type="ctrX" for="ch" forName="picture1" refType="w" fact="0.7531"/>
                  <dgm:constr type="ctrY" for="ch" forName="picture1" refType="h" fact="0.9"/>
                  <dgm:constr type="w" for="ch" forName="picture1" refType="w" fact="0.2469"/>
                  <dgm:constr type="h" for="ch" forName="picture1" refType="h" fact="0.6667"/>
                  <dgm:constr type="r" for="ch" forName="desTx1" refType="l" refFor="ch" refForName="parTx1"/>
                  <dgm:constr type="l" for="ch" forName="desTx1"/>
                  <dgm:constr type="t" for="ch" forName="desTx1" refType="t" refFor="ch" refForName="parTx1"/>
                  <dgm:constr type="h" for="ch" forName="desTx1" refType="h" refFor="ch" refForName="parTx1"/>
                </dgm:constrLst>
              </dgm:if>
              <dgm:else name="Name11">
                <dgm:alg type="composite">
                  <dgm:param type="ar" val="2"/>
                </dgm:alg>
                <dgm:constrLst>
                  <dgm:constr type="primFontSz" for="ch" forName="parTx1" op="equ" val="65"/>
                  <dgm:constr type="userD" refType="w" fact="0.0333"/>
                  <dgm:constr type="r" for="ch" forName="parTx1" refType="w" fact="0.634"/>
                  <dgm:constr type="t" for="ch" forName="parTx1" refType="h" fact="0.7113"/>
                  <dgm:constr type="w" for="ch" forName="parTx1" refType="w" fact="0.7189"/>
                  <dgm:constr type="h" for="ch" forName="parTx1" refType="h" fact="0.3856"/>
                  <dgm:constr type="ctrX" for="ch" forName="picture1" refType="w" fact="0.6667"/>
                  <dgm:constr type="ctrY" for="ch" forName="picture1" refType="h" fact="0.6667"/>
                  <dgm:constr type="w" for="ch" forName="picture1" refType="w" fact="0.3333"/>
                  <dgm:constr type="h" for="ch" forName="picture1" refType="h" fact="0.6667"/>
                </dgm:constrLst>
              </dgm:else>
            </dgm:choose>
          </dgm:else>
        </dgm:choose>
      </dgm:if>
      <dgm:if name="Name12" axis="ch" ptType="node" func="cnt" op="equ" val="2">
        <dgm:choose name="Name13">
          <dgm:if name="Name14" func="var" arg="dir" op="equ" val="norm">
            <dgm:choose name="Name15">
              <dgm:if name="Name16" axis="des" func="maxDepth" op="gt" val="1">
                <dgm:alg type="composite">
                  <dgm:param type="ar" val="2"/>
                </dgm:alg>
                <dgm:constrLst>
                  <dgm:constr type="primFontSz" for="ch" forName="parTx1" op="equ" val="65"/>
                  <dgm:constr type="primFontSz" for="ch" forName="parTx2" refType="primFontSz" refFor="ch" refForName="parTx1" op="equ"/>
                  <dgm:constr type="primFontSz" for="ch" forName="desTx1" op="equ" val="65"/>
                  <dgm:constr type="primFontSz" for="ch" forName="desTx2" refType="primFontSz" refFor="ch" refForName="desTx1" op="equ"/>
                  <dgm:constr type="userD" refType="w" fact="0.0188"/>
                  <dgm:constr type="ctrX" for="ch" forName="dot1" refType="w" fact="0.3221"/>
                  <dgm:constr type="ctrY" for="ch" forName="dot1" refType="h" fact="0.5911"/>
                  <dgm:constr type="w" for="ch" forName="dot1" refType="userD"/>
                  <dgm:constr type="h" for="ch" forName="dot1" refType="userD"/>
                  <dgm:constr type="ctrX" for="ch" forName="dot2" refType="w" fact="0.3056"/>
                  <dgm:constr type="ctrY" for="ch" forName="dot2" refType="h" fact="0.644"/>
                  <dgm:constr type="w" for="ch" forName="dot2" refType="userD"/>
                  <dgm:constr type="h" for="ch" forName="dot2" refType="userD"/>
                  <dgm:constr type="ctrX" for="ch" forName="dot3" refType="w" fact="0.2859"/>
                  <dgm:constr type="ctrY" for="ch" forName="dot3" refType="h" fact="0.6898"/>
                  <dgm:constr type="w" for="ch" forName="dot3" refType="userD"/>
                  <dgm:constr type="h" for="ch" forName="dot3" refType="userD"/>
                  <dgm:constr type="ctrX" for="ch" forName="dotArrow1" refType="w" fact="0.3095"/>
                  <dgm:constr type="ctrY" for="ch" forName="dotArrow1" refType="h" fact="0.0587"/>
                  <dgm:constr type="w" for="ch" forName="dotArrow1" refType="userD"/>
                  <dgm:constr type="h" for="ch" forName="dotArrow1" refType="userD"/>
                  <dgm:constr type="ctrX" for="ch" forName="dotArrow2" refType="w" fact="0.3346"/>
                  <dgm:constr type="ctrY" for="ch" forName="dotArrow2" refType="h" fact="0.0287"/>
                  <dgm:constr type="w" for="ch" forName="dotArrow2" refType="userD"/>
                  <dgm:constr type="h" for="ch" forName="dotArrow2" refType="userD"/>
                  <dgm:constr type="ctrX" for="ch" forName="dotArrow3" refType="w" fact="0.3597"/>
                  <dgm:constr type="ctrY" for="ch" forName="dotArrow3" refType="h" fact="-0.0013"/>
                  <dgm:constr type="w" for="ch" forName="dotArrow3" refType="userD"/>
                  <dgm:constr type="h" for="ch" forName="dotArrow3" refType="userD"/>
                  <dgm:constr type="ctrX" for="ch" forName="dotArrow4" refType="w" fact="0.3848"/>
                  <dgm:constr type="ctrY" for="ch" forName="dotArrow4" refType="h" fact="0.0287"/>
                  <dgm:constr type="w" for="ch" forName="dotArrow4" refType="userD"/>
                  <dgm:constr type="h" for="ch" forName="dotArrow4" refType="userD"/>
                  <dgm:constr type="ctrX" for="ch" forName="dotArrow5" refType="w" fact="0.41"/>
                  <dgm:constr type="ctrY" for="ch" forName="dotArrow5" refType="h" fact="0.0587"/>
                  <dgm:constr type="w" for="ch" forName="dotArrow5" refType="userD"/>
                  <dgm:constr type="h" for="ch" forName="dotArrow5" refType="userD"/>
                  <dgm:constr type="ctrX" for="ch" forName="dotArrow6" refType="w" fact="0.3597"/>
                  <dgm:constr type="ctrY" for="ch" forName="dotArrow6" refType="h" fact="0.062"/>
                  <dgm:constr type="w" for="ch" forName="dotArrow6" refType="userD"/>
                  <dgm:constr type="h" for="ch" forName="dotArrow6" refType="userD"/>
                  <dgm:constr type="ctrX" for="ch" forName="dotArrow7" refType="w" fact="0.3597"/>
                  <dgm:constr type="ctrY" for="ch" forName="dotArrow7" refType="h" fact="0.1253"/>
                  <dgm:constr type="w" for="ch" forName="dotArrow7" refType="userD"/>
                  <dgm:constr type="h" for="ch" forName="dotArrow7" refType="userD"/>
                  <dgm:constr type="l" for="ch" forName="parTx1" refType="w" fact="0.197"/>
                  <dgm:constr type="t" for="ch" forName="parTx1" refType="h" fact="0.8169"/>
                  <dgm:constr type="w" for="ch" forName="parTx1" refType="w" fact="0.4064"/>
                  <dgm:constr type="h" for="ch" forName="parTx1" refType="h" fact="0.218"/>
                  <dgm:constr type="ctrX" for="ch" forName="picture1" refType="w" fact="0.1785"/>
                  <dgm:constr type="ctrY" for="ch" forName="picture1" refType="h" fact="0.7834"/>
                  <dgm:constr type="w" for="ch" forName="picture1" refType="w" fact="0.1884"/>
                  <dgm:constr type="h" for="ch" forName="picture1" refType="h" fact="0.3768"/>
                  <dgm:constr type="l" for="ch" forName="desTx1" refType="r" refFor="ch" refForName="parTx1"/>
                  <dgm:constr type="r" for="ch" forName="desTx1" refType="w"/>
                  <dgm:constr type="t" for="ch" forName="desTx1" refType="t" refFor="ch" refForName="parTx1"/>
                  <dgm:constr type="h" for="ch" forName="desTx1" refType="h" refFor="ch" refForName="parTx1"/>
                  <dgm:constr type="l" for="ch" forName="parTx2" refType="w" fact="0.3688"/>
                  <dgm:constr type="t" for="ch" forName="parTx2" refType="h" fact="0.3905"/>
                  <dgm:constr type="w" for="ch" forName="parTx2" refType="w" fact="0.4064"/>
                  <dgm:constr type="h" for="ch" forName="parTx2" refType="h" fact="0.218"/>
                  <dgm:constr type="ctrX" for="ch" forName="picture2" refType="w" fact="0.3503"/>
                  <dgm:constr type="ctrY" for="ch" forName="picture2" refType="h" fact="0.357"/>
                  <dgm:constr type="w" for="ch" forName="picture2" refType="w" fact="0.1884"/>
                  <dgm:constr type="h" for="ch" forName="picture2" refType="h" fact="0.3768"/>
                  <dgm:constr type="l" for="ch" forName="desTx2" refType="r" refFor="ch" refForName="parTx2"/>
                  <dgm:constr type="r" for="ch" forName="desTx2" refType="w"/>
                  <dgm:constr type="t" for="ch" forName="desTx2" refType="t" refFor="ch" refForName="parTx2"/>
                  <dgm:constr type="h" for="ch" forName="desTx2" refType="h" refFor="ch" refForName="parTx2"/>
                </dgm:constrLst>
              </dgm:if>
              <dgm:else name="Name17">
                <dgm:alg type="composite">
                  <dgm:param type="ar" val="1.5073"/>
                </dgm:alg>
                <dgm:constrLst>
                  <dgm:constr type="primFontSz" for="ch" forName="parTx1" op="equ" val="65"/>
                  <dgm:constr type="primFontSz" for="ch" forName="parTx2" refType="primFontSz" refFor="ch" refForName="parTx1" op="equ"/>
                  <dgm:constr type="userD" refType="w" fact="0.025"/>
                  <dgm:constr type="ctrX" for="ch" forName="dot1" refType="w" fact="0.4274"/>
                  <dgm:constr type="ctrY" for="ch" forName="dot1" refType="h" fact="0.5911"/>
                  <dgm:constr type="w" for="ch" forName="dot1" refType="userD"/>
                  <dgm:constr type="h" for="ch" forName="dot1" refType="userD"/>
                  <dgm:constr type="ctrX" for="ch" forName="dot2" refType="w" fact="0.4055"/>
                  <dgm:constr type="ctrY" for="ch" forName="dot2" refType="h" fact="0.644"/>
                  <dgm:constr type="w" for="ch" forName="dot2" refType="userD"/>
                  <dgm:constr type="h" for="ch" forName="dot2" refType="userD"/>
                  <dgm:constr type="ctrX" for="ch" forName="dot3" refType="w" fact="0.3794"/>
                  <dgm:constr type="ctrY" for="ch" forName="dot3" refType="h" fact="0.6898"/>
                  <dgm:constr type="w" for="ch" forName="dot3" refType="userD"/>
                  <dgm:constr type="h" for="ch" forName="dot3" refType="userD"/>
                  <dgm:constr type="ctrX" for="ch" forName="dotArrow1" refType="w" fact="0.4106"/>
                  <dgm:constr type="ctrY" for="ch" forName="dotArrow1" refType="h" fact="0.0587"/>
                  <dgm:constr type="w" for="ch" forName="dotArrow1" refType="userD"/>
                  <dgm:constr type="h" for="ch" forName="dotArrow1" refType="userD"/>
                  <dgm:constr type="ctrX" for="ch" forName="dotArrow2" refType="w" fact="0.444"/>
                  <dgm:constr type="ctrY" for="ch" forName="dotArrow2" refType="h" fact="0.0287"/>
                  <dgm:constr type="w" for="ch" forName="dotArrow2" refType="userD"/>
                  <dgm:constr type="h" for="ch" forName="dotArrow2" refType="userD"/>
                  <dgm:constr type="ctrX" for="ch" forName="dotArrow3" refType="w" fact="0.4773"/>
                  <dgm:constr type="ctrY" for="ch" forName="dotArrow3" refType="h" fact="-0.0013"/>
                  <dgm:constr type="w" for="ch" forName="dotArrow3" refType="userD"/>
                  <dgm:constr type="h" for="ch" forName="dotArrow3" refType="userD"/>
                  <dgm:constr type="ctrX" for="ch" forName="dotArrow4" refType="w" fact="0.5106"/>
                  <dgm:constr type="ctrY" for="ch" forName="dotArrow4" refType="h" fact="0.0287"/>
                  <dgm:constr type="w" for="ch" forName="dotArrow4" refType="userD"/>
                  <dgm:constr type="h" for="ch" forName="dotArrow4" refType="userD"/>
                  <dgm:constr type="ctrX" for="ch" forName="dotArrow5" refType="w" fact="0.544"/>
                  <dgm:constr type="ctrY" for="ch" forName="dotArrow5" refType="h" fact="0.0587"/>
                  <dgm:constr type="w" for="ch" forName="dotArrow5" refType="userD"/>
                  <dgm:constr type="h" for="ch" forName="dotArrow5" refType="userD"/>
                  <dgm:constr type="ctrX" for="ch" forName="dotArrow6" refType="w" fact="0.4773"/>
                  <dgm:constr type="ctrY" for="ch" forName="dotArrow6" refType="h" fact="0.062"/>
                  <dgm:constr type="w" for="ch" forName="dotArrow6" refType="userD"/>
                  <dgm:constr type="h" for="ch" forName="dotArrow6" refType="userD"/>
                  <dgm:constr type="ctrX" for="ch" forName="dotArrow7" refType="w" fact="0.4773"/>
                  <dgm:constr type="ctrY" for="ch" forName="dotArrow7" refType="h" fact="0.1253"/>
                  <dgm:constr type="w" for="ch" forName="dotArrow7" refType="userD"/>
                  <dgm:constr type="h" for="ch" forName="dotArrow7" refType="userD"/>
                  <dgm:constr type="l" for="ch" forName="parTx1" refType="w" fact="0.2614"/>
                  <dgm:constr type="t" for="ch" forName="parTx1" refType="h" fact="0.8086"/>
                  <dgm:constr type="w" for="ch" forName="parTx1" refType="w" fact="0.5392"/>
                  <dgm:constr type="h" for="ch" forName="parTx1" refType="h" fact="0.218"/>
                  <dgm:constr type="ctrX" for="ch" forName="picture1" refType="w" fact="0.2369"/>
                  <dgm:constr type="ctrY" for="ch" forName="picture1" refType="h" fact="0.7834"/>
                  <dgm:constr type="w" for="ch" forName="picture1" refType="w" fact="0.25"/>
                  <dgm:constr type="h" for="ch" forName="picture1" refType="h" fact="0.3768"/>
                  <dgm:constr type="l" for="ch" forName="parTx2" refType="w" fact="0.4893"/>
                  <dgm:constr type="t" for="ch" forName="parTx2" refType="h" fact="0.3822"/>
                  <dgm:constr type="w" for="ch" forName="parTx2" refType="w" fact="0.5392"/>
                  <dgm:constr type="h" for="ch" forName="parTx2" refType="h" fact="0.218"/>
                  <dgm:constr type="ctrX" for="ch" forName="picture2" refType="w" fact="0.4648"/>
                  <dgm:constr type="ctrY" for="ch" forName="picture2" refType="h" fact="0.357"/>
                  <dgm:constr type="w" for="ch" forName="picture2" refType="w" fact="0.25"/>
                  <dgm:constr type="h" for="ch" forName="picture2" refType="h" fact="0.3768"/>
                </dgm:constrLst>
              </dgm:else>
            </dgm:choose>
          </dgm:if>
          <dgm:else name="Name18">
            <dgm:choose name="Name19">
              <dgm:if name="Name20" axis="des" func="maxDepth" op="gt" val="1">
                <dgm:alg type="composite">
                  <dgm:param type="ar" val="2"/>
                </dgm:alg>
                <dgm:constrLst>
                  <dgm:constr type="primFontSz" for="ch" forName="parTx1" op="equ" val="65"/>
                  <dgm:constr type="primFontSz" for="ch" forName="parTx2" refType="primFontSz" refFor="ch" refForName="parTx1" op="equ"/>
                  <dgm:constr type="primFontSz" for="ch" forName="desTx1" op="equ" val="65"/>
                  <dgm:constr type="primFontSz" for="ch" forName="desTx2" refType="primFontSz" refFor="ch" refForName="desTx1" op="equ"/>
                  <dgm:constr type="userD" refType="w" fact="0.0188"/>
                  <dgm:constr type="ctrX" for="ch" forName="dot1" refType="w" fact="0.6779"/>
                  <dgm:constr type="ctrY" for="ch" forName="dot1" refType="h" fact="0.5911"/>
                  <dgm:constr type="w" for="ch" forName="dot1" refType="userD"/>
                  <dgm:constr type="h" for="ch" forName="dot1" refType="userD"/>
                  <dgm:constr type="ctrX" for="ch" forName="dot2" refType="w" fact="0.6944"/>
                  <dgm:constr type="ctrY" for="ch" forName="dot2" refType="h" fact="0.644"/>
                  <dgm:constr type="w" for="ch" forName="dot2" refType="userD"/>
                  <dgm:constr type="h" for="ch" forName="dot2" refType="userD"/>
                  <dgm:constr type="ctrX" for="ch" forName="dot3" refType="w" fact="0.7141"/>
                  <dgm:constr type="ctrY" for="ch" forName="dot3" refType="h" fact="0.6898"/>
                  <dgm:constr type="w" for="ch" forName="dot3" refType="userD"/>
                  <dgm:constr type="h" for="ch" forName="dot3" refType="userD"/>
                  <dgm:constr type="ctrX" for="ch" forName="dotArrow1" refType="w" fact="0.6905"/>
                  <dgm:constr type="ctrY" for="ch" forName="dotArrow1" refType="h" fact="0.0587"/>
                  <dgm:constr type="w" for="ch" forName="dotArrow1" refType="userD"/>
                  <dgm:constr type="h" for="ch" forName="dotArrow1" refType="userD"/>
                  <dgm:constr type="ctrX" for="ch" forName="dotArrow2" refType="w" fact="0.6654"/>
                  <dgm:constr type="ctrY" for="ch" forName="dotArrow2" refType="h" fact="0.0287"/>
                  <dgm:constr type="w" for="ch" forName="dotArrow2" refType="userD"/>
                  <dgm:constr type="h" for="ch" forName="dotArrow2" refType="userD"/>
                  <dgm:constr type="ctrX" for="ch" forName="dotArrow3" refType="w" fact="0.6403"/>
                  <dgm:constr type="ctrY" for="ch" forName="dotArrow3" refType="h" fact="-0.0013"/>
                  <dgm:constr type="w" for="ch" forName="dotArrow3" refType="userD"/>
                  <dgm:constr type="h" for="ch" forName="dotArrow3" refType="userD"/>
                  <dgm:constr type="ctrX" for="ch" forName="dotArrow4" refType="w" fact="0.6152"/>
                  <dgm:constr type="ctrY" for="ch" forName="dotArrow4" refType="h" fact="0.0287"/>
                  <dgm:constr type="w" for="ch" forName="dotArrow4" refType="userD"/>
                  <dgm:constr type="h" for="ch" forName="dotArrow4" refType="userD"/>
                  <dgm:constr type="ctrX" for="ch" forName="dotArrow5" refType="w" fact="0.59"/>
                  <dgm:constr type="ctrY" for="ch" forName="dotArrow5" refType="h" fact="0.0587"/>
                  <dgm:constr type="w" for="ch" forName="dotArrow5" refType="userD"/>
                  <dgm:constr type="h" for="ch" forName="dotArrow5" refType="userD"/>
                  <dgm:constr type="ctrX" for="ch" forName="dotArrow6" refType="w" fact="0.6403"/>
                  <dgm:constr type="ctrY" for="ch" forName="dotArrow6" refType="h" fact="0.062"/>
                  <dgm:constr type="w" for="ch" forName="dotArrow6" refType="userD"/>
                  <dgm:constr type="h" for="ch" forName="dotArrow6" refType="userD"/>
                  <dgm:constr type="ctrX" for="ch" forName="dotArrow7" refType="w" fact="0.6403"/>
                  <dgm:constr type="ctrY" for="ch" forName="dotArrow7" refType="h" fact="0.1253"/>
                  <dgm:constr type="w" for="ch" forName="dotArrow7" refType="userD"/>
                  <dgm:constr type="h" for="ch" forName="dotArrow7" refType="userD"/>
                  <dgm:constr type="r" for="ch" forName="parTx1" refType="w" fact="0.803"/>
                  <dgm:constr type="t" for="ch" forName="parTx1" refType="h" fact="0.8169"/>
                  <dgm:constr type="w" for="ch" forName="parTx1" refType="w" fact="0.4064"/>
                  <dgm:constr type="h" for="ch" forName="parTx1" refType="h" fact="0.218"/>
                  <dgm:constr type="ctrX" for="ch" forName="picture1" refType="w" fact="0.8215"/>
                  <dgm:constr type="ctrY" for="ch" forName="picture1" refType="h" fact="0.7834"/>
                  <dgm:constr type="w" for="ch" forName="picture1" refType="w" fact="0.1884"/>
                  <dgm:constr type="h" for="ch" forName="picture1" refType="h" fact="0.3768"/>
                  <dgm:constr type="r" for="ch" forName="desTx1" refType="l" refFor="ch" refForName="parTx1"/>
                  <dgm:constr type="l" for="ch" forName="desTx1"/>
                  <dgm:constr type="t" for="ch" forName="desTx1" refType="t" refFor="ch" refForName="parTx1"/>
                  <dgm:constr type="h" for="ch" forName="desTx1" refType="h" refFor="ch" refForName="parTx1"/>
                  <dgm:constr type="r" for="ch" forName="parTx2" refType="w" fact="0.6312"/>
                  <dgm:constr type="t" for="ch" forName="parTx2" refType="h" fact="0.3905"/>
                  <dgm:constr type="w" for="ch" forName="parTx2" refType="w" fact="0.4064"/>
                  <dgm:constr type="h" for="ch" forName="parTx2" refType="h" fact="0.218"/>
                  <dgm:constr type="ctrX" for="ch" forName="picture2" refType="w" fact="0.6497"/>
                  <dgm:constr type="ctrY" for="ch" forName="picture2" refType="h" fact="0.357"/>
                  <dgm:constr type="w" for="ch" forName="picture2" refType="w" fact="0.1884"/>
                  <dgm:constr type="h" for="ch" forName="picture2" refType="h" fact="0.3768"/>
                  <dgm:constr type="r" for="ch" forName="desTx2" refType="l" refFor="ch" refForName="parTx2"/>
                  <dgm:constr type="l" for="ch" forName="desTx2"/>
                  <dgm:constr type="t" for="ch" forName="desTx2" refType="t" refFor="ch" refForName="parTx2"/>
                  <dgm:constr type="h" for="ch" forName="desTx2" refType="h" refFor="ch" refForName="parTx2"/>
                </dgm:constrLst>
              </dgm:if>
              <dgm:else name="Name21">
                <dgm:alg type="composite">
                  <dgm:param type="ar" val="1.5073"/>
                </dgm:alg>
                <dgm:constrLst>
                  <dgm:constr type="primFontSz" for="ch" forName="parTx1" op="equ" val="65"/>
                  <dgm:constr type="primFontSz" for="ch" forName="parTx2" refType="primFontSz" refFor="ch" refForName="parTx1" op="equ"/>
                  <dgm:constr type="userD" refType="w" fact="0.025"/>
                  <dgm:constr type="ctrX" for="ch" forName="dot1" refType="w" fact="0.5726"/>
                  <dgm:constr type="ctrY" for="ch" forName="dot1" refType="h" fact="0.5911"/>
                  <dgm:constr type="w" for="ch" forName="dot1" refType="userD"/>
                  <dgm:constr type="h" for="ch" forName="dot1" refType="userD"/>
                  <dgm:constr type="ctrX" for="ch" forName="dot2" refType="w" fact="0.5945"/>
                  <dgm:constr type="ctrY" for="ch" forName="dot2" refType="h" fact="0.644"/>
                  <dgm:constr type="w" for="ch" forName="dot2" refType="userD"/>
                  <dgm:constr type="h" for="ch" forName="dot2" refType="userD"/>
                  <dgm:constr type="ctrX" for="ch" forName="dot3" refType="w" fact="0.6206"/>
                  <dgm:constr type="ctrY" for="ch" forName="dot3" refType="h" fact="0.6898"/>
                  <dgm:constr type="w" for="ch" forName="dot3" refType="userD"/>
                  <dgm:constr type="h" for="ch" forName="dot3" refType="userD"/>
                  <dgm:constr type="ctrX" for="ch" forName="dotArrow1" refType="w" fact="0.5894"/>
                  <dgm:constr type="ctrY" for="ch" forName="dotArrow1" refType="h" fact="0.0587"/>
                  <dgm:constr type="w" for="ch" forName="dotArrow1" refType="userD"/>
                  <dgm:constr type="h" for="ch" forName="dotArrow1" refType="userD"/>
                  <dgm:constr type="ctrX" for="ch" forName="dotArrow2" refType="w" fact="0.556"/>
                  <dgm:constr type="ctrY" for="ch" forName="dotArrow2" refType="h" fact="0.0287"/>
                  <dgm:constr type="w" for="ch" forName="dotArrow2" refType="userD"/>
                  <dgm:constr type="h" for="ch" forName="dotArrow2" refType="userD"/>
                  <dgm:constr type="ctrX" for="ch" forName="dotArrow3" refType="w" fact="0.5227"/>
                  <dgm:constr type="ctrY" for="ch" forName="dotArrow3" refType="h" fact="-0.0013"/>
                  <dgm:constr type="w" for="ch" forName="dotArrow3" refType="userD"/>
                  <dgm:constr type="h" for="ch" forName="dotArrow3" refType="userD"/>
                  <dgm:constr type="ctrX" for="ch" forName="dotArrow4" refType="w" fact="0.4894"/>
                  <dgm:constr type="ctrY" for="ch" forName="dotArrow4" refType="h" fact="0.0287"/>
                  <dgm:constr type="w" for="ch" forName="dotArrow4" refType="userD"/>
                  <dgm:constr type="h" for="ch" forName="dotArrow4" refType="userD"/>
                  <dgm:constr type="ctrX" for="ch" forName="dotArrow5" refType="w" fact="0.456"/>
                  <dgm:constr type="ctrY" for="ch" forName="dotArrow5" refType="h" fact="0.0587"/>
                  <dgm:constr type="w" for="ch" forName="dotArrow5" refType="userD"/>
                  <dgm:constr type="h" for="ch" forName="dotArrow5" refType="userD"/>
                  <dgm:constr type="ctrX" for="ch" forName="dotArrow6" refType="w" fact="0.5227"/>
                  <dgm:constr type="ctrY" for="ch" forName="dotArrow6" refType="h" fact="0.062"/>
                  <dgm:constr type="w" for="ch" forName="dotArrow6" refType="userD"/>
                  <dgm:constr type="h" for="ch" forName="dotArrow6" refType="userD"/>
                  <dgm:constr type="ctrX" for="ch" forName="dotArrow7" refType="w" fact="0.5227"/>
                  <dgm:constr type="ctrY" for="ch" forName="dotArrow7" refType="h" fact="0.1253"/>
                  <dgm:constr type="w" for="ch" forName="dotArrow7" refType="userD"/>
                  <dgm:constr type="h" for="ch" forName="dotArrow7" refType="userD"/>
                  <dgm:constr type="r" for="ch" forName="parTx1" refType="w" fact="0.7386"/>
                  <dgm:constr type="t" for="ch" forName="parTx1" refType="h" fact="0.8086"/>
                  <dgm:constr type="w" for="ch" forName="parTx1" refType="w" fact="0.5392"/>
                  <dgm:constr type="h" for="ch" forName="parTx1" refType="h" fact="0.218"/>
                  <dgm:constr type="ctrX" for="ch" forName="picture1" refType="w" fact="0.7631"/>
                  <dgm:constr type="ctrY" for="ch" forName="picture1" refType="h" fact="0.7834"/>
                  <dgm:constr type="w" for="ch" forName="picture1" refType="w" fact="0.25"/>
                  <dgm:constr type="h" for="ch" forName="picture1" refType="h" fact="0.3768"/>
                  <dgm:constr type="r" for="ch" forName="parTx2" refType="w" fact="0.5107"/>
                  <dgm:constr type="t" for="ch" forName="parTx2" refType="h" fact="0.3822"/>
                  <dgm:constr type="w" for="ch" forName="parTx2" refType="w" fact="0.5392"/>
                  <dgm:constr type="h" for="ch" forName="parTx2" refType="h" fact="0.218"/>
                  <dgm:constr type="ctrX" for="ch" forName="picture2" refType="w" fact="0.5352"/>
                  <dgm:constr type="ctrY" for="ch" forName="picture2" refType="h" fact="0.357"/>
                  <dgm:constr type="w" for="ch" forName="picture2" refType="w" fact="0.25"/>
                  <dgm:constr type="h" for="ch" forName="picture2" refType="h" fact="0.3768"/>
                </dgm:constrLst>
              </dgm:else>
            </dgm:choose>
          </dgm:else>
        </dgm:choose>
      </dgm:if>
      <dgm:if name="Name22" axis="ch" ptType="node" func="cnt" op="equ" val="3">
        <dgm:choose name="Name23">
          <dgm:if name="Name24" func="var" arg="dir" op="equ" val="norm">
            <dgm:choose name="Name25">
              <dgm:if name="Name26" axis="des" func="maxDepth" op="gt" val="1">
                <dgm:alg type="composite">
                  <dgm:param type="ar" val="1.75"/>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desTx1" op="equ" val="65"/>
                  <dgm:constr type="primFontSz" for="ch" forName="desTx2" refType="primFontSz" refFor="ch" refForName="desTx1" op="equ"/>
                  <dgm:constr type="primFontSz" for="ch" forName="desTx3" refType="primFontSz" refFor="ch" refForName="desTx1" op="equ"/>
                  <dgm:constr type="userD" refType="w" fact="0.0162"/>
                  <dgm:constr type="ctrX" for="ch" forName="dot1" refType="w" fact="0.2981"/>
                  <dgm:constr type="ctrY" for="ch" forName="dot1" refType="h" fact="0.763"/>
                  <dgm:constr type="w" for="ch" forName="dot1" refType="userD"/>
                  <dgm:constr type="h" for="ch" forName="dot1" refType="userD"/>
                  <dgm:constr type="ctrX" for="ch" forName="dot2" refType="w" fact="0.2676"/>
                  <dgm:constr type="ctrY" for="ch" forName="dot2" refType="h" fact="0.7887"/>
                  <dgm:constr type="w" for="ch" forName="dot2" refType="userD"/>
                  <dgm:constr type="h" for="ch" forName="dot2" refType="userD"/>
                  <dgm:constr type="ctrX" for="ch" forName="dot3" refType="w" fact="0.2357"/>
                  <dgm:constr type="ctrY" for="ch" forName="dot3" refType="h" fact="0.809"/>
                  <dgm:constr type="w" for="ch" forName="dot3" refType="userD"/>
                  <dgm:constr type="h" for="ch" forName="dot3" refType="userD"/>
                  <dgm:constr type="ctrX" for="ch" forName="dot4" refType="w" fact="0.4445"/>
                  <dgm:constr type="ctrY" for="ch" forName="dot4" refType="h" fact="0.4655"/>
                  <dgm:constr type="w" for="ch" forName="dot4" refType="userD"/>
                  <dgm:constr type="h" for="ch" forName="dot4" refType="userD"/>
                  <dgm:constr type="ctrX" for="ch" forName="dot5" refType="w" fact="0.4323"/>
                  <dgm:constr type="ctrY" for="ch" forName="dot5" refType="h" fact="0.5178"/>
                  <dgm:constr type="w" for="ch" forName="dot5" refType="userD"/>
                  <dgm:constr type="h" for="ch" forName="dot5" refType="userD"/>
                  <dgm:constr type="ctrX" for="ch" forName="dotArrow1" refType="w" fact="0.4236"/>
                  <dgm:constr type="ctrY" for="ch" forName="dotArrow1" refType="h" fact="0.0718"/>
                  <dgm:constr type="w" for="ch" forName="dotArrow1" refType="userD"/>
                  <dgm:constr type="h" for="ch" forName="dotArrow1" refType="userD"/>
                  <dgm:constr type="ctrX" for="ch" forName="dotArrow2" refType="w" fact="0.446"/>
                  <dgm:constr type="ctrY" for="ch" forName="dotArrow2" refType="h" fact="0.0468"/>
                  <dgm:constr type="w" for="ch" forName="dotArrow2" refType="userD"/>
                  <dgm:constr type="h" for="ch" forName="dotArrow2" refType="userD"/>
                  <dgm:constr type="ctrX" for="ch" forName="dotArrow3" refType="w" fact="0.4685"/>
                  <dgm:constr type="ctrY" for="ch" forName="dotArrow3" refType="h" fact="0.0218"/>
                  <dgm:constr type="w" for="ch" forName="dotArrow3" refType="userD"/>
                  <dgm:constr type="h" for="ch" forName="dotArrow3" refType="userD"/>
                  <dgm:constr type="ctrX" for="ch" forName="dotArrow4" refType="w" fact="0.491"/>
                  <dgm:constr type="ctrY" for="ch" forName="dotArrow4" refType="h" fact="0.0468"/>
                  <dgm:constr type="w" for="ch" forName="dotArrow4" refType="userD"/>
                  <dgm:constr type="h" for="ch" forName="dotArrow4" refType="userD"/>
                  <dgm:constr type="ctrX" for="ch" forName="dotArrow5" refType="w" fact="0.5135"/>
                  <dgm:constr type="ctrY" for="ch" forName="dotArrow5" refType="h" fact="0.0718"/>
                  <dgm:constr type="w" for="ch" forName="dotArrow5" refType="userD"/>
                  <dgm:constr type="h" for="ch" forName="dotArrow5" refType="userD"/>
                  <dgm:constr type="ctrX" for="ch" forName="dotArrow6" refType="w" fact="0.4685"/>
                  <dgm:constr type="ctrY" for="ch" forName="dotArrow6" refType="h" fact="0.0745"/>
                  <dgm:constr type="w" for="ch" forName="dotArrow6" refType="userD"/>
                  <dgm:constr type="h" for="ch" forName="dotArrow6" refType="userD"/>
                  <dgm:constr type="ctrX" for="ch" forName="dotArrow7" refType="w" fact="0.4685"/>
                  <dgm:constr type="ctrY" for="ch" forName="dotArrow7" refType="h" fact="0.1273"/>
                  <dgm:constr type="w" for="ch" forName="dotArrow7" refType="userD"/>
                  <dgm:constr type="h" for="ch" forName="dotArrow7" refType="userD"/>
                  <dgm:constr type="l" for="ch" forName="parTx1" refType="w" fact="0.1487"/>
                  <dgm:constr type="t" for="ch" forName="parTx1" refType="h" fact="0.8596"/>
                  <dgm:constr type="w" for="ch" forName="parTx1" refType="w" fact="0.3491"/>
                  <dgm:constr type="h" for="ch" forName="parTx1" refType="h" fact="0.1638"/>
                  <dgm:constr type="ctrX" for="ch" forName="picture1" refType="w" fact="0.1328"/>
                  <dgm:constr type="ctrY" for="ch" forName="picture1" refType="h" fact="0.8361"/>
                  <dgm:constr type="w" for="ch" forName="picture1" refType="w" fact="0.1618"/>
                  <dgm:constr type="h" for="ch" forName="picture1" refType="h" fact="0.2832"/>
                  <dgm:constr type="l" for="ch" forName="desTx1" refType="r" refFor="ch" refForName="parTx1"/>
                  <dgm:constr type="r" for="ch" forName="desTx1" refType="w"/>
                  <dgm:constr type="t" for="ch" forName="desTx1" refType="t" refFor="ch" refForName="parTx1"/>
                  <dgm:constr type="h" for="ch" forName="desTx1" refType="h" refFor="ch" refForName="parTx1"/>
                  <dgm:constr type="l" for="ch" forName="parTx2" refType="w" fact="0.3732"/>
                  <dgm:constr type="t" for="ch" forName="parTx2" refType="h" fact="0.6469"/>
                  <dgm:constr type="w" for="ch" forName="parTx2" refType="w" fact="0.3491"/>
                  <dgm:constr type="h" for="ch" forName="parTx2" refType="h" fact="0.1638"/>
                  <dgm:constr type="ctrX" for="ch" forName="picture2" refType="w" fact="0.3573"/>
                  <dgm:constr type="ctrY" for="ch" forName="picture2" refType="h" fact="0.6234"/>
                  <dgm:constr type="w" for="ch" forName="picture2" refType="w" fact="0.1618"/>
                  <dgm:constr type="h" for="ch" forName="picture2" refType="h" fact="0.2832"/>
                  <dgm:constr type="l" for="ch" forName="desTx2" refType="r" refFor="ch" refForName="parTx2"/>
                  <dgm:constr type="r" for="ch" forName="desTx2" refType="w"/>
                  <dgm:constr type="t" for="ch" forName="desTx2" refType="t" refFor="ch" refForName="parTx2"/>
                  <dgm:constr type="h" for="ch" forName="desTx2" refType="h" refFor="ch" refForName="parTx2"/>
                  <dgm:constr type="l" for="ch" forName="parTx3" refType="w" fact="0.4763"/>
                  <dgm:constr type="t" for="ch" forName="parTx3" refType="h" fact="0.3243"/>
                  <dgm:constr type="w" for="ch" forName="parTx3" refType="w" fact="0.3491"/>
                  <dgm:constr type="h" for="ch" forName="parTx3" refType="h" fact="0.1638"/>
                  <dgm:constr type="ctrX" for="ch" forName="picture3" refType="w" fact="0.4604"/>
                  <dgm:constr type="ctrY" for="ch" forName="picture3" refType="h" fact="0.3008"/>
                  <dgm:constr type="w" for="ch" forName="picture3" refType="w" fact="0.1618"/>
                  <dgm:constr type="h" for="ch" forName="picture3" refType="h" fact="0.2832"/>
                  <dgm:constr type="l" for="ch" forName="desTx3" refType="r" refFor="ch" refForName="parTx3"/>
                  <dgm:constr type="r" for="ch" forName="desTx3" refType="w"/>
                  <dgm:constr type="t" for="ch" forName="desTx3" refType="t" refFor="ch" refForName="parTx3"/>
                  <dgm:constr type="h" for="ch" forName="desTx3" refType="h" refFor="ch" refForName="parTx3"/>
                </dgm:constrLst>
              </dgm:if>
              <dgm:else name="Name27">
                <dgm:alg type="composite">
                  <dgm:param type="ar" val="1.4161"/>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userD" refType="w" fact="0.02"/>
                  <dgm:constr type="ctrX" for="ch" forName="dot1" refType="w" fact="0.3684"/>
                  <dgm:constr type="ctrY" for="ch" forName="dot1" refType="h" fact="0.763"/>
                  <dgm:constr type="w" for="ch" forName="dot1" refType="userD"/>
                  <dgm:constr type="h" for="ch" forName="dot1" refType="userD"/>
                  <dgm:constr type="ctrX" for="ch" forName="dot2" refType="w" fact="0.3307"/>
                  <dgm:constr type="ctrY" for="ch" forName="dot2" refType="h" fact="0.7887"/>
                  <dgm:constr type="w" for="ch" forName="dot2" refType="userD"/>
                  <dgm:constr type="h" for="ch" forName="dot2" refType="userD"/>
                  <dgm:constr type="ctrX" for="ch" forName="dot3" refType="w" fact="0.2912"/>
                  <dgm:constr type="ctrY" for="ch" forName="dot3" refType="h" fact="0.809"/>
                  <dgm:constr type="w" for="ch" forName="dot3" refType="userD"/>
                  <dgm:constr type="h" for="ch" forName="dot3" refType="userD"/>
                  <dgm:constr type="ctrX" for="ch" forName="dot4" refType="w" fact="0.5494"/>
                  <dgm:constr type="ctrY" for="ch" forName="dot4" refType="h" fact="0.4655"/>
                  <dgm:constr type="w" for="ch" forName="dot4" refType="userD"/>
                  <dgm:constr type="h" for="ch" forName="dot4" refType="userD"/>
                  <dgm:constr type="ctrX" for="ch" forName="dot5" refType="w" fact="0.5342"/>
                  <dgm:constr type="ctrY" for="ch" forName="dot5" refType="h" fact="0.5178"/>
                  <dgm:constr type="w" for="ch" forName="dot5" refType="userD"/>
                  <dgm:constr type="h" for="ch" forName="dot5" refType="userD"/>
                  <dgm:constr type="ctrX" for="ch" forName="dotArrow1" refType="w" fact="0.5234"/>
                  <dgm:constr type="ctrY" for="ch" forName="dotArrow1" refType="h" fact="0.0718"/>
                  <dgm:constr type="w" for="ch" forName="dotArrow1" refType="userD"/>
                  <dgm:constr type="h" for="ch" forName="dotArrow1" refType="userD"/>
                  <dgm:constr type="ctrX" for="ch" forName="dotArrow2" refType="w" fact="0.5512"/>
                  <dgm:constr type="ctrY" for="ch" forName="dotArrow2" refType="h" fact="0.0468"/>
                  <dgm:constr type="w" for="ch" forName="dotArrow2" refType="userD"/>
                  <dgm:constr type="h" for="ch" forName="dotArrow2" refType="userD"/>
                  <dgm:constr type="ctrX" for="ch" forName="dotArrow3" refType="w" fact="0.579"/>
                  <dgm:constr type="ctrY" for="ch" forName="dotArrow3" refType="h" fact="0.0218"/>
                  <dgm:constr type="w" for="ch" forName="dotArrow3" refType="userD"/>
                  <dgm:constr type="h" for="ch" forName="dotArrow3" refType="userD"/>
                  <dgm:constr type="ctrX" for="ch" forName="dotArrow4" refType="w" fact="0.6068"/>
                  <dgm:constr type="ctrY" for="ch" forName="dotArrow4" refType="h" fact="0.0468"/>
                  <dgm:constr type="w" for="ch" forName="dotArrow4" refType="userD"/>
                  <dgm:constr type="h" for="ch" forName="dotArrow4" refType="userD"/>
                  <dgm:constr type="ctrX" for="ch" forName="dotArrow5" refType="w" fact="0.6346"/>
                  <dgm:constr type="ctrY" for="ch" forName="dotArrow5" refType="h" fact="0.0718"/>
                  <dgm:constr type="w" for="ch" forName="dotArrow5" refType="userD"/>
                  <dgm:constr type="h" for="ch" forName="dotArrow5" refType="userD"/>
                  <dgm:constr type="ctrX" for="ch" forName="dotArrow6" refType="w" fact="0.579"/>
                  <dgm:constr type="ctrY" for="ch" forName="dotArrow6" refType="h" fact="0.0745"/>
                  <dgm:constr type="w" for="ch" forName="dotArrow6" refType="userD"/>
                  <dgm:constr type="h" for="ch" forName="dotArrow6" refType="userD"/>
                  <dgm:constr type="ctrX" for="ch" forName="dotArrow7" refType="w" fact="0.579"/>
                  <dgm:constr type="ctrY" for="ch" forName="dotArrow7" refType="h" fact="0.1273"/>
                  <dgm:constr type="w" for="ch" forName="dotArrow7" refType="userD"/>
                  <dgm:constr type="h" for="ch" forName="dotArrow7" refType="userD"/>
                  <dgm:constr type="l" for="ch" forName="parTx1" refType="w" fact="0.1837"/>
                  <dgm:constr type="t" for="ch" forName="parTx1" refType="h" fact="0.8551"/>
                  <dgm:constr type="w" for="ch" forName="parTx1" refType="w" fact="0.4314"/>
                  <dgm:constr type="h" for="ch" forName="parTx1" refType="h" fact="0.1638"/>
                  <dgm:constr type="ctrX" for="ch" forName="picture1" refType="w" fact="0.1641"/>
                  <dgm:constr type="ctrY" for="ch" forName="picture1" refType="h" fact="0.8361"/>
                  <dgm:constr type="w" for="ch" forName="picture1" refType="w" fact="0.2"/>
                  <dgm:constr type="h" for="ch" forName="picture1" refType="h" fact="0.2832"/>
                  <dgm:constr type="l" for="ch" forName="parTx2" refType="w" fact="0.4612"/>
                  <dgm:constr type="t" for="ch" forName="parTx2" refType="h" fact="0.6424"/>
                  <dgm:constr type="w" for="ch" forName="parTx2" refType="w" fact="0.4314"/>
                  <dgm:constr type="h" for="ch" forName="parTx2" refType="h" fact="0.1638"/>
                  <dgm:constr type="ctrX" for="ch" forName="picture2" refType="w" fact="0.4416"/>
                  <dgm:constr type="ctrY" for="ch" forName="picture2" refType="h" fact="0.6234"/>
                  <dgm:constr type="w" for="ch" forName="picture2" refType="w" fact="0.2"/>
                  <dgm:constr type="h" for="ch" forName="picture2" refType="h" fact="0.2832"/>
                  <dgm:constr type="l" for="ch" forName="parTx3" refType="w" fact="0.5886"/>
                  <dgm:constr type="t" for="ch" forName="parTx3" refType="h" fact="0.3198"/>
                  <dgm:constr type="w" for="ch" forName="parTx3" refType="w" fact="0.4314"/>
                  <dgm:constr type="h" for="ch" forName="parTx3" refType="h" fact="0.1638"/>
                  <dgm:constr type="ctrX" for="ch" forName="picture3" refType="w" fact="0.569"/>
                  <dgm:constr type="ctrY" for="ch" forName="picture3" refType="h" fact="0.3008"/>
                  <dgm:constr type="w" for="ch" forName="picture3" refType="w" fact="0.2"/>
                  <dgm:constr type="h" for="ch" forName="picture3" refType="h" fact="0.2832"/>
                </dgm:constrLst>
              </dgm:else>
            </dgm:choose>
          </dgm:if>
          <dgm:else name="Name28">
            <dgm:choose name="Name29">
              <dgm:if name="Name30" axis="des" func="maxDepth" op="gt" val="1">
                <dgm:alg type="composite">
                  <dgm:param type="ar" val="1.75"/>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desTx1" op="equ" val="65"/>
                  <dgm:constr type="primFontSz" for="ch" forName="desTx2" refType="primFontSz" refFor="ch" refForName="desTx1" op="equ"/>
                  <dgm:constr type="primFontSz" for="ch" forName="desTx3" refType="primFontSz" refFor="ch" refForName="desTx1" op="equ"/>
                  <dgm:constr type="userD" refType="w" fact="0.0162"/>
                  <dgm:constr type="ctrX" for="ch" forName="dot1" refType="w" fact="0.7019"/>
                  <dgm:constr type="ctrY" for="ch" forName="dot1" refType="h" fact="0.763"/>
                  <dgm:constr type="w" for="ch" forName="dot1" refType="userD"/>
                  <dgm:constr type="h" for="ch" forName="dot1" refType="userD"/>
                  <dgm:constr type="ctrX" for="ch" forName="dot2" refType="w" fact="0.7324"/>
                  <dgm:constr type="ctrY" for="ch" forName="dot2" refType="h" fact="0.7887"/>
                  <dgm:constr type="w" for="ch" forName="dot2" refType="userD"/>
                  <dgm:constr type="h" for="ch" forName="dot2" refType="userD"/>
                  <dgm:constr type="ctrX" for="ch" forName="dot3" refType="w" fact="0.7643"/>
                  <dgm:constr type="ctrY" for="ch" forName="dot3" refType="h" fact="0.809"/>
                  <dgm:constr type="w" for="ch" forName="dot3" refType="userD"/>
                  <dgm:constr type="h" for="ch" forName="dot3" refType="userD"/>
                  <dgm:constr type="ctrX" for="ch" forName="dot4" refType="w" fact="0.5555"/>
                  <dgm:constr type="ctrY" for="ch" forName="dot4" refType="h" fact="0.4655"/>
                  <dgm:constr type="w" for="ch" forName="dot4" refType="userD"/>
                  <dgm:constr type="h" for="ch" forName="dot4" refType="userD"/>
                  <dgm:constr type="ctrX" for="ch" forName="dot5" refType="w" fact="0.5677"/>
                  <dgm:constr type="ctrY" for="ch" forName="dot5" refType="h" fact="0.5178"/>
                  <dgm:constr type="w" for="ch" forName="dot5" refType="userD"/>
                  <dgm:constr type="h" for="ch" forName="dot5" refType="userD"/>
                  <dgm:constr type="ctrX" for="ch" forName="dotArrow1" refType="w" fact="0.5764"/>
                  <dgm:constr type="ctrY" for="ch" forName="dotArrow1" refType="h" fact="0.0718"/>
                  <dgm:constr type="w" for="ch" forName="dotArrow1" refType="userD"/>
                  <dgm:constr type="h" for="ch" forName="dotArrow1" refType="userD"/>
                  <dgm:constr type="ctrX" for="ch" forName="dotArrow2" refType="w" fact="0.554"/>
                  <dgm:constr type="ctrY" for="ch" forName="dotArrow2" refType="h" fact="0.0468"/>
                  <dgm:constr type="w" for="ch" forName="dotArrow2" refType="userD"/>
                  <dgm:constr type="h" for="ch" forName="dotArrow2" refType="userD"/>
                  <dgm:constr type="ctrX" for="ch" forName="dotArrow3" refType="w" fact="0.5315"/>
                  <dgm:constr type="ctrY" for="ch" forName="dotArrow3" refType="h" fact="0.0218"/>
                  <dgm:constr type="w" for="ch" forName="dotArrow3" refType="userD"/>
                  <dgm:constr type="h" for="ch" forName="dotArrow3" refType="userD"/>
                  <dgm:constr type="ctrX" for="ch" forName="dotArrow4" refType="w" fact="0.509"/>
                  <dgm:constr type="ctrY" for="ch" forName="dotArrow4" refType="h" fact="0.0468"/>
                  <dgm:constr type="w" for="ch" forName="dotArrow4" refType="userD"/>
                  <dgm:constr type="h" for="ch" forName="dotArrow4" refType="userD"/>
                  <dgm:constr type="ctrX" for="ch" forName="dotArrow5" refType="w" fact="0.4865"/>
                  <dgm:constr type="ctrY" for="ch" forName="dotArrow5" refType="h" fact="0.0718"/>
                  <dgm:constr type="w" for="ch" forName="dotArrow5" refType="userD"/>
                  <dgm:constr type="h" for="ch" forName="dotArrow5" refType="userD"/>
                  <dgm:constr type="ctrX" for="ch" forName="dotArrow6" refType="w" fact="0.5315"/>
                  <dgm:constr type="ctrY" for="ch" forName="dotArrow6" refType="h" fact="0.0745"/>
                  <dgm:constr type="w" for="ch" forName="dotArrow6" refType="userD"/>
                  <dgm:constr type="h" for="ch" forName="dotArrow6" refType="userD"/>
                  <dgm:constr type="ctrX" for="ch" forName="dotArrow7" refType="w" fact="0.5315"/>
                  <dgm:constr type="ctrY" for="ch" forName="dotArrow7" refType="h" fact="0.1273"/>
                  <dgm:constr type="w" for="ch" forName="dotArrow7" refType="userD"/>
                  <dgm:constr type="h" for="ch" forName="dotArrow7" refType="userD"/>
                  <dgm:constr type="r" for="ch" forName="parTx1" refType="w" fact="0.8513"/>
                  <dgm:constr type="t" for="ch" forName="parTx1" refType="h" fact="0.8596"/>
                  <dgm:constr type="w" for="ch" forName="parTx1" refType="w" fact="0.3491"/>
                  <dgm:constr type="h" for="ch" forName="parTx1" refType="h" fact="0.1638"/>
                  <dgm:constr type="ctrX" for="ch" forName="picture1" refType="w" fact="0.8672"/>
                  <dgm:constr type="ctrY" for="ch" forName="picture1" refType="h" fact="0.8361"/>
                  <dgm:constr type="w" for="ch" forName="picture1" refType="w" fact="0.1618"/>
                  <dgm:constr type="h" for="ch" forName="picture1" refType="h" fact="0.2832"/>
                  <dgm:constr type="r" for="ch" forName="desTx1" refType="l" refFor="ch" refForName="parTx1"/>
                  <dgm:constr type="l" for="ch" forName="desTx1"/>
                  <dgm:constr type="t" for="ch" forName="desTx1" refType="t" refFor="ch" refForName="parTx1"/>
                  <dgm:constr type="h" for="ch" forName="desTx1" refType="h" refFor="ch" refForName="parTx1"/>
                  <dgm:constr type="r" for="ch" forName="parTx2" refType="w" fact="0.6268"/>
                  <dgm:constr type="t" for="ch" forName="parTx2" refType="h" fact="0.6469"/>
                  <dgm:constr type="w" for="ch" forName="parTx2" refType="w" fact="0.3491"/>
                  <dgm:constr type="h" for="ch" forName="parTx2" refType="h" fact="0.1638"/>
                  <dgm:constr type="ctrX" for="ch" forName="picture2" refType="w" fact="0.6427"/>
                  <dgm:constr type="ctrY" for="ch" forName="picture2" refType="h" fact="0.6234"/>
                  <dgm:constr type="w" for="ch" forName="picture2" refType="w" fact="0.1618"/>
                  <dgm:constr type="h" for="ch" forName="picture2" refType="h" fact="0.2832"/>
                  <dgm:constr type="r" for="ch" forName="desTx2" refType="l" refFor="ch" refForName="parTx2"/>
                  <dgm:constr type="l" for="ch" forName="desTx2"/>
                  <dgm:constr type="t" for="ch" forName="desTx2" refType="t" refFor="ch" refForName="parTx2"/>
                  <dgm:constr type="h" for="ch" forName="desTx2" refType="h" refFor="ch" refForName="parTx2"/>
                  <dgm:constr type="r" for="ch" forName="parTx3" refType="w" fact="0.5237"/>
                  <dgm:constr type="t" for="ch" forName="parTx3" refType="h" fact="0.3243"/>
                  <dgm:constr type="w" for="ch" forName="parTx3" refType="w" fact="0.3491"/>
                  <dgm:constr type="h" for="ch" forName="parTx3" refType="h" fact="0.1638"/>
                  <dgm:constr type="ctrX" for="ch" forName="picture3" refType="w" fact="0.5396"/>
                  <dgm:constr type="ctrY" for="ch" forName="picture3" refType="h" fact="0.3008"/>
                  <dgm:constr type="w" for="ch" forName="picture3" refType="w" fact="0.1618"/>
                  <dgm:constr type="h" for="ch" forName="picture3" refType="h" fact="0.2832"/>
                  <dgm:constr type="r" for="ch" forName="desTx3" refType="l" refFor="ch" refForName="parTx3"/>
                  <dgm:constr type="l" for="ch" forName="desTx3"/>
                  <dgm:constr type="t" for="ch" forName="desTx3" refType="t" refFor="ch" refForName="parTx3"/>
                  <dgm:constr type="h" for="ch" forName="desTx3" refType="h" refFor="ch" refForName="parTx3"/>
                </dgm:constrLst>
              </dgm:if>
              <dgm:else name="Name31">
                <dgm:alg type="composite">
                  <dgm:param type="ar" val="1.4161"/>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userD" refType="w" fact="0.02"/>
                  <dgm:constr type="ctrX" for="ch" forName="dot1" refType="w" fact="0.6316"/>
                  <dgm:constr type="ctrY" for="ch" forName="dot1" refType="h" fact="0.763"/>
                  <dgm:constr type="w" for="ch" forName="dot1" refType="userD"/>
                  <dgm:constr type="h" for="ch" forName="dot1" refType="userD"/>
                  <dgm:constr type="ctrX" for="ch" forName="dot2" refType="w" fact="0.6693"/>
                  <dgm:constr type="ctrY" for="ch" forName="dot2" refType="h" fact="0.7887"/>
                  <dgm:constr type="w" for="ch" forName="dot2" refType="userD"/>
                  <dgm:constr type="h" for="ch" forName="dot2" refType="userD"/>
                  <dgm:constr type="ctrX" for="ch" forName="dot3" refType="w" fact="0.7088"/>
                  <dgm:constr type="ctrY" for="ch" forName="dot3" refType="h" fact="0.809"/>
                  <dgm:constr type="w" for="ch" forName="dot3" refType="userD"/>
                  <dgm:constr type="h" for="ch" forName="dot3" refType="userD"/>
                  <dgm:constr type="ctrX" for="ch" forName="dot4" refType="w" fact="0.4506"/>
                  <dgm:constr type="ctrY" for="ch" forName="dot4" refType="h" fact="0.4655"/>
                  <dgm:constr type="w" for="ch" forName="dot4" refType="userD"/>
                  <dgm:constr type="h" for="ch" forName="dot4" refType="userD"/>
                  <dgm:constr type="ctrX" for="ch" forName="dot5" refType="w" fact="0.4658"/>
                  <dgm:constr type="ctrY" for="ch" forName="dot5" refType="h" fact="0.5178"/>
                  <dgm:constr type="w" for="ch" forName="dot5" refType="userD"/>
                  <dgm:constr type="h" for="ch" forName="dot5" refType="userD"/>
                  <dgm:constr type="ctrX" for="ch" forName="dotArrow1" refType="w" fact="0.4766"/>
                  <dgm:constr type="ctrY" for="ch" forName="dotArrow1" refType="h" fact="0.0718"/>
                  <dgm:constr type="w" for="ch" forName="dotArrow1" refType="userD"/>
                  <dgm:constr type="h" for="ch" forName="dotArrow1" refType="userD"/>
                  <dgm:constr type="ctrX" for="ch" forName="dotArrow2" refType="w" fact="0.4488"/>
                  <dgm:constr type="ctrY" for="ch" forName="dotArrow2" refType="h" fact="0.0468"/>
                  <dgm:constr type="w" for="ch" forName="dotArrow2" refType="userD"/>
                  <dgm:constr type="h" for="ch" forName="dotArrow2" refType="userD"/>
                  <dgm:constr type="ctrX" for="ch" forName="dotArrow3" refType="w" fact="0.421"/>
                  <dgm:constr type="ctrY" for="ch" forName="dotArrow3" refType="h" fact="0.0218"/>
                  <dgm:constr type="w" for="ch" forName="dotArrow3" refType="userD"/>
                  <dgm:constr type="h" for="ch" forName="dotArrow3" refType="userD"/>
                  <dgm:constr type="ctrX" for="ch" forName="dotArrow4" refType="w" fact="0.3932"/>
                  <dgm:constr type="ctrY" for="ch" forName="dotArrow4" refType="h" fact="0.0468"/>
                  <dgm:constr type="w" for="ch" forName="dotArrow4" refType="userD"/>
                  <dgm:constr type="h" for="ch" forName="dotArrow4" refType="userD"/>
                  <dgm:constr type="ctrX" for="ch" forName="dotArrow5" refType="w" fact="0.3654"/>
                  <dgm:constr type="ctrY" for="ch" forName="dotArrow5" refType="h" fact="0.0718"/>
                  <dgm:constr type="w" for="ch" forName="dotArrow5" refType="userD"/>
                  <dgm:constr type="h" for="ch" forName="dotArrow5" refType="userD"/>
                  <dgm:constr type="ctrX" for="ch" forName="dotArrow6" refType="w" fact="0.421"/>
                  <dgm:constr type="ctrY" for="ch" forName="dotArrow6" refType="h" fact="0.0745"/>
                  <dgm:constr type="w" for="ch" forName="dotArrow6" refType="userD"/>
                  <dgm:constr type="h" for="ch" forName="dotArrow6" refType="userD"/>
                  <dgm:constr type="ctrX" for="ch" forName="dotArrow7" refType="w" fact="0.421"/>
                  <dgm:constr type="ctrY" for="ch" forName="dotArrow7" refType="h" fact="0.1273"/>
                  <dgm:constr type="w" for="ch" forName="dotArrow7" refType="userD"/>
                  <dgm:constr type="h" for="ch" forName="dotArrow7" refType="userD"/>
                  <dgm:constr type="r" for="ch" forName="parTx1" refType="w" fact="0.8163"/>
                  <dgm:constr type="t" for="ch" forName="parTx1" refType="h" fact="0.8551"/>
                  <dgm:constr type="w" for="ch" forName="parTx1" refType="w" fact="0.4314"/>
                  <dgm:constr type="h" for="ch" forName="parTx1" refType="h" fact="0.1638"/>
                  <dgm:constr type="ctrX" for="ch" forName="picture1" refType="w" fact="0.8359"/>
                  <dgm:constr type="ctrY" for="ch" forName="picture1" refType="h" fact="0.8361"/>
                  <dgm:constr type="w" for="ch" forName="picture1" refType="w" fact="0.2"/>
                  <dgm:constr type="h" for="ch" forName="picture1" refType="h" fact="0.2832"/>
                  <dgm:constr type="r" for="ch" forName="parTx2" refType="w" fact="0.5388"/>
                  <dgm:constr type="t" for="ch" forName="parTx2" refType="h" fact="0.6424"/>
                  <dgm:constr type="w" for="ch" forName="parTx2" refType="w" fact="0.4314"/>
                  <dgm:constr type="h" for="ch" forName="parTx2" refType="h" fact="0.1638"/>
                  <dgm:constr type="ctrX" for="ch" forName="picture2" refType="w" fact="0.5584"/>
                  <dgm:constr type="ctrY" for="ch" forName="picture2" refType="h" fact="0.6234"/>
                  <dgm:constr type="w" for="ch" forName="picture2" refType="w" fact="0.2"/>
                  <dgm:constr type="h" for="ch" forName="picture2" refType="h" fact="0.2832"/>
                  <dgm:constr type="r" for="ch" forName="parTx3" refType="w" fact="0.4114"/>
                  <dgm:constr type="t" for="ch" forName="parTx3" refType="h" fact="0.3198"/>
                  <dgm:constr type="w" for="ch" forName="parTx3" refType="w" fact="0.4314"/>
                  <dgm:constr type="h" for="ch" forName="parTx3" refType="h" fact="0.1638"/>
                  <dgm:constr type="ctrX" for="ch" forName="picture3" refType="w" fact="0.431"/>
                  <dgm:constr type="ctrY" for="ch" forName="picture3" refType="h" fact="0.3008"/>
                  <dgm:constr type="w" for="ch" forName="picture3" refType="w" fact="0.2"/>
                  <dgm:constr type="h" for="ch" forName="picture3" refType="h" fact="0.2832"/>
                </dgm:constrLst>
              </dgm:else>
            </dgm:choose>
          </dgm:else>
        </dgm:choose>
      </dgm:if>
      <dgm:if name="Name32" axis="ch" ptType="node" func="cnt" op="equ" val="4">
        <dgm:choose name="Name33">
          <dgm:if name="Name34" func="var" arg="dir" op="equ" val="norm">
            <dgm:choose name="Name35">
              <dgm:if name="Name36" axis="des" func="maxDepth" op="gt" val="1">
                <dgm:alg type="composite">
                  <dgm:param type="ar" val="1.55"/>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desTx1" op="equ" val="65"/>
                  <dgm:constr type="primFontSz" for="ch" forName="desTx2" refType="primFontSz" refFor="ch" refForName="desTx1" op="equ"/>
                  <dgm:constr type="primFontSz" for="ch" forName="desTx3" refType="primFontSz" refFor="ch" refForName="desTx1" op="equ"/>
                  <dgm:constr type="primFontSz" for="ch" forName="desTx4" refType="primFontSz" refFor="ch" refForName="desTx1" op="equ"/>
                  <dgm:constr type="userD" refType="w" fact="0.0136"/>
                  <dgm:constr type="ctrX" for="ch" forName="dot1" refType="w" fact="0.3253"/>
                  <dgm:constr type="ctrY" for="ch" forName="dot1" refType="h" fact="0.8215"/>
                  <dgm:constr type="w" for="ch" forName="dot1" refType="userD"/>
                  <dgm:constr type="h" for="ch" forName="dot1" refType="userD"/>
                  <dgm:constr type="ctrX" for="ch" forName="dot2" refType="w" fact="0.2949"/>
                  <dgm:constr type="ctrY" for="ch" forName="dot2" refType="h" fact="0.843"/>
                  <dgm:constr type="w" for="ch" forName="dot2" refType="userD"/>
                  <dgm:constr type="h" for="ch" forName="dot2" refType="userD"/>
                  <dgm:constr type="ctrX" for="ch" forName="dot3" refType="w" fact="0.2635"/>
                  <dgm:constr type="ctrY" for="ch" forName="dot3" refType="h" fact="0.8607"/>
                  <dgm:constr type="w" for="ch" forName="dot3" refType="userD"/>
                  <dgm:constr type="h" for="ch" forName="dot3" refType="userD"/>
                  <dgm:constr type="ctrX" for="ch" forName="dot4" refType="w" fact="0.2313"/>
                  <dgm:constr type="ctrY" for="ch" forName="dot4" refType="h" fact="0.8745"/>
                  <dgm:constr type="w" for="ch" forName="dot4" refType="userD"/>
                  <dgm:constr type="h" for="ch" forName="dot4" refType="userD"/>
                  <dgm:constr type="ctrX" for="ch" forName="dot5" refType="w" fact="0.4675"/>
                  <dgm:constr type="ctrY" for="ch" forName="dot5" refType="h" fact="0.6419"/>
                  <dgm:constr type="w" for="ch" forName="dot5" refType="userD"/>
                  <dgm:constr type="h" for="ch" forName="dot5" refType="userD"/>
                  <dgm:constr type="ctrX" for="ch" forName="dot6" refType="w" fact="0.5486"/>
                  <dgm:constr type="ctrY" for="ch" forName="dot6" refType="h" fact="0.3784"/>
                  <dgm:constr type="w" for="ch" forName="dot6" refType="userD"/>
                  <dgm:constr type="h" for="ch" forName="dot6" refType="userD"/>
                  <dgm:constr type="ctrX" for="ch" forName="dotArrow1" refType="w" fact="0.5267"/>
                  <dgm:constr type="ctrY" for="ch" forName="dotArrow1" refType="h" fact="0.0496"/>
                  <dgm:constr type="w" for="ch" forName="dotArrow1" refType="userD"/>
                  <dgm:constr type="h" for="ch" forName="dotArrow1" refType="userD"/>
                  <dgm:constr type="ctrX" for="ch" forName="dotArrow2" refType="w" fact="0.5462"/>
                  <dgm:constr type="ctrY" for="ch" forName="dotArrow2" refType="h" fact="0.0282"/>
                  <dgm:constr type="w" for="ch" forName="dotArrow2" refType="userD"/>
                  <dgm:constr type="h" for="ch" forName="dotArrow2" refType="userD"/>
                  <dgm:constr type="ctrX" for="ch" forName="dotArrow3" refType="w" fact="0.5657"/>
                  <dgm:constr type="ctrY" for="ch" forName="dotArrow3" refType="h" fact="0.0068"/>
                  <dgm:constr type="w" for="ch" forName="dotArrow3" refType="userD"/>
                  <dgm:constr type="h" for="ch" forName="dotArrow3" refType="userD"/>
                  <dgm:constr type="ctrX" for="ch" forName="dotArrow4" refType="w" fact="0.5851"/>
                  <dgm:constr type="ctrY" for="ch" forName="dotArrow4" refType="h" fact="0.0282"/>
                  <dgm:constr type="w" for="ch" forName="dotArrow4" refType="userD"/>
                  <dgm:constr type="h" for="ch" forName="dotArrow4" refType="userD"/>
                  <dgm:constr type="ctrX" for="ch" forName="dotArrow5" refType="w" fact="0.6046"/>
                  <dgm:constr type="ctrY" for="ch" forName="dotArrow5" refType="h" fact="0.0496"/>
                  <dgm:constr type="w" for="ch" forName="dotArrow5" refType="userD"/>
                  <dgm:constr type="h" for="ch" forName="dotArrow5" refType="userD"/>
                  <dgm:constr type="ctrX" for="ch" forName="dotArrow6" refType="w" fact="0.5657"/>
                  <dgm:constr type="ctrY" for="ch" forName="dotArrow6" refType="h" fact="0.052"/>
                  <dgm:constr type="w" for="ch" forName="dotArrow6" refType="userD"/>
                  <dgm:constr type="h" for="ch" forName="dotArrow6" refType="userD"/>
                  <dgm:constr type="ctrX" for="ch" forName="dotArrow7" refType="w" fact="0.5657"/>
                  <dgm:constr type="ctrY" for="ch" forName="dotArrow7" refType="h" fact="0.0972"/>
                  <dgm:constr type="w" for="ch" forName="dotArrow7" refType="userD"/>
                  <dgm:constr type="h" for="ch" forName="dotArrow7" refType="userD"/>
                  <dgm:constr type="l" for="ch" forName="parTx1" refType="w" fact="0.1466"/>
                  <dgm:constr type="t" for="ch" forName="parTx1" refType="h" fact="0.9095"/>
                  <dgm:constr type="w" for="ch" forName="parTx1" refType="w" fact="0.294"/>
                  <dgm:constr type="h" for="ch" forName="parTx1" refType="h" fact="0.1222"/>
                  <dgm:constr type="ctrX" for="ch" forName="picture1" refType="w" fact="0.1333"/>
                  <dgm:constr type="ctrY" for="ch" forName="picture1" refType="h" fact="0.8922"/>
                  <dgm:constr type="w" for="ch" forName="picture1" refType="w" fact="0.1363"/>
                  <dgm:constr type="h" for="ch" forName="picture1" refType="h" fact="0.2113"/>
                  <dgm:constr type="l" for="ch" forName="desTx1" refType="r" refFor="ch" refForName="parTx1"/>
                  <dgm:constr type="r" for="ch" forName="desTx1" refType="w"/>
                  <dgm:constr type="t" for="ch" forName="desTx1" refType="t" refFor="ch" refForName="parTx1"/>
                  <dgm:constr type="h" for="ch" forName="desTx1" refType="h" refFor="ch" refForName="parTx1"/>
                  <dgm:constr type="l" for="ch" forName="parTx2" refType="w" fact="0.4105"/>
                  <dgm:constr type="t" for="ch" forName="parTx2" refType="h" fact="0.762"/>
                  <dgm:constr type="w" for="ch" forName="parTx2" refType="w" fact="0.294"/>
                  <dgm:constr type="h" for="ch" forName="parTx2" refType="h" fact="0.1222"/>
                  <dgm:constr type="ctrX" for="ch" forName="picture2" refType="w" fact="0.3972"/>
                  <dgm:constr type="ctrY" for="ch" forName="picture2" refType="h" fact="0.7447"/>
                  <dgm:constr type="w" for="ch" forName="picture2" refType="w" fact="0.1363"/>
                  <dgm:constr type="h" for="ch" forName="picture2" refType="h" fact="0.2113"/>
                  <dgm:constr type="l" for="ch" forName="desTx2" refType="r" refFor="ch" refForName="parTx2"/>
                  <dgm:constr type="r" for="ch" forName="desTx2" refType="w"/>
                  <dgm:constr type="t" for="ch" forName="desTx2" refType="t" refFor="ch" refForName="parTx2"/>
                  <dgm:constr type="h" for="ch" forName="desTx2" refType="h" refFor="ch" refForName="parTx2"/>
                  <dgm:constr type="l" for="ch" forName="parTx3" refType="w" fact="0.5229"/>
                  <dgm:constr type="t" for="ch" forName="parTx3" refType="h" fact="0.5294"/>
                  <dgm:constr type="w" for="ch" forName="parTx3" refType="w" fact="0.294"/>
                  <dgm:constr type="h" for="ch" forName="parTx3" refType="h" fact="0.1222"/>
                  <dgm:constr type="ctrX" for="ch" forName="picture3" refType="w" fact="0.5095"/>
                  <dgm:constr type="ctrY" for="ch" forName="picture3" refType="h" fact="0.5121"/>
                  <dgm:constr type="w" for="ch" forName="picture3" refType="w" fact="0.1363"/>
                  <dgm:constr type="h" for="ch" forName="picture3" refType="h" fact="0.2113"/>
                  <dgm:constr type="l" for="ch" forName="desTx3" refType="r" refFor="ch" refForName="parTx3"/>
                  <dgm:constr type="r" for="ch" forName="desTx3" refType="w"/>
                  <dgm:constr type="t" for="ch" forName="desTx3" refType="t" refFor="ch" refForName="parTx3"/>
                  <dgm:constr type="h" for="ch" forName="desTx3" refType="h" refFor="ch" refForName="parTx3"/>
                  <dgm:constr type="l" for="ch" forName="parTx4" refType="w" fact="0.5722"/>
                  <dgm:constr type="t" for="ch" forName="parTx4" refType="h" fact="0.2523"/>
                  <dgm:constr type="w" for="ch" forName="parTx4" refType="w" fact="0.294"/>
                  <dgm:constr type="h" for="ch" forName="parTx4" refType="h" fact="0.1222"/>
                  <dgm:constr type="ctrX" for="ch" forName="picture4" refType="w" fact="0.5588"/>
                  <dgm:constr type="ctrY" for="ch" forName="picture4" refType="h" fact="0.235"/>
                  <dgm:constr type="w" for="ch" forName="picture4" refType="w" fact="0.1363"/>
                  <dgm:constr type="h" for="ch" forName="picture4" refType="h" fact="0.2113"/>
                  <dgm:constr type="l" for="ch" forName="desTx4" refType="r" refFor="ch" refForName="parTx4"/>
                  <dgm:constr type="r" for="ch" forName="desTx4" refType="w"/>
                  <dgm:constr type="t" for="ch" forName="desTx4" refType="t" refFor="ch" refForName="parTx4"/>
                  <dgm:constr type="h" for="ch" forName="desTx4" refType="h" refFor="ch" refForName="parTx4"/>
                </dgm:constrLst>
              </dgm:if>
              <dgm:else name="Name37">
                <dgm:alg type="composite">
                  <dgm:param type="ar" val="1.2675"/>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userD" refType="w" fact="0.0167"/>
                  <dgm:constr type="ctrX" for="ch" forName="dot1" refType="w" fact="0.3978"/>
                  <dgm:constr type="ctrY" for="ch" forName="dot1" refType="h" fact="0.8215"/>
                  <dgm:constr type="w" for="ch" forName="dot1" refType="userD"/>
                  <dgm:constr type="h" for="ch" forName="dot1" refType="userD"/>
                  <dgm:constr type="ctrX" for="ch" forName="dot2" refType="w" fact="0.3606"/>
                  <dgm:constr type="ctrY" for="ch" forName="dot2" refType="h" fact="0.843"/>
                  <dgm:constr type="w" for="ch" forName="dot2" refType="userD"/>
                  <dgm:constr type="h" for="ch" forName="dot2" refType="userD"/>
                  <dgm:constr type="ctrX" for="ch" forName="dot3" refType="w" fact="0.3223"/>
                  <dgm:constr type="ctrY" for="ch" forName="dot3" refType="h" fact="0.8607"/>
                  <dgm:constr type="w" for="ch" forName="dot3" refType="userD"/>
                  <dgm:constr type="h" for="ch" forName="dot3" refType="userD"/>
                  <dgm:constr type="ctrX" for="ch" forName="dot4" refType="w" fact="0.2829"/>
                  <dgm:constr type="ctrY" for="ch" forName="dot4" refType="h" fact="0.8745"/>
                  <dgm:constr type="w" for="ch" forName="dot4" refType="userD"/>
                  <dgm:constr type="h" for="ch" forName="dot4" refType="userD"/>
                  <dgm:constr type="ctrX" for="ch" forName="dot5" refType="w" fact="0.5717"/>
                  <dgm:constr type="ctrY" for="ch" forName="dot5" refType="h" fact="0.6419"/>
                  <dgm:constr type="w" for="ch" forName="dot5" refType="userD"/>
                  <dgm:constr type="h" for="ch" forName="dot5" refType="userD"/>
                  <dgm:constr type="ctrX" for="ch" forName="dot6" refType="w" fact="0.6709"/>
                  <dgm:constr type="ctrY" for="ch" forName="dot6" refType="h" fact="0.3784"/>
                  <dgm:constr type="w" for="ch" forName="dot6" refType="userD"/>
                  <dgm:constr type="h" for="ch" forName="dot6" refType="userD"/>
                  <dgm:constr type="ctrX" for="ch" forName="dotArrow1" refType="w" fact="0.6441"/>
                  <dgm:constr type="ctrY" for="ch" forName="dotArrow1" refType="h" fact="0.0496"/>
                  <dgm:constr type="w" for="ch" forName="dotArrow1" refType="userD"/>
                  <dgm:constr type="h" for="ch" forName="dotArrow1" refType="userD"/>
                  <dgm:constr type="ctrX" for="ch" forName="dotArrow2" refType="w" fact="0.6679"/>
                  <dgm:constr type="ctrY" for="ch" forName="dotArrow2" refType="h" fact="0.0282"/>
                  <dgm:constr type="w" for="ch" forName="dotArrow2" refType="userD"/>
                  <dgm:constr type="h" for="ch" forName="dotArrow2" refType="userD"/>
                  <dgm:constr type="ctrX" for="ch" forName="dotArrow3" refType="w" fact="0.6917"/>
                  <dgm:constr type="ctrY" for="ch" forName="dotArrow3" refType="h" fact="0.0068"/>
                  <dgm:constr type="w" for="ch" forName="dotArrow3" refType="userD"/>
                  <dgm:constr type="h" for="ch" forName="dotArrow3" refType="userD"/>
                  <dgm:constr type="ctrX" for="ch" forName="dotArrow4" refType="w" fact="0.7155"/>
                  <dgm:constr type="ctrY" for="ch" forName="dotArrow4" refType="h" fact="0.0282"/>
                  <dgm:constr type="w" for="ch" forName="dotArrow4" refType="userD"/>
                  <dgm:constr type="h" for="ch" forName="dotArrow4" refType="userD"/>
                  <dgm:constr type="ctrX" for="ch" forName="dotArrow5" refType="w" fact="0.7394"/>
                  <dgm:constr type="ctrY" for="ch" forName="dotArrow5" refType="h" fact="0.0496"/>
                  <dgm:constr type="w" for="ch" forName="dotArrow5" refType="userD"/>
                  <dgm:constr type="h" for="ch" forName="dotArrow5" refType="userD"/>
                  <dgm:constr type="ctrX" for="ch" forName="dotArrow6" refType="w" fact="0.6917"/>
                  <dgm:constr type="ctrY" for="ch" forName="dotArrow6" refType="h" fact="0.052"/>
                  <dgm:constr type="w" for="ch" forName="dotArrow6" refType="userD"/>
                  <dgm:constr type="h" for="ch" forName="dotArrow6" refType="userD"/>
                  <dgm:constr type="ctrX" for="ch" forName="dotArrow7" refType="w" fact="0.6917"/>
                  <dgm:constr type="ctrY" for="ch" forName="dotArrow7" refType="h" fact="0.0972"/>
                  <dgm:constr type="w" for="ch" forName="dotArrow7" refType="userD"/>
                  <dgm:constr type="h" for="ch" forName="dotArrow7" refType="userD"/>
                  <dgm:constr type="l" for="ch" forName="parTx1" refType="w" fact="0.1793"/>
                  <dgm:constr type="t" for="ch" forName="parTx1" refType="h" fact="0.9064"/>
                  <dgm:constr type="w" for="ch" forName="parTx1" refType="w" fact="0.3595"/>
                  <dgm:constr type="h" for="ch" forName="parTx1" refType="h" fact="0.1222"/>
                  <dgm:constr type="ctrX" for="ch" forName="picture1" refType="w" fact="0.163"/>
                  <dgm:constr type="ctrY" for="ch" forName="picture1" refType="h" fact="0.8922"/>
                  <dgm:constr type="w" for="ch" forName="picture1" refType="w" fact="0.1667"/>
                  <dgm:constr type="h" for="ch" forName="picture1" refType="h" fact="0.2113"/>
                  <dgm:constr type="l" for="ch" forName="parTx2" refType="w" fact="0.502"/>
                  <dgm:constr type="t" for="ch" forName="parTx2" refType="h" fact="0.7589"/>
                  <dgm:constr type="w" for="ch" forName="parTx2" refType="w" fact="0.3595"/>
                  <dgm:constr type="h" for="ch" forName="parTx2" refType="h" fact="0.1222"/>
                  <dgm:constr type="ctrX" for="ch" forName="picture2" refType="w" fact="0.4857"/>
                  <dgm:constr type="ctrY" for="ch" forName="picture2" refType="h" fact="0.7447"/>
                  <dgm:constr type="w" for="ch" forName="picture2" refType="w" fact="0.1667"/>
                  <dgm:constr type="h" for="ch" forName="picture2" refType="h" fact="0.2113"/>
                  <dgm:constr type="l" for="ch" forName="parTx3" refType="w" fact="0.6394"/>
                  <dgm:constr type="t" for="ch" forName="parTx3" refType="h" fact="0.5263"/>
                  <dgm:constr type="w" for="ch" forName="parTx3" refType="w" fact="0.3595"/>
                  <dgm:constr type="h" for="ch" forName="parTx3" refType="h" fact="0.1222"/>
                  <dgm:constr type="ctrX" for="ch" forName="picture3" refType="w" fact="0.6231"/>
                  <dgm:constr type="ctrY" for="ch" forName="picture3" refType="h" fact="0.5121"/>
                  <dgm:constr type="w" for="ch" forName="picture3" refType="w" fact="0.1667"/>
                  <dgm:constr type="h" for="ch" forName="picture3" refType="h" fact="0.2113"/>
                  <dgm:constr type="l" for="ch" forName="parTx4" refType="w" fact="0.6997"/>
                  <dgm:constr type="t" for="ch" forName="parTx4" refType="h" fact="0.2492"/>
                  <dgm:constr type="w" for="ch" forName="parTx4" refType="w" fact="0.3595"/>
                  <dgm:constr type="h" for="ch" forName="parTx4" refType="h" fact="0.1222"/>
                  <dgm:constr type="ctrX" for="ch" forName="picture4" refType="w" fact="0.6834"/>
                  <dgm:constr type="ctrY" for="ch" forName="picture4" refType="h" fact="0.235"/>
                  <dgm:constr type="w" for="ch" forName="picture4" refType="w" fact="0.1667"/>
                  <dgm:constr type="h" for="ch" forName="picture4" refType="h" fact="0.2113"/>
                </dgm:constrLst>
              </dgm:else>
            </dgm:choose>
          </dgm:if>
          <dgm:else name="Name38">
            <dgm:choose name="Name39">
              <dgm:if name="Name40" axis="des" func="maxDepth" op="gt" val="1">
                <dgm:alg type="composite">
                  <dgm:param type="ar" val="1.55"/>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desTx1" op="equ" val="65"/>
                  <dgm:constr type="primFontSz" for="ch" forName="desTx2" refType="primFontSz" refFor="ch" refForName="desTx1" op="equ"/>
                  <dgm:constr type="primFontSz" for="ch" forName="desTx3" refType="primFontSz" refFor="ch" refForName="desTx1" op="equ"/>
                  <dgm:constr type="primFontSz" for="ch" forName="desTx4" refType="primFontSz" refFor="ch" refForName="desTx1" op="equ"/>
                  <dgm:constr type="userD" refType="w" fact="0.0136"/>
                  <dgm:constr type="ctrX" for="ch" forName="dot1" refType="w" fact="0.6747"/>
                  <dgm:constr type="ctrY" for="ch" forName="dot1" refType="h" fact="0.8215"/>
                  <dgm:constr type="w" for="ch" forName="dot1" refType="userD"/>
                  <dgm:constr type="h" for="ch" forName="dot1" refType="userD"/>
                  <dgm:constr type="ctrX" for="ch" forName="dot2" refType="w" fact="0.7051"/>
                  <dgm:constr type="ctrY" for="ch" forName="dot2" refType="h" fact="0.843"/>
                  <dgm:constr type="w" for="ch" forName="dot2" refType="userD"/>
                  <dgm:constr type="h" for="ch" forName="dot2" refType="userD"/>
                  <dgm:constr type="ctrX" for="ch" forName="dot3" refType="w" fact="0.7365"/>
                  <dgm:constr type="ctrY" for="ch" forName="dot3" refType="h" fact="0.8607"/>
                  <dgm:constr type="w" for="ch" forName="dot3" refType="userD"/>
                  <dgm:constr type="h" for="ch" forName="dot3" refType="userD"/>
                  <dgm:constr type="ctrX" for="ch" forName="dot4" refType="w" fact="0.7687"/>
                  <dgm:constr type="ctrY" for="ch" forName="dot4" refType="h" fact="0.8745"/>
                  <dgm:constr type="w" for="ch" forName="dot4" refType="userD"/>
                  <dgm:constr type="h" for="ch" forName="dot4" refType="userD"/>
                  <dgm:constr type="ctrX" for="ch" forName="dot5" refType="w" fact="0.5325"/>
                  <dgm:constr type="ctrY" for="ch" forName="dot5" refType="h" fact="0.6419"/>
                  <dgm:constr type="w" for="ch" forName="dot5" refType="userD"/>
                  <dgm:constr type="h" for="ch" forName="dot5" refType="userD"/>
                  <dgm:constr type="ctrX" for="ch" forName="dot6" refType="w" fact="0.4514"/>
                  <dgm:constr type="ctrY" for="ch" forName="dot6" refType="h" fact="0.3784"/>
                  <dgm:constr type="w" for="ch" forName="dot6" refType="userD"/>
                  <dgm:constr type="h" for="ch" forName="dot6" refType="userD"/>
                  <dgm:constr type="ctrX" for="ch" forName="dotArrow1" refType="w" fact="0.4733"/>
                  <dgm:constr type="ctrY" for="ch" forName="dotArrow1" refType="h" fact="0.0496"/>
                  <dgm:constr type="w" for="ch" forName="dotArrow1" refType="userD"/>
                  <dgm:constr type="h" for="ch" forName="dotArrow1" refType="userD"/>
                  <dgm:constr type="ctrX" for="ch" forName="dotArrow2" refType="w" fact="0.4538"/>
                  <dgm:constr type="ctrY" for="ch" forName="dotArrow2" refType="h" fact="0.0282"/>
                  <dgm:constr type="w" for="ch" forName="dotArrow2" refType="userD"/>
                  <dgm:constr type="h" for="ch" forName="dotArrow2" refType="userD"/>
                  <dgm:constr type="ctrX" for="ch" forName="dotArrow3" refType="w" fact="0.4343"/>
                  <dgm:constr type="ctrY" for="ch" forName="dotArrow3" refType="h" fact="0.0068"/>
                  <dgm:constr type="w" for="ch" forName="dotArrow3" refType="userD"/>
                  <dgm:constr type="h" for="ch" forName="dotArrow3" refType="userD"/>
                  <dgm:constr type="ctrX" for="ch" forName="dotArrow4" refType="w" fact="0.4149"/>
                  <dgm:constr type="ctrY" for="ch" forName="dotArrow4" refType="h" fact="0.0282"/>
                  <dgm:constr type="w" for="ch" forName="dotArrow4" refType="userD"/>
                  <dgm:constr type="h" for="ch" forName="dotArrow4" refType="userD"/>
                  <dgm:constr type="ctrX" for="ch" forName="dotArrow5" refType="w" fact="0.3954"/>
                  <dgm:constr type="ctrY" for="ch" forName="dotArrow5" refType="h" fact="0.0496"/>
                  <dgm:constr type="w" for="ch" forName="dotArrow5" refType="userD"/>
                  <dgm:constr type="h" for="ch" forName="dotArrow5" refType="userD"/>
                  <dgm:constr type="ctrX" for="ch" forName="dotArrow6" refType="w" fact="0.4343"/>
                  <dgm:constr type="ctrY" for="ch" forName="dotArrow6" refType="h" fact="0.052"/>
                  <dgm:constr type="w" for="ch" forName="dotArrow6" refType="userD"/>
                  <dgm:constr type="h" for="ch" forName="dotArrow6" refType="userD"/>
                  <dgm:constr type="ctrX" for="ch" forName="dotArrow7" refType="w" fact="0.4343"/>
                  <dgm:constr type="ctrY" for="ch" forName="dotArrow7" refType="h" fact="0.0972"/>
                  <dgm:constr type="w" for="ch" forName="dotArrow7" refType="userD"/>
                  <dgm:constr type="h" for="ch" forName="dotArrow7" refType="userD"/>
                  <dgm:constr type="r" for="ch" forName="parTx1" refType="w" fact="0.8534"/>
                  <dgm:constr type="t" for="ch" forName="parTx1" refType="h" fact="0.9095"/>
                  <dgm:constr type="w" for="ch" forName="parTx1" refType="w" fact="0.294"/>
                  <dgm:constr type="h" for="ch" forName="parTx1" refType="h" fact="0.1222"/>
                  <dgm:constr type="ctrX" for="ch" forName="picture1" refType="w" fact="0.8667"/>
                  <dgm:constr type="ctrY" for="ch" forName="picture1" refType="h" fact="0.8922"/>
                  <dgm:constr type="w" for="ch" forName="picture1" refType="w" fact="0.1363"/>
                  <dgm:constr type="h" for="ch" forName="picture1" refType="h" fact="0.2113"/>
                  <dgm:constr type="r" for="ch" forName="desTx1" refType="l" refFor="ch" refForName="parTx1"/>
                  <dgm:constr type="l" for="ch" forName="desTx1"/>
                  <dgm:constr type="t" for="ch" forName="desTx1" refType="t" refFor="ch" refForName="parTx1"/>
                  <dgm:constr type="h" for="ch" forName="desTx1" refType="h" refFor="ch" refForName="parTx1"/>
                  <dgm:constr type="r" for="ch" forName="parTx2" refType="w" fact="0.5895"/>
                  <dgm:constr type="t" for="ch" forName="parTx2" refType="h" fact="0.762"/>
                  <dgm:constr type="w" for="ch" forName="parTx2" refType="w" fact="0.294"/>
                  <dgm:constr type="h" for="ch" forName="parTx2" refType="h" fact="0.1222"/>
                  <dgm:constr type="ctrX" for="ch" forName="picture2" refType="w" fact="0.6028"/>
                  <dgm:constr type="ctrY" for="ch" forName="picture2" refType="h" fact="0.7447"/>
                  <dgm:constr type="w" for="ch" forName="picture2" refType="w" fact="0.1363"/>
                  <dgm:constr type="h" for="ch" forName="picture2" refType="h" fact="0.2113"/>
                  <dgm:constr type="r" for="ch" forName="desTx2" refType="l" refFor="ch" refForName="parTx2"/>
                  <dgm:constr type="l" for="ch" forName="desTx2"/>
                  <dgm:constr type="t" for="ch" forName="desTx2" refType="t" refFor="ch" refForName="parTx2"/>
                  <dgm:constr type="h" for="ch" forName="desTx2" refType="h" refFor="ch" refForName="parTx2"/>
                  <dgm:constr type="r" for="ch" forName="parTx3" refType="w" fact="0.4771"/>
                  <dgm:constr type="t" for="ch" forName="parTx3" refType="h" fact="0.5294"/>
                  <dgm:constr type="w" for="ch" forName="parTx3" refType="w" fact="0.294"/>
                  <dgm:constr type="h" for="ch" forName="parTx3" refType="h" fact="0.1222"/>
                  <dgm:constr type="ctrX" for="ch" forName="picture3" refType="w" fact="0.4905"/>
                  <dgm:constr type="ctrY" for="ch" forName="picture3" refType="h" fact="0.5121"/>
                  <dgm:constr type="w" for="ch" forName="picture3" refType="w" fact="0.1363"/>
                  <dgm:constr type="h" for="ch" forName="picture3" refType="h" fact="0.2113"/>
                  <dgm:constr type="r" for="ch" forName="desTx3" refType="l" refFor="ch" refForName="parTx3"/>
                  <dgm:constr type="l" for="ch" forName="desTx3"/>
                  <dgm:constr type="t" for="ch" forName="desTx3" refType="t" refFor="ch" refForName="parTx3"/>
                  <dgm:constr type="h" for="ch" forName="desTx3" refType="h" refFor="ch" refForName="parTx3"/>
                  <dgm:constr type="r" for="ch" forName="parTx4" refType="w" fact="0.4278"/>
                  <dgm:constr type="t" for="ch" forName="parTx4" refType="h" fact="0.2523"/>
                  <dgm:constr type="w" for="ch" forName="parTx4" refType="w" fact="0.294"/>
                  <dgm:constr type="h" for="ch" forName="parTx4" refType="h" fact="0.1222"/>
                  <dgm:constr type="ctrX" for="ch" forName="picture4" refType="w" fact="0.4412"/>
                  <dgm:constr type="ctrY" for="ch" forName="picture4" refType="h" fact="0.235"/>
                  <dgm:constr type="w" for="ch" forName="picture4" refType="w" fact="0.1363"/>
                  <dgm:constr type="h" for="ch" forName="picture4" refType="h" fact="0.2113"/>
                  <dgm:constr type="r" for="ch" forName="desTx4" refType="l" refFor="ch" refForName="parTx4"/>
                  <dgm:constr type="l" for="ch" forName="desTx4"/>
                  <dgm:constr type="t" for="ch" forName="desTx4" refType="t" refFor="ch" refForName="parTx4"/>
                  <dgm:constr type="h" for="ch" forName="desTx4" refType="h" refFor="ch" refForName="parTx4"/>
                </dgm:constrLst>
              </dgm:if>
              <dgm:else name="Name41">
                <dgm:alg type="composite">
                  <dgm:param type="ar" val="1.2675"/>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userD" refType="w" fact="0.0167"/>
                  <dgm:constr type="ctrX" for="ch" forName="dot1" refType="w" fact="0.6022"/>
                  <dgm:constr type="ctrY" for="ch" forName="dot1" refType="h" fact="0.8215"/>
                  <dgm:constr type="w" for="ch" forName="dot1" refType="userD"/>
                  <dgm:constr type="h" for="ch" forName="dot1" refType="userD"/>
                  <dgm:constr type="ctrX" for="ch" forName="dot2" refType="w" fact="0.6394"/>
                  <dgm:constr type="ctrY" for="ch" forName="dot2" refType="h" fact="0.843"/>
                  <dgm:constr type="w" for="ch" forName="dot2" refType="userD"/>
                  <dgm:constr type="h" for="ch" forName="dot2" refType="userD"/>
                  <dgm:constr type="ctrX" for="ch" forName="dot3" refType="w" fact="0.6777"/>
                  <dgm:constr type="ctrY" for="ch" forName="dot3" refType="h" fact="0.8607"/>
                  <dgm:constr type="w" for="ch" forName="dot3" refType="userD"/>
                  <dgm:constr type="h" for="ch" forName="dot3" refType="userD"/>
                  <dgm:constr type="ctrX" for="ch" forName="dot4" refType="w" fact="0.7171"/>
                  <dgm:constr type="ctrY" for="ch" forName="dot4" refType="h" fact="0.8745"/>
                  <dgm:constr type="w" for="ch" forName="dot4" refType="userD"/>
                  <dgm:constr type="h" for="ch" forName="dot4" refType="userD"/>
                  <dgm:constr type="ctrX" for="ch" forName="dot5" refType="w" fact="0.4283"/>
                  <dgm:constr type="ctrY" for="ch" forName="dot5" refType="h" fact="0.6419"/>
                  <dgm:constr type="w" for="ch" forName="dot5" refType="userD"/>
                  <dgm:constr type="h" for="ch" forName="dot5" refType="userD"/>
                  <dgm:constr type="ctrX" for="ch" forName="dot6" refType="w" fact="0.3291"/>
                  <dgm:constr type="ctrY" for="ch" forName="dot6" refType="h" fact="0.3784"/>
                  <dgm:constr type="w" for="ch" forName="dot6" refType="userD"/>
                  <dgm:constr type="h" for="ch" forName="dot6" refType="userD"/>
                  <dgm:constr type="ctrX" for="ch" forName="dotArrow1" refType="w" fact="0.3559"/>
                  <dgm:constr type="ctrY" for="ch" forName="dotArrow1" refType="h" fact="0.0496"/>
                  <dgm:constr type="w" for="ch" forName="dotArrow1" refType="userD"/>
                  <dgm:constr type="h" for="ch" forName="dotArrow1" refType="userD"/>
                  <dgm:constr type="ctrX" for="ch" forName="dotArrow2" refType="w" fact="0.3321"/>
                  <dgm:constr type="ctrY" for="ch" forName="dotArrow2" refType="h" fact="0.0282"/>
                  <dgm:constr type="w" for="ch" forName="dotArrow2" refType="userD"/>
                  <dgm:constr type="h" for="ch" forName="dotArrow2" refType="userD"/>
                  <dgm:constr type="ctrX" for="ch" forName="dotArrow3" refType="w" fact="0.3083"/>
                  <dgm:constr type="ctrY" for="ch" forName="dotArrow3" refType="h" fact="0.0068"/>
                  <dgm:constr type="w" for="ch" forName="dotArrow3" refType="userD"/>
                  <dgm:constr type="h" for="ch" forName="dotArrow3" refType="userD"/>
                  <dgm:constr type="ctrX" for="ch" forName="dotArrow4" refType="w" fact="0.2845"/>
                  <dgm:constr type="ctrY" for="ch" forName="dotArrow4" refType="h" fact="0.0282"/>
                  <dgm:constr type="w" for="ch" forName="dotArrow4" refType="userD"/>
                  <dgm:constr type="h" for="ch" forName="dotArrow4" refType="userD"/>
                  <dgm:constr type="ctrX" for="ch" forName="dotArrow5" refType="w" fact="0.2606"/>
                  <dgm:constr type="ctrY" for="ch" forName="dotArrow5" refType="h" fact="0.0496"/>
                  <dgm:constr type="w" for="ch" forName="dotArrow5" refType="userD"/>
                  <dgm:constr type="h" for="ch" forName="dotArrow5" refType="userD"/>
                  <dgm:constr type="ctrX" for="ch" forName="dotArrow6" refType="w" fact="0.3083"/>
                  <dgm:constr type="ctrY" for="ch" forName="dotArrow6" refType="h" fact="0.052"/>
                  <dgm:constr type="w" for="ch" forName="dotArrow6" refType="userD"/>
                  <dgm:constr type="h" for="ch" forName="dotArrow6" refType="userD"/>
                  <dgm:constr type="ctrX" for="ch" forName="dotArrow7" refType="w" fact="0.3083"/>
                  <dgm:constr type="ctrY" for="ch" forName="dotArrow7" refType="h" fact="0.0972"/>
                  <dgm:constr type="w" for="ch" forName="dotArrow7" refType="userD"/>
                  <dgm:constr type="h" for="ch" forName="dotArrow7" refType="userD"/>
                  <dgm:constr type="r" for="ch" forName="parTx1" refType="w" fact="0.8207"/>
                  <dgm:constr type="t" for="ch" forName="parTx1" refType="h" fact="0.9064"/>
                  <dgm:constr type="w" for="ch" forName="parTx1" refType="w" fact="0.3595"/>
                  <dgm:constr type="h" for="ch" forName="parTx1" refType="h" fact="0.1222"/>
                  <dgm:constr type="ctrX" for="ch" forName="picture1" refType="w" fact="0.837"/>
                  <dgm:constr type="ctrY" for="ch" forName="picture1" refType="h" fact="0.8922"/>
                  <dgm:constr type="w" for="ch" forName="picture1" refType="w" fact="0.1667"/>
                  <dgm:constr type="h" for="ch" forName="picture1" refType="h" fact="0.2113"/>
                  <dgm:constr type="r" for="ch" forName="parTx2" refType="w" fact="0.498"/>
                  <dgm:constr type="t" for="ch" forName="parTx2" refType="h" fact="0.7589"/>
                  <dgm:constr type="w" for="ch" forName="parTx2" refType="w" fact="0.3595"/>
                  <dgm:constr type="h" for="ch" forName="parTx2" refType="h" fact="0.1222"/>
                  <dgm:constr type="ctrX" for="ch" forName="picture2" refType="w" fact="0.5143"/>
                  <dgm:constr type="ctrY" for="ch" forName="picture2" refType="h" fact="0.7447"/>
                  <dgm:constr type="w" for="ch" forName="picture2" refType="w" fact="0.1667"/>
                  <dgm:constr type="h" for="ch" forName="picture2" refType="h" fact="0.2113"/>
                  <dgm:constr type="r" for="ch" forName="parTx3" refType="w" fact="0.3606"/>
                  <dgm:constr type="t" for="ch" forName="parTx3" refType="h" fact="0.5263"/>
                  <dgm:constr type="w" for="ch" forName="parTx3" refType="w" fact="0.3595"/>
                  <dgm:constr type="h" for="ch" forName="parTx3" refType="h" fact="0.1222"/>
                  <dgm:constr type="ctrX" for="ch" forName="picture3" refType="w" fact="0.3769"/>
                  <dgm:constr type="ctrY" for="ch" forName="picture3" refType="h" fact="0.5121"/>
                  <dgm:constr type="w" for="ch" forName="picture3" refType="w" fact="0.1667"/>
                  <dgm:constr type="h" for="ch" forName="picture3" refType="h" fact="0.2113"/>
                  <dgm:constr type="r" for="ch" forName="parTx4" refType="w" fact="0.3003"/>
                  <dgm:constr type="t" for="ch" forName="parTx4" refType="h" fact="0.2492"/>
                  <dgm:constr type="w" for="ch" forName="parTx4" refType="w" fact="0.3595"/>
                  <dgm:constr type="h" for="ch" forName="parTx4" refType="h" fact="0.1222"/>
                  <dgm:constr type="ctrX" for="ch" forName="picture4" refType="w" fact="0.3166"/>
                  <dgm:constr type="ctrY" for="ch" forName="picture4" refType="h" fact="0.235"/>
                  <dgm:constr type="w" for="ch" forName="picture4" refType="w" fact="0.1667"/>
                  <dgm:constr type="h" for="ch" forName="picture4" refType="h" fact="0.2113"/>
                </dgm:constrLst>
              </dgm:else>
            </dgm:choose>
          </dgm:else>
        </dgm:choose>
      </dgm:if>
      <dgm:if name="Name42" axis="ch" ptType="node" func="cnt" op="equ" val="5">
        <dgm:choose name="Name43">
          <dgm:if name="Name44" func="var" arg="dir" op="equ" val="norm">
            <dgm:choose name="Name45">
              <dgm:if name="Name46" axis="des" func="maxDepth" op="gt" val="1">
                <dgm:alg type="composite">
                  <dgm:param type="ar" val="1.41"/>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primFontSz" for="ch" forName="desTx1" op="equ" val="65"/>
                  <dgm:constr type="primFontSz" for="ch" forName="desTx2" refType="primFontSz" refFor="ch" refForName="desTx1" op="equ"/>
                  <dgm:constr type="primFontSz" for="ch" forName="desTx3" refType="primFontSz" refFor="ch" refForName="desTx1" op="equ"/>
                  <dgm:constr type="primFontSz" for="ch" forName="desTx4" refType="primFontSz" refFor="ch" refForName="desTx1" op="equ"/>
                  <dgm:constr type="primFontSz" for="ch" forName="desTx5" refType="primFontSz" refFor="ch" refForName="desTx1" op="equ"/>
                  <dgm:constr type="userD" refType="w" fact="0.0118"/>
                  <dgm:constr type="ctrX" for="ch" forName="dot1" refType="w" fact="0.3263"/>
                  <dgm:constr type="ctrY" for="ch" forName="dot1" refType="h" fact="0.8674"/>
                  <dgm:constr type="w" for="ch" forName="dot1" refType="userD"/>
                  <dgm:constr type="h" for="ch" forName="dot1" refType="userD"/>
                  <dgm:constr type="ctrX" for="ch" forName="dot2" refType="w" fact="0.3001"/>
                  <dgm:constr type="ctrY" for="ch" forName="dot2" refType="h" fact="0.8824"/>
                  <dgm:constr type="w" for="ch" forName="dot2" refType="userD"/>
                  <dgm:constr type="h" for="ch" forName="dot2" refType="userD"/>
                  <dgm:constr type="ctrX" for="ch" forName="dot3" refType="w" fact="0.2733"/>
                  <dgm:constr type="ctrY" for="ch" forName="dot3" refType="h" fact="0.8948"/>
                  <dgm:constr type="w" for="ch" forName="dot3" refType="userD"/>
                  <dgm:constr type="h" for="ch" forName="dot3" refType="userD"/>
                  <dgm:constr type="ctrX" for="ch" forName="dot4" refType="w" fact="0.2462"/>
                  <dgm:constr type="ctrY" for="ch" forName="dot4" refType="h" fact="0.9044"/>
                  <dgm:constr type="w" for="ch" forName="dot4" refType="userD"/>
                  <dgm:constr type="h" for="ch" forName="dot4" refType="userD"/>
                  <dgm:constr type="ctrX" for="ch" forName="dot5" refType="w" fact="0.4691"/>
                  <dgm:constr type="ctrY" for="ch" forName="dot5" refType="h" fact="0.7222"/>
                  <dgm:constr type="w" for="ch" forName="dot5" refType="userD"/>
                  <dgm:constr type="h" for="ch" forName="dot5" refType="userD"/>
                  <dgm:constr type="ctrX" for="ch" forName="dot6" refType="w" fact="0.4484"/>
                  <dgm:constr type="ctrY" for="ch" forName="dot6" refType="h" fact="0.7518"/>
                  <dgm:constr type="w" for="ch" forName="dot6" refType="userD"/>
                  <dgm:constr type="h" for="ch" forName="dot6" refType="userD"/>
                  <dgm:constr type="ctrX" for="ch" forName="dot7" refType="w" fact="0.5549"/>
                  <dgm:constr type="ctrY" for="ch" forName="dot7" refType="h" fact="0.5422"/>
                  <dgm:constr type="w" for="ch" forName="dot7" refType="userD"/>
                  <dgm:constr type="h" for="ch" forName="dot7" refType="userD"/>
                  <dgm:constr type="ctrX" for="ch" forName="dot8" refType="w" fact="0.601"/>
                  <dgm:constr type="ctrY" for="ch" forName="dot8" refType="h" fact="0.3229"/>
                  <dgm:constr type="w" for="ch" forName="dot8" refType="userD"/>
                  <dgm:constr type="h" for="ch" forName="dot8" refType="userD"/>
                  <dgm:constr type="ctrX" for="ch" forName="dotArrow1" refType="w" fact="0.5779"/>
                  <dgm:constr type="ctrY" for="ch" forName="dotArrow1" refType="h" fact="0.0635"/>
                  <dgm:constr type="w" for="ch" forName="dotArrow1" refType="userD"/>
                  <dgm:constr type="h" for="ch" forName="dotArrow1" refType="userD"/>
                  <dgm:constr type="ctrX" for="ch" forName="dotArrow2" refType="w" fact="0.5951"/>
                  <dgm:constr type="ctrY" for="ch" forName="dotArrow2" refType="h" fact="0.0448"/>
                  <dgm:constr type="w" for="ch" forName="dotArrow2" refType="userD"/>
                  <dgm:constr type="h" for="ch" forName="dotArrow2" refType="userD"/>
                  <dgm:constr type="ctrX" for="ch" forName="dotArrow3" refType="w" fact="0.6123"/>
                  <dgm:constr type="ctrY" for="ch" forName="dotArrow3" refType="h" fact="0.026"/>
                  <dgm:constr type="w" for="ch" forName="dotArrow3" refType="userD"/>
                  <dgm:constr type="h" for="ch" forName="dotArrow3" refType="userD"/>
                  <dgm:constr type="ctrX" for="ch" forName="dotArrow4" refType="w" fact="0.6295"/>
                  <dgm:constr type="ctrY" for="ch" forName="dotArrow4" refType="h" fact="0.0448"/>
                  <dgm:constr type="w" for="ch" forName="dotArrow4" refType="userD"/>
                  <dgm:constr type="h" for="ch" forName="dotArrow4" refType="userD"/>
                  <dgm:constr type="ctrX" for="ch" forName="dotArrow5" refType="w" fact="0.6467"/>
                  <dgm:constr type="ctrY" for="ch" forName="dotArrow5" refType="h" fact="0.0635"/>
                  <dgm:constr type="w" for="ch" forName="dotArrow5" refType="userD"/>
                  <dgm:constr type="h" for="ch" forName="dotArrow5" refType="userD"/>
                  <dgm:constr type="ctrX" for="ch" forName="dotArrow6" refType="w" fact="0.6123"/>
                  <dgm:constr type="ctrY" for="ch" forName="dotArrow6" refType="h" fact="0.0656"/>
                  <dgm:constr type="w" for="ch" forName="dotArrow6" refType="userD"/>
                  <dgm:constr type="h" for="ch" forName="dotArrow6" refType="userD"/>
                  <dgm:constr type="ctrX" for="ch" forName="dotArrow7" refType="w" fact="0.6123"/>
                  <dgm:constr type="ctrY" for="ch" forName="dotArrow7" refType="h" fact="0.1052"/>
                  <dgm:constr type="w" for="ch" forName="dotArrow7" refType="userD"/>
                  <dgm:constr type="h" for="ch" forName="dotArrow7" refType="userD"/>
                  <dgm:constr type="l" for="ch" forName="parTx1" refType="w" fact="0.1746"/>
                  <dgm:constr type="t" for="ch" forName="parTx1" refType="h" fact="0.9304"/>
                  <dgm:constr type="w" for="ch" forName="parTx1" refType="w" fact="0.2544"/>
                  <dgm:constr type="h" for="ch" forName="parTx1" refType="h" fact="0.0962"/>
                  <dgm:constr type="ctrX" for="ch" forName="picture1" refType="w" fact="0.1631"/>
                  <dgm:constr type="ctrY" for="ch" forName="picture1" refType="h" fact="0.9169"/>
                  <dgm:constr type="w" for="ch" forName="picture1" refType="w" fact="0.118"/>
                  <dgm:constr type="h" for="ch" forName="picture1" refType="h" fact="0.1663"/>
                  <dgm:constr type="l" for="ch" forName="desTx1" refType="r" refFor="ch" refForName="parTx1"/>
                  <dgm:constr type="r" for="ch" forName="desTx1" refType="w"/>
                  <dgm:constr type="t" for="ch" forName="desTx1" refType="t" refFor="ch" refForName="parTx1"/>
                  <dgm:constr type="h" for="ch" forName="desTx1" refType="h" refFor="ch" refForName="parTx1"/>
                  <dgm:constr type="l" for="ch" forName="parTx2" refType="w" fact="0.3982"/>
                  <dgm:constr type="t" for="ch" forName="parTx2" refType="h" fact="0.8167"/>
                  <dgm:constr type="w" for="ch" forName="parTx2" refType="w" fact="0.2544"/>
                  <dgm:constr type="h" for="ch" forName="parTx2" refType="h" fact="0.0962"/>
                  <dgm:constr type="ctrX" for="ch" forName="picture2" refType="w" fact="0.3866"/>
                  <dgm:constr type="ctrY" for="ch" forName="picture2" refType="h" fact="0.8032"/>
                  <dgm:constr type="w" for="ch" forName="picture2" refType="w" fact="0.118"/>
                  <dgm:constr type="h" for="ch" forName="picture2" refType="h" fact="0.1663"/>
                  <dgm:constr type="l" for="ch" forName="desTx2" refType="r" refFor="ch" refForName="parTx2"/>
                  <dgm:constr type="r" for="ch" forName="desTx2" refType="w"/>
                  <dgm:constr type="t" for="ch" forName="desTx2" refType="t" refFor="ch" refForName="parTx2"/>
                  <dgm:constr type="h" for="ch" forName="desTx2" refType="h" refFor="ch" refForName="parTx2"/>
                  <dgm:constr type="l" for="ch" forName="parTx3" refType="w" fact="0.5194"/>
                  <dgm:constr type="t" for="ch" forName="parTx3" refType="h" fact="0.6524"/>
                  <dgm:constr type="w" for="ch" forName="parTx3" refType="w" fact="0.2544"/>
                  <dgm:constr type="h" for="ch" forName="parTx3" refType="h" fact="0.0962"/>
                  <dgm:constr type="ctrX" for="ch" forName="picture3" refType="w" fact="0.5078"/>
                  <dgm:constr type="ctrY" for="ch" forName="picture3" refType="h" fact="0.6389"/>
                  <dgm:constr type="w" for="ch" forName="picture3" refType="w" fact="0.118"/>
                  <dgm:constr type="h" for="ch" forName="picture3" refType="h" fact="0.1663"/>
                  <dgm:constr type="l" for="ch" forName="desTx3" refType="r" refFor="ch" refForName="parTx3"/>
                  <dgm:constr type="r" for="ch" forName="desTx3" refType="w"/>
                  <dgm:constr type="t" for="ch" forName="desTx3" refType="t" refFor="ch" refForName="parTx3"/>
                  <dgm:constr type="h" for="ch" forName="desTx3" refType="h" refFor="ch" refForName="parTx3"/>
                  <dgm:constr type="l" for="ch" forName="parTx4" refType="w" fact="0.5827"/>
                  <dgm:constr type="t" for="ch" forName="parTx4" refType="h" fact="0.4412"/>
                  <dgm:constr type="w" for="ch" forName="parTx4" refType="w" fact="0.2544"/>
                  <dgm:constr type="h" for="ch" forName="parTx4" refType="h" fact="0.0962"/>
                  <dgm:constr type="ctrX" for="ch" forName="picture4" refType="w" fact="0.5712"/>
                  <dgm:constr type="ctrY" for="ch" forName="picture4" refType="h" fact="0.4277"/>
                  <dgm:constr type="w" for="ch" forName="picture4" refType="w" fact="0.118"/>
                  <dgm:constr type="h" for="ch" forName="picture4" refType="h" fact="0.1663"/>
                  <dgm:constr type="l" for="ch" forName="desTx4" refType="r" refFor="ch" refForName="parTx4"/>
                  <dgm:constr type="r" for="ch" forName="desTx4" refType="w"/>
                  <dgm:constr type="t" for="ch" forName="desTx4" refType="t" refFor="ch" refForName="parTx4"/>
                  <dgm:constr type="h" for="ch" forName="desTx4" refType="h" refFor="ch" refForName="parTx4"/>
                  <dgm:constr type="l" for="ch" forName="parTx5" refType="w" fact="0.618"/>
                  <dgm:constr type="t" for="ch" forName="parTx5" refType="h" fact="0.2262"/>
                  <dgm:constr type="w" for="ch" forName="parTx5" refType="w" fact="0.2544"/>
                  <dgm:constr type="h" for="ch" forName="parTx5" refType="h" fact="0.0962"/>
                  <dgm:constr type="ctrX" for="ch" forName="picture5" refType="w" fact="0.6064"/>
                  <dgm:constr type="ctrY" for="ch" forName="picture5" refType="h" fact="0.2127"/>
                  <dgm:constr type="w" for="ch" forName="picture5" refType="w" fact="0.118"/>
                  <dgm:constr type="h" for="ch" forName="picture5" refType="h" fact="0.1663"/>
                  <dgm:constr type="l" for="ch" forName="desTx5" refType="r" refFor="ch" refForName="parTx5"/>
                  <dgm:constr type="r" for="ch" forName="desTx5" refType="w"/>
                  <dgm:constr type="t" for="ch" forName="desTx5" refType="t" refFor="ch" refForName="parTx5"/>
                  <dgm:constr type="h" for="ch" forName="desTx5" refType="h" refFor="ch" refForName="parTx5"/>
                </dgm:constrLst>
              </dgm:if>
              <dgm:else name="Name47">
                <dgm:alg type="composite">
                  <dgm:param type="ar" val="1.1643"/>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userD" refType="w" fact="0.0143"/>
                  <dgm:constr type="ctrX" for="ch" forName="dot1" refType="w" fact="0.3951"/>
                  <dgm:constr type="ctrY" for="ch" forName="dot1" refType="h" fact="0.8674"/>
                  <dgm:constr type="w" for="ch" forName="dot1" refType="userD"/>
                  <dgm:constr type="h" for="ch" forName="dot1" refType="userD"/>
                  <dgm:constr type="ctrX" for="ch" forName="dot2" refType="w" fact="0.3634"/>
                  <dgm:constr type="ctrY" for="ch" forName="dot2" refType="h" fact="0.8824"/>
                  <dgm:constr type="w" for="ch" forName="dot2" refType="userD"/>
                  <dgm:constr type="h" for="ch" forName="dot2" refType="userD"/>
                  <dgm:constr type="ctrX" for="ch" forName="dot3" refType="w" fact="0.331"/>
                  <dgm:constr type="ctrY" for="ch" forName="dot3" refType="h" fact="0.8948"/>
                  <dgm:constr type="w" for="ch" forName="dot3" refType="userD"/>
                  <dgm:constr type="h" for="ch" forName="dot3" refType="userD"/>
                  <dgm:constr type="ctrX" for="ch" forName="dot4" refType="w" fact="0.2981"/>
                  <dgm:constr type="ctrY" for="ch" forName="dot4" refType="h" fact="0.9044"/>
                  <dgm:constr type="w" for="ch" forName="dot4" refType="userD"/>
                  <dgm:constr type="h" for="ch" forName="dot4" refType="userD"/>
                  <dgm:constr type="ctrX" for="ch" forName="dot5" refType="w" fact="0.5681"/>
                  <dgm:constr type="ctrY" for="ch" forName="dot5" refType="h" fact="0.7222"/>
                  <dgm:constr type="w" for="ch" forName="dot5" refType="userD"/>
                  <dgm:constr type="h" for="ch" forName="dot5" refType="userD"/>
                  <dgm:constr type="ctrX" for="ch" forName="dot6" refType="w" fact="0.543"/>
                  <dgm:constr type="ctrY" for="ch" forName="dot6" refType="h" fact="0.7518"/>
                  <dgm:constr type="w" for="ch" forName="dot6" refType="userD"/>
                  <dgm:constr type="h" for="ch" forName="dot6" refType="userD"/>
                  <dgm:constr type="ctrX" for="ch" forName="dot7" refType="w" fact="0.672"/>
                  <dgm:constr type="ctrY" for="ch" forName="dot7" refType="h" fact="0.5422"/>
                  <dgm:constr type="w" for="ch" forName="dot7" refType="userD"/>
                  <dgm:constr type="h" for="ch" forName="dot7" refType="userD"/>
                  <dgm:constr type="ctrX" for="ch" forName="dot8" refType="w" fact="0.7278"/>
                  <dgm:constr type="ctrY" for="ch" forName="dot8" refType="h" fact="0.3229"/>
                  <dgm:constr type="w" for="ch" forName="dot8" refType="userD"/>
                  <dgm:constr type="h" for="ch" forName="dot8" refType="userD"/>
                  <dgm:constr type="ctrX" for="ch" forName="dotArrow1" refType="w" fact="0.6999"/>
                  <dgm:constr type="ctrY" for="ch" forName="dotArrow1" refType="h" fact="0.0635"/>
                  <dgm:constr type="w" for="ch" forName="dotArrow1" refType="userD"/>
                  <dgm:constr type="h" for="ch" forName="dotArrow1" refType="userD"/>
                  <dgm:constr type="ctrX" for="ch" forName="dotArrow2" refType="w" fact="0.7207"/>
                  <dgm:constr type="ctrY" for="ch" forName="dotArrow2" refType="h" fact="0.0448"/>
                  <dgm:constr type="w" for="ch" forName="dotArrow2" refType="userD"/>
                  <dgm:constr type="h" for="ch" forName="dotArrow2" refType="userD"/>
                  <dgm:constr type="ctrX" for="ch" forName="dotArrow3" refType="w" fact="0.7415"/>
                  <dgm:constr type="ctrY" for="ch" forName="dotArrow3" refType="h" fact="0.026"/>
                  <dgm:constr type="w" for="ch" forName="dotArrow3" refType="userD"/>
                  <dgm:constr type="h" for="ch" forName="dotArrow3" refType="userD"/>
                  <dgm:constr type="ctrX" for="ch" forName="dotArrow4" refType="w" fact="0.7624"/>
                  <dgm:constr type="ctrY" for="ch" forName="dotArrow4" refType="h" fact="0.0448"/>
                  <dgm:constr type="w" for="ch" forName="dotArrow4" refType="userD"/>
                  <dgm:constr type="h" for="ch" forName="dotArrow4" refType="userD"/>
                  <dgm:constr type="ctrX" for="ch" forName="dotArrow5" refType="w" fact="0.7832"/>
                  <dgm:constr type="ctrY" for="ch" forName="dotArrow5" refType="h" fact="0.0635"/>
                  <dgm:constr type="w" for="ch" forName="dotArrow5" refType="userD"/>
                  <dgm:constr type="h" for="ch" forName="dotArrow5" refType="userD"/>
                  <dgm:constr type="ctrX" for="ch" forName="dotArrow6" refType="w" fact="0.7415"/>
                  <dgm:constr type="ctrY" for="ch" forName="dotArrow6" refType="h" fact="0.0656"/>
                  <dgm:constr type="w" for="ch" forName="dotArrow6" refType="userD"/>
                  <dgm:constr type="h" for="ch" forName="dotArrow6" refType="userD"/>
                  <dgm:constr type="ctrX" for="ch" forName="dotArrow7" refType="w" fact="0.7415"/>
                  <dgm:constr type="ctrY" for="ch" forName="dotArrow7" refType="h" fact="0.1052"/>
                  <dgm:constr type="w" for="ch" forName="dotArrow7" refType="userD"/>
                  <dgm:constr type="h" for="ch" forName="dotArrow7" refType="userD"/>
                  <dgm:constr type="l" for="ch" forName="parTx1" refType="w" fact="0.2115"/>
                  <dgm:constr type="t" for="ch" forName="parTx1" refType="h" fact="0.928"/>
                  <dgm:constr type="w" for="ch" forName="parTx1" refType="w" fact="0.3081"/>
                  <dgm:constr type="h" for="ch" forName="parTx1" refType="h" fact="0.0962"/>
                  <dgm:constr type="ctrX" for="ch" forName="picture1" refType="w" fact="0.1975"/>
                  <dgm:constr type="ctrY" for="ch" forName="picture1" refType="h" fact="0.9169"/>
                  <dgm:constr type="w" for="ch" forName="picture1" refType="w" fact="0.1429"/>
                  <dgm:constr type="h" for="ch" forName="picture1" refType="h" fact="0.1663"/>
                  <dgm:constr type="l" for="ch" forName="parTx2" refType="w" fact="0.4822"/>
                  <dgm:constr type="t" for="ch" forName="parTx2" refType="h" fact="0.8143"/>
                  <dgm:constr type="w" for="ch" forName="parTx2" refType="w" fact="0.3081"/>
                  <dgm:constr type="h" for="ch" forName="parTx2" refType="h" fact="0.0962"/>
                  <dgm:constr type="ctrX" for="ch" forName="picture2" refType="w" fact="0.4682"/>
                  <dgm:constr type="ctrY" for="ch" forName="picture2" refType="h" fact="0.8032"/>
                  <dgm:constr type="w" for="ch" forName="picture2" refType="w" fact="0.1429"/>
                  <dgm:constr type="h" for="ch" forName="picture2" refType="h" fact="0.1663"/>
                  <dgm:constr type="l" for="ch" forName="parTx3" refType="w" fact="0.629"/>
                  <dgm:constr type="t" for="ch" forName="parTx3" refType="h" fact="0.65"/>
                  <dgm:constr type="w" for="ch" forName="parTx3" refType="w" fact="0.3081"/>
                  <dgm:constr type="h" for="ch" forName="parTx3" refType="h" fact="0.0962"/>
                  <dgm:constr type="ctrX" for="ch" forName="picture3" refType="w" fact="0.615"/>
                  <dgm:constr type="ctrY" for="ch" forName="picture3" refType="h" fact="0.6389"/>
                  <dgm:constr type="w" for="ch" forName="picture3" refType="w" fact="0.1429"/>
                  <dgm:constr type="h" for="ch" forName="picture3" refType="h" fact="0.1663"/>
                  <dgm:constr type="l" for="ch" forName="parTx4" refType="w" fact="0.7057"/>
                  <dgm:constr type="t" for="ch" forName="parTx4" refType="h" fact="0.4388"/>
                  <dgm:constr type="w" for="ch" forName="parTx4" refType="w" fact="0.3081"/>
                  <dgm:constr type="h" for="ch" forName="parTx4" refType="h" fact="0.0962"/>
                  <dgm:constr type="ctrX" for="ch" forName="picture4" refType="w" fact="0.6917"/>
                  <dgm:constr type="ctrY" for="ch" forName="picture4" refType="h" fact="0.4277"/>
                  <dgm:constr type="w" for="ch" forName="picture4" refType="w" fact="0.1429"/>
                  <dgm:constr type="h" for="ch" forName="picture4" refType="h" fact="0.1663"/>
                  <dgm:constr type="l" for="ch" forName="parTx5" refType="w" fact="0.7484"/>
                  <dgm:constr type="t" for="ch" forName="parTx5" refType="h" fact="0.2238"/>
                  <dgm:constr type="w" for="ch" forName="parTx5" refType="w" fact="0.3081"/>
                  <dgm:constr type="h" for="ch" forName="parTx5" refType="h" fact="0.0962"/>
                  <dgm:constr type="ctrX" for="ch" forName="picture5" refType="w" fact="0.7344"/>
                  <dgm:constr type="ctrY" for="ch" forName="picture5" refType="h" fact="0.2127"/>
                  <dgm:constr type="w" for="ch" forName="picture5" refType="w" fact="0.1429"/>
                  <dgm:constr type="h" for="ch" forName="picture5" refType="h" fact="0.1663"/>
                </dgm:constrLst>
              </dgm:else>
            </dgm:choose>
          </dgm:if>
          <dgm:else name="Name48">
            <dgm:choose name="Name49">
              <dgm:if name="Name50" axis="des" func="maxDepth" op="gt" val="1">
                <dgm:alg type="composite">
                  <dgm:param type="ar" val="1.41"/>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primFontSz" for="ch" forName="desTx1" op="equ" val="65"/>
                  <dgm:constr type="primFontSz" for="ch" forName="desTx2" refType="primFontSz" refFor="ch" refForName="desTx1" op="equ"/>
                  <dgm:constr type="primFontSz" for="ch" forName="desTx3" refType="primFontSz" refFor="ch" refForName="desTx1" op="equ"/>
                  <dgm:constr type="primFontSz" for="ch" forName="desTx4" refType="primFontSz" refFor="ch" refForName="desTx1" op="equ"/>
                  <dgm:constr type="primFontSz" for="ch" forName="desTx5" refType="primFontSz" refFor="ch" refForName="desTx1" op="equ"/>
                  <dgm:constr type="userD" refType="w" fact="0.0118"/>
                  <dgm:constr type="ctrX" for="ch" forName="dot1" refType="w" fact="0.6737"/>
                  <dgm:constr type="ctrY" for="ch" forName="dot1" refType="h" fact="0.8674"/>
                  <dgm:constr type="w" for="ch" forName="dot1" refType="userD"/>
                  <dgm:constr type="h" for="ch" forName="dot1" refType="userD"/>
                  <dgm:constr type="ctrX" for="ch" forName="dot2" refType="w" fact="0.6999"/>
                  <dgm:constr type="ctrY" for="ch" forName="dot2" refType="h" fact="0.8824"/>
                  <dgm:constr type="w" for="ch" forName="dot2" refType="userD"/>
                  <dgm:constr type="h" for="ch" forName="dot2" refType="userD"/>
                  <dgm:constr type="ctrX" for="ch" forName="dot3" refType="w" fact="0.7267"/>
                  <dgm:constr type="ctrY" for="ch" forName="dot3" refType="h" fact="0.8948"/>
                  <dgm:constr type="w" for="ch" forName="dot3" refType="userD"/>
                  <dgm:constr type="h" for="ch" forName="dot3" refType="userD"/>
                  <dgm:constr type="ctrX" for="ch" forName="dot4" refType="w" fact="0.7538"/>
                  <dgm:constr type="ctrY" for="ch" forName="dot4" refType="h" fact="0.9044"/>
                  <dgm:constr type="w" for="ch" forName="dot4" refType="userD"/>
                  <dgm:constr type="h" for="ch" forName="dot4" refType="userD"/>
                  <dgm:constr type="ctrX" for="ch" forName="dot5" refType="w" fact="0.5309"/>
                  <dgm:constr type="ctrY" for="ch" forName="dot5" refType="h" fact="0.7222"/>
                  <dgm:constr type="w" for="ch" forName="dot5" refType="userD"/>
                  <dgm:constr type="h" for="ch" forName="dot5" refType="userD"/>
                  <dgm:constr type="ctrX" for="ch" forName="dot6" refType="w" fact="0.5516"/>
                  <dgm:constr type="ctrY" for="ch" forName="dot6" refType="h" fact="0.7518"/>
                  <dgm:constr type="w" for="ch" forName="dot6" refType="userD"/>
                  <dgm:constr type="h" for="ch" forName="dot6" refType="userD"/>
                  <dgm:constr type="ctrX" for="ch" forName="dot7" refType="w" fact="0.4451"/>
                  <dgm:constr type="ctrY" for="ch" forName="dot7" refType="h" fact="0.5422"/>
                  <dgm:constr type="w" for="ch" forName="dot7" refType="userD"/>
                  <dgm:constr type="h" for="ch" forName="dot7" refType="userD"/>
                  <dgm:constr type="ctrX" for="ch" forName="dot8" refType="w" fact="0.399"/>
                  <dgm:constr type="ctrY" for="ch" forName="dot8" refType="h" fact="0.3229"/>
                  <dgm:constr type="w" for="ch" forName="dot8" refType="userD"/>
                  <dgm:constr type="h" for="ch" forName="dot8" refType="userD"/>
                  <dgm:constr type="ctrX" for="ch" forName="dotArrow1" refType="w" fact="0.4221"/>
                  <dgm:constr type="ctrY" for="ch" forName="dotArrow1" refType="h" fact="0.0635"/>
                  <dgm:constr type="w" for="ch" forName="dotArrow1" refType="userD"/>
                  <dgm:constr type="h" for="ch" forName="dotArrow1" refType="userD"/>
                  <dgm:constr type="ctrX" for="ch" forName="dotArrow2" refType="w" fact="0.4049"/>
                  <dgm:constr type="ctrY" for="ch" forName="dotArrow2" refType="h" fact="0.0448"/>
                  <dgm:constr type="w" for="ch" forName="dotArrow2" refType="userD"/>
                  <dgm:constr type="h" for="ch" forName="dotArrow2" refType="userD"/>
                  <dgm:constr type="ctrX" for="ch" forName="dotArrow3" refType="w" fact="0.3877"/>
                  <dgm:constr type="ctrY" for="ch" forName="dotArrow3" refType="h" fact="0.026"/>
                  <dgm:constr type="w" for="ch" forName="dotArrow3" refType="userD"/>
                  <dgm:constr type="h" for="ch" forName="dotArrow3" refType="userD"/>
                  <dgm:constr type="ctrX" for="ch" forName="dotArrow4" refType="w" fact="0.3705"/>
                  <dgm:constr type="ctrY" for="ch" forName="dotArrow4" refType="h" fact="0.0448"/>
                  <dgm:constr type="w" for="ch" forName="dotArrow4" refType="userD"/>
                  <dgm:constr type="h" for="ch" forName="dotArrow4" refType="userD"/>
                  <dgm:constr type="ctrX" for="ch" forName="dotArrow5" refType="w" fact="0.3533"/>
                  <dgm:constr type="ctrY" for="ch" forName="dotArrow5" refType="h" fact="0.0635"/>
                  <dgm:constr type="w" for="ch" forName="dotArrow5" refType="userD"/>
                  <dgm:constr type="h" for="ch" forName="dotArrow5" refType="userD"/>
                  <dgm:constr type="ctrX" for="ch" forName="dotArrow6" refType="w" fact="0.3877"/>
                  <dgm:constr type="ctrY" for="ch" forName="dotArrow6" refType="h" fact="0.0656"/>
                  <dgm:constr type="w" for="ch" forName="dotArrow6" refType="userD"/>
                  <dgm:constr type="h" for="ch" forName="dotArrow6" refType="userD"/>
                  <dgm:constr type="ctrX" for="ch" forName="dotArrow7" refType="w" fact="0.3877"/>
                  <dgm:constr type="ctrY" for="ch" forName="dotArrow7" refType="h" fact="0.1052"/>
                  <dgm:constr type="w" for="ch" forName="dotArrow7" refType="userD"/>
                  <dgm:constr type="h" for="ch" forName="dotArrow7" refType="userD"/>
                  <dgm:constr type="r" for="ch" forName="parTx1" refType="w" fact="0.8254"/>
                  <dgm:constr type="t" for="ch" forName="parTx1" refType="h" fact="0.9304"/>
                  <dgm:constr type="w" for="ch" forName="parTx1" refType="w" fact="0.2544"/>
                  <dgm:constr type="h" for="ch" forName="parTx1" refType="h" fact="0.0962"/>
                  <dgm:constr type="ctrX" for="ch" forName="picture1" refType="w" fact="0.8369"/>
                  <dgm:constr type="ctrY" for="ch" forName="picture1" refType="h" fact="0.9169"/>
                  <dgm:constr type="w" for="ch" forName="picture1" refType="w" fact="0.118"/>
                  <dgm:constr type="h" for="ch" forName="picture1" refType="h" fact="0.1663"/>
                  <dgm:constr type="r" for="ch" forName="desTx1" refType="l" refFor="ch" refForName="parTx1"/>
                  <dgm:constr type="l" for="ch" forName="desTx1"/>
                  <dgm:constr type="t" for="ch" forName="desTx1" refType="t" refFor="ch" refForName="parTx1"/>
                  <dgm:constr type="h" for="ch" forName="desTx1" refType="h" refFor="ch" refForName="parTx1"/>
                  <dgm:constr type="r" for="ch" forName="parTx2" refType="w" fact="0.6018"/>
                  <dgm:constr type="t" for="ch" forName="parTx2" refType="h" fact="0.8167"/>
                  <dgm:constr type="w" for="ch" forName="parTx2" refType="w" fact="0.2544"/>
                  <dgm:constr type="h" for="ch" forName="parTx2" refType="h" fact="0.0962"/>
                  <dgm:constr type="ctrX" for="ch" forName="picture2" refType="w" fact="0.6134"/>
                  <dgm:constr type="ctrY" for="ch" forName="picture2" refType="h" fact="0.8032"/>
                  <dgm:constr type="w" for="ch" forName="picture2" refType="w" fact="0.118"/>
                  <dgm:constr type="h" for="ch" forName="picture2" refType="h" fact="0.1663"/>
                  <dgm:constr type="r" for="ch" forName="desTx2" refType="l" refFor="ch" refForName="parTx2"/>
                  <dgm:constr type="l" for="ch" forName="desTx2"/>
                  <dgm:constr type="t" for="ch" forName="desTx2" refType="t" refFor="ch" refForName="parTx2"/>
                  <dgm:constr type="h" for="ch" forName="desTx2" refType="h" refFor="ch" refForName="parTx2"/>
                  <dgm:constr type="r" for="ch" forName="parTx3" refType="w" fact="0.4806"/>
                  <dgm:constr type="t" for="ch" forName="parTx3" refType="h" fact="0.6524"/>
                  <dgm:constr type="w" for="ch" forName="parTx3" refType="w" fact="0.2544"/>
                  <dgm:constr type="h" for="ch" forName="parTx3" refType="h" fact="0.0962"/>
                  <dgm:constr type="ctrX" for="ch" forName="picture3" refType="w" fact="0.4922"/>
                  <dgm:constr type="ctrY" for="ch" forName="picture3" refType="h" fact="0.6389"/>
                  <dgm:constr type="w" for="ch" forName="picture3" refType="w" fact="0.118"/>
                  <dgm:constr type="h" for="ch" forName="picture3" refType="h" fact="0.1663"/>
                  <dgm:constr type="r" for="ch" forName="desTx3" refType="l" refFor="ch" refForName="parTx3"/>
                  <dgm:constr type="l" for="ch" forName="desTx3"/>
                  <dgm:constr type="t" for="ch" forName="desTx3" refType="t" refFor="ch" refForName="parTx3"/>
                  <dgm:constr type="h" for="ch" forName="desTx3" refType="h" refFor="ch" refForName="parTx3"/>
                  <dgm:constr type="r" for="ch" forName="parTx4" refType="w" fact="0.4173"/>
                  <dgm:constr type="t" for="ch" forName="parTx4" refType="h" fact="0.4412"/>
                  <dgm:constr type="w" for="ch" forName="parTx4" refType="w" fact="0.2544"/>
                  <dgm:constr type="h" for="ch" forName="parTx4" refType="h" fact="0.0962"/>
                  <dgm:constr type="ctrX" for="ch" forName="picture4" refType="w" fact="0.4288"/>
                  <dgm:constr type="ctrY" for="ch" forName="picture4" refType="h" fact="0.4277"/>
                  <dgm:constr type="w" for="ch" forName="picture4" refType="w" fact="0.118"/>
                  <dgm:constr type="h" for="ch" forName="picture4" refType="h" fact="0.1663"/>
                  <dgm:constr type="r" for="ch" forName="desTx4" refType="l" refFor="ch" refForName="parTx4"/>
                  <dgm:constr type="l" for="ch" forName="desTx4"/>
                  <dgm:constr type="t" for="ch" forName="desTx4" refType="t" refFor="ch" refForName="parTx4"/>
                  <dgm:constr type="h" for="ch" forName="desTx4" refType="h" refFor="ch" refForName="parTx4"/>
                  <dgm:constr type="r" for="ch" forName="parTx5" refType="w" fact="0.382"/>
                  <dgm:constr type="t" for="ch" forName="parTx5" refType="h" fact="0.2262"/>
                  <dgm:constr type="w" for="ch" forName="parTx5" refType="w" fact="0.2544"/>
                  <dgm:constr type="h" for="ch" forName="parTx5" refType="h" fact="0.0962"/>
                  <dgm:constr type="ctrX" for="ch" forName="picture5" refType="w" fact="0.3936"/>
                  <dgm:constr type="ctrY" for="ch" forName="picture5" refType="h" fact="0.2127"/>
                  <dgm:constr type="w" for="ch" forName="picture5" refType="w" fact="0.118"/>
                  <dgm:constr type="h" for="ch" forName="picture5" refType="h" fact="0.1663"/>
                  <dgm:constr type="r" for="ch" forName="desTx5" refType="l" refFor="ch" refForName="parTx5"/>
                  <dgm:constr type="l" for="ch" forName="desTx5"/>
                  <dgm:constr type="t" for="ch" forName="desTx5" refType="t" refFor="ch" refForName="parTx5"/>
                  <dgm:constr type="h" for="ch" forName="desTx5" refType="h" refFor="ch" refForName="parTx5"/>
                </dgm:constrLst>
              </dgm:if>
              <dgm:else name="Name51">
                <dgm:alg type="composite">
                  <dgm:param type="ar" val="1.1643"/>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userD" refType="w" fact="0.0143"/>
                  <dgm:constr type="ctrX" for="ch" forName="dot1" refType="w" fact="0.6049"/>
                  <dgm:constr type="ctrY" for="ch" forName="dot1" refType="h" fact="0.8674"/>
                  <dgm:constr type="w" for="ch" forName="dot1" refType="userD"/>
                  <dgm:constr type="h" for="ch" forName="dot1" refType="userD"/>
                  <dgm:constr type="ctrX" for="ch" forName="dot2" refType="w" fact="0.6366"/>
                  <dgm:constr type="ctrY" for="ch" forName="dot2" refType="h" fact="0.8824"/>
                  <dgm:constr type="w" for="ch" forName="dot2" refType="userD"/>
                  <dgm:constr type="h" for="ch" forName="dot2" refType="userD"/>
                  <dgm:constr type="ctrX" for="ch" forName="dot3" refType="w" fact="0.669"/>
                  <dgm:constr type="ctrY" for="ch" forName="dot3" refType="h" fact="0.8948"/>
                  <dgm:constr type="w" for="ch" forName="dot3" refType="userD"/>
                  <dgm:constr type="h" for="ch" forName="dot3" refType="userD"/>
                  <dgm:constr type="ctrX" for="ch" forName="dot4" refType="w" fact="0.7019"/>
                  <dgm:constr type="ctrY" for="ch" forName="dot4" refType="h" fact="0.9044"/>
                  <dgm:constr type="w" for="ch" forName="dot4" refType="userD"/>
                  <dgm:constr type="h" for="ch" forName="dot4" refType="userD"/>
                  <dgm:constr type="ctrX" for="ch" forName="dot5" refType="w" fact="0.4319"/>
                  <dgm:constr type="ctrY" for="ch" forName="dot5" refType="h" fact="0.7222"/>
                  <dgm:constr type="w" for="ch" forName="dot5" refType="userD"/>
                  <dgm:constr type="h" for="ch" forName="dot5" refType="userD"/>
                  <dgm:constr type="ctrX" for="ch" forName="dot6" refType="w" fact="0.457"/>
                  <dgm:constr type="ctrY" for="ch" forName="dot6" refType="h" fact="0.7518"/>
                  <dgm:constr type="w" for="ch" forName="dot6" refType="userD"/>
                  <dgm:constr type="h" for="ch" forName="dot6" refType="userD"/>
                  <dgm:constr type="ctrX" for="ch" forName="dot7" refType="w" fact="0.328"/>
                  <dgm:constr type="ctrY" for="ch" forName="dot7" refType="h" fact="0.5422"/>
                  <dgm:constr type="w" for="ch" forName="dot7" refType="userD"/>
                  <dgm:constr type="h" for="ch" forName="dot7" refType="userD"/>
                  <dgm:constr type="ctrX" for="ch" forName="dot8" refType="w" fact="0.2722"/>
                  <dgm:constr type="ctrY" for="ch" forName="dot8" refType="h" fact="0.3229"/>
                  <dgm:constr type="w" for="ch" forName="dot8" refType="userD"/>
                  <dgm:constr type="h" for="ch" forName="dot8" refType="userD"/>
                  <dgm:constr type="ctrX" for="ch" forName="dotArrow1" refType="w" fact="0.3001"/>
                  <dgm:constr type="ctrY" for="ch" forName="dotArrow1" refType="h" fact="0.0635"/>
                  <dgm:constr type="w" for="ch" forName="dotArrow1" refType="userD"/>
                  <dgm:constr type="h" for="ch" forName="dotArrow1" refType="userD"/>
                  <dgm:constr type="ctrX" for="ch" forName="dotArrow2" refType="w" fact="0.2793"/>
                  <dgm:constr type="ctrY" for="ch" forName="dotArrow2" refType="h" fact="0.0448"/>
                  <dgm:constr type="w" for="ch" forName="dotArrow2" refType="userD"/>
                  <dgm:constr type="h" for="ch" forName="dotArrow2" refType="userD"/>
                  <dgm:constr type="ctrX" for="ch" forName="dotArrow3" refType="w" fact="0.2585"/>
                  <dgm:constr type="ctrY" for="ch" forName="dotArrow3" refType="h" fact="0.026"/>
                  <dgm:constr type="w" for="ch" forName="dotArrow3" refType="userD"/>
                  <dgm:constr type="h" for="ch" forName="dotArrow3" refType="userD"/>
                  <dgm:constr type="ctrX" for="ch" forName="dotArrow4" refType="w" fact="0.2376"/>
                  <dgm:constr type="ctrY" for="ch" forName="dotArrow4" refType="h" fact="0.0448"/>
                  <dgm:constr type="w" for="ch" forName="dotArrow4" refType="userD"/>
                  <dgm:constr type="h" for="ch" forName="dotArrow4" refType="userD"/>
                  <dgm:constr type="ctrX" for="ch" forName="dotArrow5" refType="w" fact="0.2168"/>
                  <dgm:constr type="ctrY" for="ch" forName="dotArrow5" refType="h" fact="0.0635"/>
                  <dgm:constr type="w" for="ch" forName="dotArrow5" refType="userD"/>
                  <dgm:constr type="h" for="ch" forName="dotArrow5" refType="userD"/>
                  <dgm:constr type="ctrX" for="ch" forName="dotArrow6" refType="w" fact="0.2585"/>
                  <dgm:constr type="ctrY" for="ch" forName="dotArrow6" refType="h" fact="0.0656"/>
                  <dgm:constr type="w" for="ch" forName="dotArrow6" refType="userD"/>
                  <dgm:constr type="h" for="ch" forName="dotArrow6" refType="userD"/>
                  <dgm:constr type="ctrX" for="ch" forName="dotArrow7" refType="w" fact="0.2585"/>
                  <dgm:constr type="ctrY" for="ch" forName="dotArrow7" refType="h" fact="0.1052"/>
                  <dgm:constr type="w" for="ch" forName="dotArrow7" refType="userD"/>
                  <dgm:constr type="h" for="ch" forName="dotArrow7" refType="userD"/>
                  <dgm:constr type="r" for="ch" forName="parTx1" refType="w" fact="0.7885"/>
                  <dgm:constr type="t" for="ch" forName="parTx1" refType="h" fact="0.928"/>
                  <dgm:constr type="w" for="ch" forName="parTx1" refType="w" fact="0.3081"/>
                  <dgm:constr type="h" for="ch" forName="parTx1" refType="h" fact="0.0962"/>
                  <dgm:constr type="ctrX" for="ch" forName="picture1" refType="w" fact="0.8025"/>
                  <dgm:constr type="ctrY" for="ch" forName="picture1" refType="h" fact="0.9169"/>
                  <dgm:constr type="w" for="ch" forName="picture1" refType="w" fact="0.1429"/>
                  <dgm:constr type="h" for="ch" forName="picture1" refType="h" fact="0.1663"/>
                  <dgm:constr type="r" for="ch" forName="parTx2" refType="w" fact="0.5178"/>
                  <dgm:constr type="t" for="ch" forName="parTx2" refType="h" fact="0.8143"/>
                  <dgm:constr type="w" for="ch" forName="parTx2" refType="w" fact="0.3081"/>
                  <dgm:constr type="h" for="ch" forName="parTx2" refType="h" fact="0.0962"/>
                  <dgm:constr type="ctrX" for="ch" forName="picture2" refType="w" fact="0.5318"/>
                  <dgm:constr type="ctrY" for="ch" forName="picture2" refType="h" fact="0.8032"/>
                  <dgm:constr type="w" for="ch" forName="picture2" refType="w" fact="0.1429"/>
                  <dgm:constr type="h" for="ch" forName="picture2" refType="h" fact="0.1663"/>
                  <dgm:constr type="r" for="ch" forName="parTx3" refType="w" fact="0.371"/>
                  <dgm:constr type="t" for="ch" forName="parTx3" refType="h" fact="0.65"/>
                  <dgm:constr type="w" for="ch" forName="parTx3" refType="w" fact="0.3081"/>
                  <dgm:constr type="h" for="ch" forName="parTx3" refType="h" fact="0.0962"/>
                  <dgm:constr type="ctrX" for="ch" forName="picture3" refType="w" fact="0.385"/>
                  <dgm:constr type="ctrY" for="ch" forName="picture3" refType="h" fact="0.6389"/>
                  <dgm:constr type="w" for="ch" forName="picture3" refType="w" fact="0.1429"/>
                  <dgm:constr type="h" for="ch" forName="picture3" refType="h" fact="0.1663"/>
                  <dgm:constr type="r" for="ch" forName="parTx4" refType="w" fact="0.2943"/>
                  <dgm:constr type="t" for="ch" forName="parTx4" refType="h" fact="0.4388"/>
                  <dgm:constr type="w" for="ch" forName="parTx4" refType="w" fact="0.3081"/>
                  <dgm:constr type="h" for="ch" forName="parTx4" refType="h" fact="0.0962"/>
                  <dgm:constr type="ctrX" for="ch" forName="picture4" refType="w" fact="0.3083"/>
                  <dgm:constr type="ctrY" for="ch" forName="picture4" refType="h" fact="0.4277"/>
                  <dgm:constr type="w" for="ch" forName="picture4" refType="w" fact="0.1429"/>
                  <dgm:constr type="h" for="ch" forName="picture4" refType="h" fact="0.1663"/>
                  <dgm:constr type="r" for="ch" forName="parTx5" refType="w" fact="0.2516"/>
                  <dgm:constr type="t" for="ch" forName="parTx5" refType="h" fact="0.2238"/>
                  <dgm:constr type="w" for="ch" forName="parTx5" refType="w" fact="0.3081"/>
                  <dgm:constr type="h" for="ch" forName="parTx5" refType="h" fact="0.0962"/>
                  <dgm:constr type="ctrX" for="ch" forName="picture5" refType="w" fact="0.2656"/>
                  <dgm:constr type="ctrY" for="ch" forName="picture5" refType="h" fact="0.2127"/>
                  <dgm:constr type="w" for="ch" forName="picture5" refType="w" fact="0.1429"/>
                  <dgm:constr type="h" for="ch" forName="picture5" refType="h" fact="0.1663"/>
                </dgm:constrLst>
              </dgm:else>
            </dgm:choose>
          </dgm:else>
        </dgm:choose>
      </dgm:if>
      <dgm:if name="Name52" axis="ch" ptType="node" func="cnt" op="equ" val="6">
        <dgm:choose name="Name53">
          <dgm:if name="Name54" func="var" arg="dir" op="equ" val="norm">
            <dgm:choose name="Name55">
              <dgm:if name="Name56" axis="des" func="maxDepth" op="gt" val="1">
                <dgm:alg type="composite">
                  <dgm:param type="ar" val="1.33"/>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primFontSz" for="ch" forName="parTx6" refType="primFontSz" refFor="ch" refForName="parTx1" op="equ"/>
                  <dgm:constr type="primFontSz" for="ch" forName="desTx1" op="equ" val="65"/>
                  <dgm:constr type="primFontSz" for="ch" forName="desTx2" refType="primFontSz" refFor="ch" refForName="desTx1" op="equ"/>
                  <dgm:constr type="primFontSz" for="ch" forName="desTx3" refType="primFontSz" refFor="ch" refForName="desTx1" op="equ"/>
                  <dgm:constr type="primFontSz" for="ch" forName="desTx4" refType="primFontSz" refFor="ch" refForName="desTx1" op="equ"/>
                  <dgm:constr type="primFontSz" for="ch" forName="desTx5" refType="primFontSz" refFor="ch" refForName="desTx1" op="equ"/>
                  <dgm:constr type="primFontSz" for="ch" forName="desTx6" refType="primFontSz" refFor="ch" refForName="desTx1" op="equ"/>
                  <dgm:constr type="userD" refType="w" fact="0.0105"/>
                  <dgm:constr type="ctrX" for="ch" forName="dot1" refType="w" fact="0.3608"/>
                  <dgm:constr type="ctrY" for="ch" forName="dot1" refType="h" fact="0.8839"/>
                  <dgm:constr type="w" for="ch" forName="dot1" refType="userD"/>
                  <dgm:constr type="h" for="ch" forName="dot1" refType="userD"/>
                  <dgm:constr type="ctrX" for="ch" forName="dot2" refType="w" fact="0.3384"/>
                  <dgm:constr type="ctrY" for="ch" forName="dot2" refType="h" fact="0.8967"/>
                  <dgm:constr type="w" for="ch" forName="dot2" refType="userD"/>
                  <dgm:constr type="h" for="ch" forName="dot2" refType="userD"/>
                  <dgm:constr type="ctrX" for="ch" forName="dot3" refType="w" fact="0.3155"/>
                  <dgm:constr type="ctrY" for="ch" forName="dot3" refType="h" fact="0.9076"/>
                  <dgm:constr type="w" for="ch" forName="dot3" refType="userD"/>
                  <dgm:constr type="h" for="ch" forName="dot3" refType="userD"/>
                  <dgm:constr type="ctrX" for="ch" forName="dot4" refType="w" fact="0.2923"/>
                  <dgm:constr type="ctrY" for="ch" forName="dot4" refType="h" fact="0.9165"/>
                  <dgm:constr type="w" for="ch" forName="dot4" refType="userD"/>
                  <dgm:constr type="h" for="ch" forName="dot4" refType="userD"/>
                  <dgm:constr type="ctrX" for="ch" forName="dot5" refType="w" fact="0.2688"/>
                  <dgm:constr type="ctrY" for="ch" forName="dot5" refType="h" fact="0.9234"/>
                  <dgm:constr type="w" for="ch" forName="dot5" refType="userD"/>
                  <dgm:constr type="h" for="ch" forName="dot5" refType="userD"/>
                  <dgm:constr type="ctrX" for="ch" forName="dot6" refType="w" fact="0.4883"/>
                  <dgm:constr type="ctrY" for="ch" forName="dot6" refType="h" fact="0.764"/>
                  <dgm:constr type="w" for="ch" forName="dot6" refType="userD"/>
                  <dgm:constr type="h" for="ch" forName="dot6" refType="userD"/>
                  <dgm:constr type="ctrX" for="ch" forName="dot7" refType="w" fact="0.4695"/>
                  <dgm:constr type="ctrY" for="ch" forName="dot7" refType="h" fact="0.7878"/>
                  <dgm:constr type="w" for="ch" forName="dot7" refType="userD"/>
                  <dgm:constr type="h" for="ch" forName="dot7" refType="userD"/>
                  <dgm:constr type="ctrX" for="ch" forName="dot8" refType="w" fact="0.5696"/>
                  <dgm:constr type="ctrY" for="ch" forName="dot8" refType="h" fact="0.6227"/>
                  <dgm:constr type="w" for="ch" forName="dot8" refType="userD"/>
                  <dgm:constr type="h" for="ch" forName="dot8" refType="userD"/>
                  <dgm:constr type="ctrX" for="ch" forName="dot9" refType="w" fact="0.6247"/>
                  <dgm:constr type="ctrY" for="ch" forName="dot9" refType="h" fact="0.4556"/>
                  <dgm:constr type="w" for="ch" forName="dot9" refType="userD"/>
                  <dgm:constr type="h" for="ch" forName="dot9" refType="userD"/>
                  <dgm:constr type="ctrX" for="ch" forName="dot10" refType="w" fact="0.6509"/>
                  <dgm:constr type="ctrY" for="ch" forName="dot10" refType="h" fact="0.2816"/>
                  <dgm:constr type="w" for="ch" forName="dot10" refType="userD"/>
                  <dgm:constr type="h" for="ch" forName="dot10" refType="userD"/>
                  <dgm:constr type="ctrX" for="ch" forName="dotArrow1" refType="w" fact="0.6281"/>
                  <dgm:constr type="ctrY" for="ch" forName="dotArrow1" refType="h" fact="0.0748"/>
                  <dgm:constr type="w" for="ch" forName="dotArrow1" refType="userD"/>
                  <dgm:constr type="h" for="ch" forName="dotArrow1" refType="userD"/>
                  <dgm:constr type="ctrX" for="ch" forName="dotArrow2" refType="w" fact="0.6437"/>
                  <dgm:constr type="ctrY" for="ch" forName="dotArrow2" refType="h" fact="0.0581"/>
                  <dgm:constr type="w" for="ch" forName="dotArrow2" refType="userD"/>
                  <dgm:constr type="h" for="ch" forName="dotArrow2" refType="userD"/>
                  <dgm:constr type="ctrX" for="ch" forName="dotArrow3" refType="w" fact="0.6593"/>
                  <dgm:constr type="ctrY" for="ch" forName="dotArrow3" refType="h" fact="0.0414"/>
                  <dgm:constr type="w" for="ch" forName="dotArrow3" refType="userD"/>
                  <dgm:constr type="h" for="ch" forName="dotArrow3" refType="userD"/>
                  <dgm:constr type="ctrX" for="ch" forName="dotArrow4" refType="w" fact="0.675"/>
                  <dgm:constr type="ctrY" for="ch" forName="dotArrow4" refType="h" fact="0.0581"/>
                  <dgm:constr type="w" for="ch" forName="dotArrow4" refType="userD"/>
                  <dgm:constr type="h" for="ch" forName="dotArrow4" refType="userD"/>
                  <dgm:constr type="ctrX" for="ch" forName="dotArrow5" refType="w" fact="0.6906"/>
                  <dgm:constr type="ctrY" for="ch" forName="dotArrow5" refType="h" fact="0.0748"/>
                  <dgm:constr type="w" for="ch" forName="dotArrow5" refType="userD"/>
                  <dgm:constr type="h" for="ch" forName="dotArrow5" refType="userD"/>
                  <dgm:constr type="ctrX" for="ch" forName="dotArrow6" refType="w" fact="0.6593"/>
                  <dgm:constr type="ctrY" for="ch" forName="dotArrow6" refType="h" fact="0.0766"/>
                  <dgm:constr type="w" for="ch" forName="dotArrow6" refType="userD"/>
                  <dgm:constr type="h" for="ch" forName="dotArrow6" refType="userD"/>
                  <dgm:constr type="ctrX" for="ch" forName="dotArrow7" refType="w" fact="0.6593"/>
                  <dgm:constr type="ctrY" for="ch" forName="dotArrow7" refType="h" fact="0.1118"/>
                  <dgm:constr type="w" for="ch" forName="dotArrow7" refType="userD"/>
                  <dgm:constr type="h" for="ch" forName="dotArrow7" refType="userD"/>
                  <dgm:constr type="l" for="ch" forName="parTx1" refType="w" fact="0.2091"/>
                  <dgm:constr type="t" for="ch" forName="parTx1" refType="h" fact="0.9433"/>
                  <dgm:constr type="w" for="ch" forName="parTx1" refType="w" fact="0.2275"/>
                  <dgm:constr type="h" for="ch" forName="parTx1" refType="h" fact="0.0811"/>
                  <dgm:constr type="ctrX" for="ch" forName="picture1" refType="w" fact="0.1988"/>
                  <dgm:constr type="ctrY" for="ch" forName="picture1" refType="h" fact="0.9322"/>
                  <dgm:constr type="w" for="ch" forName="picture1" refType="w" fact="0.1055"/>
                  <dgm:constr type="h" for="ch" forName="picture1" refType="h" fact="0.1403"/>
                  <dgm:constr type="l" for="ch" forName="desTx1" refType="r" refFor="ch" refForName="parTx1"/>
                  <dgm:constr type="r" for="ch" forName="desTx1" refType="w"/>
                  <dgm:constr type="t" for="ch" forName="desTx1" refType="t" refFor="ch" refForName="parTx1"/>
                  <dgm:constr type="h" for="ch" forName="desTx1" refType="h" refFor="ch" refForName="parTx1"/>
                  <dgm:constr type="l" for="ch" forName="parTx2" refType="w" fact="0.4273"/>
                  <dgm:constr type="t" for="ch" forName="parTx2" refType="h" fact="0.8468"/>
                  <dgm:constr type="w" for="ch" forName="parTx2" refType="w" fact="0.2275"/>
                  <dgm:constr type="h" for="ch" forName="parTx2" refType="h" fact="0.0811"/>
                  <dgm:constr type="ctrX" for="ch" forName="picture2" refType="w" fact="0.4169"/>
                  <dgm:constr type="ctrY" for="ch" forName="picture2" refType="h" fact="0.8357"/>
                  <dgm:constr type="w" for="ch" forName="picture2" refType="w" fact="0.1055"/>
                  <dgm:constr type="h" for="ch" forName="picture2" refType="h" fact="0.1403"/>
                  <dgm:constr type="l" for="ch" forName="desTx2" refType="r" refFor="ch" refForName="parTx2"/>
                  <dgm:constr type="r" for="ch" forName="desTx2" refType="w"/>
                  <dgm:constr type="t" for="ch" forName="desTx2" refType="t" refFor="ch" refForName="parTx2"/>
                  <dgm:constr type="h" for="ch" forName="desTx2" refType="h" refFor="ch" refForName="parTx2"/>
                  <dgm:constr type="l" for="ch" forName="parTx3" refType="w" fact="0.5349"/>
                  <dgm:constr type="t" for="ch" forName="parTx3" refType="h" fact="0.7023"/>
                  <dgm:constr type="w" for="ch" forName="parTx3" refType="w" fact="0.2275"/>
                  <dgm:constr type="h" for="ch" forName="parTx3" refType="h" fact="0.0811"/>
                  <dgm:constr type="ctrX" for="ch" forName="picture3" refType="w" fact="0.5245"/>
                  <dgm:constr type="ctrY" for="ch" forName="picture3" refType="h" fact="0.6912"/>
                  <dgm:constr type="w" for="ch" forName="picture3" refType="w" fact="0.1055"/>
                  <dgm:constr type="h" for="ch" forName="picture3" refType="h" fact="0.1403"/>
                  <dgm:constr type="l" for="ch" forName="desTx3" refType="r" refFor="ch" refForName="parTx3"/>
                  <dgm:constr type="r" for="ch" forName="desTx3" refType="w"/>
                  <dgm:constr type="t" for="ch" forName="desTx3" refType="t" refFor="ch" refForName="parTx3"/>
                  <dgm:constr type="h" for="ch" forName="desTx3" refType="h" refFor="ch" refForName="parTx3"/>
                  <dgm:constr type="l" for="ch" forName="parTx4" refType="w" fact="0.5998"/>
                  <dgm:constr type="t" for="ch" forName="parTx4" refType="h" fact="0.5441"/>
                  <dgm:constr type="w" for="ch" forName="parTx4" refType="w" fact="0.2275"/>
                  <dgm:constr type="h" for="ch" forName="parTx4" refType="h" fact="0.0811"/>
                  <dgm:constr type="ctrX" for="ch" forName="picture4" refType="w" fact="0.5894"/>
                  <dgm:constr type="ctrY" for="ch" forName="picture4" refType="h" fact="0.533"/>
                  <dgm:constr type="w" for="ch" forName="picture4" refType="w" fact="0.1055"/>
                  <dgm:constr type="h" for="ch" forName="picture4" refType="h" fact="0.1403"/>
                  <dgm:constr type="l" for="ch" forName="desTx4" refType="r" refFor="ch" refForName="parTx4"/>
                  <dgm:constr type="r" for="ch" forName="desTx4" refType="w"/>
                  <dgm:constr type="t" for="ch" forName="desTx4" refType="t" refFor="ch" refForName="parTx4"/>
                  <dgm:constr type="h" for="ch" forName="desTx4" refType="h" refFor="ch" refForName="parTx4"/>
                  <dgm:constr type="l" for="ch" forName="parTx5" refType="w" fact="0.6416"/>
                  <dgm:constr type="t" for="ch" forName="parTx5" refType="h" fact="0.3737"/>
                  <dgm:constr type="w" for="ch" forName="parTx5" refType="w" fact="0.2275"/>
                  <dgm:constr type="h" for="ch" forName="parTx5" refType="h" fact="0.0811"/>
                  <dgm:constr type="ctrX" for="ch" forName="picture5" refType="w" fact="0.6313"/>
                  <dgm:constr type="ctrY" for="ch" forName="picture5" refType="h" fact="0.3626"/>
                  <dgm:constr type="w" for="ch" forName="picture5" refType="w" fact="0.1055"/>
                  <dgm:constr type="h" for="ch" forName="picture5" refType="h" fact="0.1403"/>
                  <dgm:constr type="l" for="ch" forName="desTx5" refType="r" refFor="ch" refForName="parTx5"/>
                  <dgm:constr type="r" for="ch" forName="desTx5" refType="w"/>
                  <dgm:constr type="t" for="ch" forName="desTx5" refType="t" refFor="ch" refForName="parTx5"/>
                  <dgm:constr type="h" for="ch" forName="desTx5" refType="h" refFor="ch" refForName="parTx5"/>
                  <dgm:constr type="l" for="ch" forName="parTx6" refType="w" fact="0.6644"/>
                  <dgm:constr type="t" for="ch" forName="parTx6" refType="h" fact="0.2061"/>
                  <dgm:constr type="w" for="ch" forName="parTx6" refType="w" fact="0.2275"/>
                  <dgm:constr type="h" for="ch" forName="parTx6" refType="h" fact="0.0811"/>
                  <dgm:constr type="ctrX" for="ch" forName="picture6" refType="w" fact="0.6541"/>
                  <dgm:constr type="ctrY" for="ch" forName="picture6" refType="h" fact="0.195"/>
                  <dgm:constr type="w" for="ch" forName="picture6" refType="w" fact="0.1055"/>
                  <dgm:constr type="h" for="ch" forName="picture6" refType="h" fact="0.1403"/>
                  <dgm:constr type="l" for="ch" forName="desTx6" refType="r" refFor="ch" refForName="parTx6"/>
                  <dgm:constr type="r" for="ch" forName="desTx6" refType="w"/>
                  <dgm:constr type="t" for="ch" forName="desTx6" refType="t" refFor="ch" refForName="parTx6"/>
                  <dgm:constr type="h" for="ch" forName="desTx6" refType="h" refFor="ch" refForName="parTx6"/>
                </dgm:constrLst>
              </dgm:if>
              <dgm:else name="Name57">
                <dgm:alg type="composite">
                  <dgm:param type="ar" val="1.1223"/>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primFontSz" for="ch" forName="parTx6" refType="primFontSz" refFor="ch" refForName="parTx1" op="equ"/>
                  <dgm:constr type="userD" refType="w" fact="0.0125"/>
                  <dgm:constr type="ctrX" for="ch" forName="dot1" refType="w" fact="0.4276"/>
                  <dgm:constr type="ctrY" for="ch" forName="dot1" refType="h" fact="0.8839"/>
                  <dgm:constr type="w" for="ch" forName="dot1" refType="userD"/>
                  <dgm:constr type="h" for="ch" forName="dot1" refType="userD"/>
                  <dgm:constr type="ctrX" for="ch" forName="dot2" refType="w" fact="0.401"/>
                  <dgm:constr type="ctrY" for="ch" forName="dot2" refType="h" fact="0.8967"/>
                  <dgm:constr type="w" for="ch" forName="dot2" refType="userD"/>
                  <dgm:constr type="h" for="ch" forName="dot2" refType="userD"/>
                  <dgm:constr type="ctrX" for="ch" forName="dot3" refType="w" fact="0.3739"/>
                  <dgm:constr type="ctrY" for="ch" forName="dot3" refType="h" fact="0.9076"/>
                  <dgm:constr type="w" for="ch" forName="dot3" refType="userD"/>
                  <dgm:constr type="h" for="ch" forName="dot3" refType="userD"/>
                  <dgm:constr type="ctrX" for="ch" forName="dot4" refType="w" fact="0.3464"/>
                  <dgm:constr type="ctrY" for="ch" forName="dot4" refType="h" fact="0.9165"/>
                  <dgm:constr type="w" for="ch" forName="dot4" refType="userD"/>
                  <dgm:constr type="h" for="ch" forName="dot4" refType="userD"/>
                  <dgm:constr type="ctrX" for="ch" forName="dot5" refType="w" fact="0.3186"/>
                  <dgm:constr type="ctrY" for="ch" forName="dot5" refType="h" fact="0.9234"/>
                  <dgm:constr type="w" for="ch" forName="dot5" refType="userD"/>
                  <dgm:constr type="h" for="ch" forName="dot5" refType="userD"/>
                  <dgm:constr type="ctrX" for="ch" forName="dot6" refType="w" fact="0.5786"/>
                  <dgm:constr type="ctrY" for="ch" forName="dot6" refType="h" fact="0.764"/>
                  <dgm:constr type="w" for="ch" forName="dot6" refType="userD"/>
                  <dgm:constr type="h" for="ch" forName="dot6" refType="userD"/>
                  <dgm:constr type="ctrX" for="ch" forName="dot7" refType="w" fact="0.5564"/>
                  <dgm:constr type="ctrY" for="ch" forName="dot7" refType="h" fact="0.7878"/>
                  <dgm:constr type="w" for="ch" forName="dot7" refType="userD"/>
                  <dgm:constr type="h" for="ch" forName="dot7" refType="userD"/>
                  <dgm:constr type="ctrX" for="ch" forName="dot8" refType="w" fact="0.675"/>
                  <dgm:constr type="ctrY" for="ch" forName="dot8" refType="h" fact="0.6227"/>
                  <dgm:constr type="w" for="ch" forName="dot8" refType="userD"/>
                  <dgm:constr type="h" for="ch" forName="dot8" refType="userD"/>
                  <dgm:constr type="ctrX" for="ch" forName="dot9" refType="w" fact="0.7403"/>
                  <dgm:constr type="ctrY" for="ch" forName="dot9" refType="h" fact="0.4556"/>
                  <dgm:constr type="w" for="ch" forName="dot9" refType="userD"/>
                  <dgm:constr type="h" for="ch" forName="dot9" refType="userD"/>
                  <dgm:constr type="ctrX" for="ch" forName="dot10" refType="w" fact="0.7714"/>
                  <dgm:constr type="ctrY" for="ch" forName="dot10" refType="h" fact="0.2816"/>
                  <dgm:constr type="w" for="ch" forName="dot10" refType="userD"/>
                  <dgm:constr type="h" for="ch" forName="dot10" refType="userD"/>
                  <dgm:constr type="ctrX" for="ch" forName="dotArrow1" refType="w" fact="0.7443"/>
                  <dgm:constr type="ctrY" for="ch" forName="dotArrow1" refType="h" fact="0.0748"/>
                  <dgm:constr type="w" for="ch" forName="dotArrow1" refType="userD"/>
                  <dgm:constr type="h" for="ch" forName="dotArrow1" refType="userD"/>
                  <dgm:constr type="ctrX" for="ch" forName="dotArrow2" refType="w" fact="0.7628"/>
                  <dgm:constr type="ctrY" for="ch" forName="dotArrow2" refType="h" fact="0.0581"/>
                  <dgm:constr type="w" for="ch" forName="dotArrow2" refType="userD"/>
                  <dgm:constr type="h" for="ch" forName="dotArrow2" refType="userD"/>
                  <dgm:constr type="ctrX" for="ch" forName="dotArrow3" refType="w" fact="0.7814"/>
                  <dgm:constr type="ctrY" for="ch" forName="dotArrow3" refType="h" fact="0.0414"/>
                  <dgm:constr type="w" for="ch" forName="dotArrow3" refType="userD"/>
                  <dgm:constr type="h" for="ch" forName="dotArrow3" refType="userD"/>
                  <dgm:constr type="ctrX" for="ch" forName="dotArrow4" refType="w" fact="0.7999"/>
                  <dgm:constr type="ctrY" for="ch" forName="dotArrow4" refType="h" fact="0.0581"/>
                  <dgm:constr type="w" for="ch" forName="dotArrow4" refType="userD"/>
                  <dgm:constr type="h" for="ch" forName="dotArrow4" refType="userD"/>
                  <dgm:constr type="ctrX" for="ch" forName="dotArrow5" refType="w" fact="0.8184"/>
                  <dgm:constr type="ctrY" for="ch" forName="dotArrow5" refType="h" fact="0.0748"/>
                  <dgm:constr type="w" for="ch" forName="dotArrow5" refType="userD"/>
                  <dgm:constr type="h" for="ch" forName="dotArrow5" refType="userD"/>
                  <dgm:constr type="ctrX" for="ch" forName="dotArrow6" refType="w" fact="0.7814"/>
                  <dgm:constr type="ctrY" for="ch" forName="dotArrow6" refType="h" fact="0.0766"/>
                  <dgm:constr type="w" for="ch" forName="dotArrow6" refType="userD"/>
                  <dgm:constr type="h" for="ch" forName="dotArrow6" refType="userD"/>
                  <dgm:constr type="ctrX" for="ch" forName="dotArrow7" refType="w" fact="0.7814"/>
                  <dgm:constr type="ctrY" for="ch" forName="dotArrow7" refType="h" fact="0.1118"/>
                  <dgm:constr type="w" for="ch" forName="dotArrow7" refType="userD"/>
                  <dgm:constr type="h" for="ch" forName="dotArrow7" refType="userD"/>
                  <dgm:constr type="l" for="ch" forName="parTx1" refType="w" fact="0.2479"/>
                  <dgm:constr type="t" for="ch" forName="parTx1" refType="h" fact="0.9416"/>
                  <dgm:constr type="w" for="ch" forName="parTx1" refType="w" fact="0.2696"/>
                  <dgm:constr type="h" for="ch" forName="parTx1" refType="h" fact="0.0811"/>
                  <dgm:constr type="ctrX" for="ch" forName="picture1" refType="w" fact="0.2356"/>
                  <dgm:constr type="ctrY" for="ch" forName="picture1" refType="h" fact="0.9322"/>
                  <dgm:constr type="w" for="ch" forName="picture1" refType="w" fact="0.125"/>
                  <dgm:constr type="h" for="ch" forName="picture1" refType="h" fact="0.1403"/>
                  <dgm:constr type="l" for="ch" forName="parTx2" refType="w" fact="0.5064"/>
                  <dgm:constr type="t" for="ch" forName="parTx2" refType="h" fact="0.8451"/>
                  <dgm:constr type="w" for="ch" forName="parTx2" refType="w" fact="0.2696"/>
                  <dgm:constr type="h" for="ch" forName="parTx2" refType="h" fact="0.0811"/>
                  <dgm:constr type="ctrX" for="ch" forName="picture2" refType="w" fact="0.4941"/>
                  <dgm:constr type="ctrY" for="ch" forName="picture2" refType="h" fact="0.8357"/>
                  <dgm:constr type="w" for="ch" forName="picture2" refType="w" fact="0.125"/>
                  <dgm:constr type="h" for="ch" forName="picture2" refType="h" fact="0.1403"/>
                  <dgm:constr type="l" for="ch" forName="parTx3" refType="w" fact="0.6339"/>
                  <dgm:constr type="t" for="ch" forName="parTx3" refType="h" fact="0.7006"/>
                  <dgm:constr type="w" for="ch" forName="parTx3" refType="w" fact="0.2696"/>
                  <dgm:constr type="h" for="ch" forName="parTx3" refType="h" fact="0.0811"/>
                  <dgm:constr type="ctrX" for="ch" forName="picture3" refType="w" fact="0.6216"/>
                  <dgm:constr type="ctrY" for="ch" forName="picture3" refType="h" fact="0.6912"/>
                  <dgm:constr type="w" for="ch" forName="picture3" refType="w" fact="0.125"/>
                  <dgm:constr type="h" for="ch" forName="picture3" refType="h" fact="0.1403"/>
                  <dgm:constr type="l" for="ch" forName="parTx4" refType="w" fact="0.7108"/>
                  <dgm:constr type="t" for="ch" forName="parTx4" refType="h" fact="0.5424"/>
                  <dgm:constr type="w" for="ch" forName="parTx4" refType="w" fact="0.2696"/>
                  <dgm:constr type="h" for="ch" forName="parTx4" refType="h" fact="0.0811"/>
                  <dgm:constr type="ctrX" for="ch" forName="picture4" refType="w" fact="0.6985"/>
                  <dgm:constr type="ctrY" for="ch" forName="picture4" refType="h" fact="0.533"/>
                  <dgm:constr type="w" for="ch" forName="picture4" refType="w" fact="0.125"/>
                  <dgm:constr type="h" for="ch" forName="picture4" refType="h" fact="0.1403"/>
                  <dgm:constr type="l" for="ch" forName="parTx5" refType="w" fact="0.7604"/>
                  <dgm:constr type="t" for="ch" forName="parTx5" refType="h" fact="0.372"/>
                  <dgm:constr type="w" for="ch" forName="parTx5" refType="w" fact="0.2696"/>
                  <dgm:constr type="h" for="ch" forName="parTx5" refType="h" fact="0.0811"/>
                  <dgm:constr type="ctrX" for="ch" forName="picture5" refType="w" fact="0.7481"/>
                  <dgm:constr type="ctrY" for="ch" forName="picture5" refType="h" fact="0.3626"/>
                  <dgm:constr type="w" for="ch" forName="picture5" refType="w" fact="0.125"/>
                  <dgm:constr type="h" for="ch" forName="picture5" refType="h" fact="0.1403"/>
                  <dgm:constr type="l" for="ch" forName="parTx6" refType="w" fact="0.7874"/>
                  <dgm:constr type="t" for="ch" forName="parTx6" refType="h" fact="0.2044"/>
                  <dgm:constr type="w" for="ch" forName="parTx6" refType="w" fact="0.2696"/>
                  <dgm:constr type="h" for="ch" forName="parTx6" refType="h" fact="0.0811"/>
                  <dgm:constr type="ctrX" for="ch" forName="picture6" refType="w" fact="0.7751"/>
                  <dgm:constr type="ctrY" for="ch" forName="picture6" refType="h" fact="0.195"/>
                  <dgm:constr type="w" for="ch" forName="picture6" refType="w" fact="0.125"/>
                  <dgm:constr type="h" for="ch" forName="picture6" refType="h" fact="0.1403"/>
                </dgm:constrLst>
              </dgm:else>
            </dgm:choose>
          </dgm:if>
          <dgm:else name="Name58">
            <dgm:choose name="Name59">
              <dgm:if name="Name60" axis="des" func="maxDepth" op="gt" val="1">
                <dgm:alg type="composite">
                  <dgm:param type="ar" val="1.33"/>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primFontSz" for="ch" forName="parTx6" refType="primFontSz" refFor="ch" refForName="parTx1" op="equ"/>
                  <dgm:constr type="primFontSz" for="ch" forName="desTx1" op="equ" val="65"/>
                  <dgm:constr type="primFontSz" for="ch" forName="desTx2" refType="primFontSz" refFor="ch" refForName="desTx1" op="equ"/>
                  <dgm:constr type="primFontSz" for="ch" forName="desTx3" refType="primFontSz" refFor="ch" refForName="desTx1" op="equ"/>
                  <dgm:constr type="primFontSz" for="ch" forName="desTx4" refType="primFontSz" refFor="ch" refForName="desTx1" op="equ"/>
                  <dgm:constr type="primFontSz" for="ch" forName="desTx5" refType="primFontSz" refFor="ch" refForName="desTx1" op="equ"/>
                  <dgm:constr type="primFontSz" for="ch" forName="desTx6" refType="primFontSz" refFor="ch" refForName="desTx1" op="equ"/>
                  <dgm:constr type="userD" refType="w" fact="0.0105"/>
                  <dgm:constr type="ctrX" for="ch" forName="dot1" refType="w" fact="0.6392"/>
                  <dgm:constr type="ctrY" for="ch" forName="dot1" refType="h" fact="0.8839"/>
                  <dgm:constr type="w" for="ch" forName="dot1" refType="userD"/>
                  <dgm:constr type="h" for="ch" forName="dot1" refType="userD"/>
                  <dgm:constr type="ctrX" for="ch" forName="dot2" refType="w" fact="0.6616"/>
                  <dgm:constr type="ctrY" for="ch" forName="dot2" refType="h" fact="0.8967"/>
                  <dgm:constr type="w" for="ch" forName="dot2" refType="userD"/>
                  <dgm:constr type="h" for="ch" forName="dot2" refType="userD"/>
                  <dgm:constr type="ctrX" for="ch" forName="dot3" refType="w" fact="0.6845"/>
                  <dgm:constr type="ctrY" for="ch" forName="dot3" refType="h" fact="0.9076"/>
                  <dgm:constr type="w" for="ch" forName="dot3" refType="userD"/>
                  <dgm:constr type="h" for="ch" forName="dot3" refType="userD"/>
                  <dgm:constr type="ctrX" for="ch" forName="dot4" refType="w" fact="0.7077"/>
                  <dgm:constr type="ctrY" for="ch" forName="dot4" refType="h" fact="0.9165"/>
                  <dgm:constr type="w" for="ch" forName="dot4" refType="userD"/>
                  <dgm:constr type="h" for="ch" forName="dot4" refType="userD"/>
                  <dgm:constr type="ctrX" for="ch" forName="dot5" refType="w" fact="0.7312"/>
                  <dgm:constr type="ctrY" for="ch" forName="dot5" refType="h" fact="0.9234"/>
                  <dgm:constr type="w" for="ch" forName="dot5" refType="userD"/>
                  <dgm:constr type="h" for="ch" forName="dot5" refType="userD"/>
                  <dgm:constr type="ctrX" for="ch" forName="dot6" refType="w" fact="0.5117"/>
                  <dgm:constr type="ctrY" for="ch" forName="dot6" refType="h" fact="0.764"/>
                  <dgm:constr type="w" for="ch" forName="dot6" refType="userD"/>
                  <dgm:constr type="h" for="ch" forName="dot6" refType="userD"/>
                  <dgm:constr type="ctrX" for="ch" forName="dot7" refType="w" fact="0.5305"/>
                  <dgm:constr type="ctrY" for="ch" forName="dot7" refType="h" fact="0.7878"/>
                  <dgm:constr type="w" for="ch" forName="dot7" refType="userD"/>
                  <dgm:constr type="h" for="ch" forName="dot7" refType="userD"/>
                  <dgm:constr type="ctrX" for="ch" forName="dot8" refType="w" fact="0.4304"/>
                  <dgm:constr type="ctrY" for="ch" forName="dot8" refType="h" fact="0.6227"/>
                  <dgm:constr type="w" for="ch" forName="dot8" refType="userD"/>
                  <dgm:constr type="h" for="ch" forName="dot8" refType="userD"/>
                  <dgm:constr type="ctrX" for="ch" forName="dot9" refType="w" fact="0.3753"/>
                  <dgm:constr type="ctrY" for="ch" forName="dot9" refType="h" fact="0.4556"/>
                  <dgm:constr type="w" for="ch" forName="dot9" refType="userD"/>
                  <dgm:constr type="h" for="ch" forName="dot9" refType="userD"/>
                  <dgm:constr type="ctrX" for="ch" forName="dot10" refType="w" fact="0.3491"/>
                  <dgm:constr type="ctrY" for="ch" forName="dot10" refType="h" fact="0.2816"/>
                  <dgm:constr type="w" for="ch" forName="dot10" refType="userD"/>
                  <dgm:constr type="h" for="ch" forName="dot10" refType="userD"/>
                  <dgm:constr type="ctrX" for="ch" forName="dotArrow1" refType="w" fact="0.3719"/>
                  <dgm:constr type="ctrY" for="ch" forName="dotArrow1" refType="h" fact="0.0748"/>
                  <dgm:constr type="w" for="ch" forName="dotArrow1" refType="userD"/>
                  <dgm:constr type="h" for="ch" forName="dotArrow1" refType="userD"/>
                  <dgm:constr type="ctrX" for="ch" forName="dotArrow2" refType="w" fact="0.3563"/>
                  <dgm:constr type="ctrY" for="ch" forName="dotArrow2" refType="h" fact="0.0581"/>
                  <dgm:constr type="w" for="ch" forName="dotArrow2" refType="userD"/>
                  <dgm:constr type="h" for="ch" forName="dotArrow2" refType="userD"/>
                  <dgm:constr type="ctrX" for="ch" forName="dotArrow3" refType="w" fact="0.3407"/>
                  <dgm:constr type="ctrY" for="ch" forName="dotArrow3" refType="h" fact="0.0414"/>
                  <dgm:constr type="w" for="ch" forName="dotArrow3" refType="userD"/>
                  <dgm:constr type="h" for="ch" forName="dotArrow3" refType="userD"/>
                  <dgm:constr type="ctrX" for="ch" forName="dotArrow4" refType="w" fact="0.325"/>
                  <dgm:constr type="ctrY" for="ch" forName="dotArrow4" refType="h" fact="0.0581"/>
                  <dgm:constr type="w" for="ch" forName="dotArrow4" refType="userD"/>
                  <dgm:constr type="h" for="ch" forName="dotArrow4" refType="userD"/>
                  <dgm:constr type="ctrX" for="ch" forName="dotArrow5" refType="w" fact="0.3094"/>
                  <dgm:constr type="ctrY" for="ch" forName="dotArrow5" refType="h" fact="0.0748"/>
                  <dgm:constr type="w" for="ch" forName="dotArrow5" refType="userD"/>
                  <dgm:constr type="h" for="ch" forName="dotArrow5" refType="userD"/>
                  <dgm:constr type="ctrX" for="ch" forName="dotArrow6" refType="w" fact="0.3407"/>
                  <dgm:constr type="ctrY" for="ch" forName="dotArrow6" refType="h" fact="0.0766"/>
                  <dgm:constr type="w" for="ch" forName="dotArrow6" refType="userD"/>
                  <dgm:constr type="h" for="ch" forName="dotArrow6" refType="userD"/>
                  <dgm:constr type="ctrX" for="ch" forName="dotArrow7" refType="w" fact="0.3407"/>
                  <dgm:constr type="ctrY" for="ch" forName="dotArrow7" refType="h" fact="0.1118"/>
                  <dgm:constr type="w" for="ch" forName="dotArrow7" refType="userD"/>
                  <dgm:constr type="h" for="ch" forName="dotArrow7" refType="userD"/>
                  <dgm:constr type="r" for="ch" forName="parTx1" refType="w" fact="0.7909"/>
                  <dgm:constr type="t" for="ch" forName="parTx1" refType="h" fact="0.9433"/>
                  <dgm:constr type="w" for="ch" forName="parTx1" refType="w" fact="0.2275"/>
                  <dgm:constr type="h" for="ch" forName="parTx1" refType="h" fact="0.0811"/>
                  <dgm:constr type="ctrX" for="ch" forName="picture1" refType="w" fact="0.8012"/>
                  <dgm:constr type="ctrY" for="ch" forName="picture1" refType="h" fact="0.9322"/>
                  <dgm:constr type="w" for="ch" forName="picture1" refType="w" fact="0.1055"/>
                  <dgm:constr type="h" for="ch" forName="picture1" refType="h" fact="0.1403"/>
                  <dgm:constr type="r" for="ch" forName="desTx1" refType="l" refFor="ch" refForName="parTx1"/>
                  <dgm:constr type="l" for="ch" forName="desTx1"/>
                  <dgm:constr type="t" for="ch" forName="desTx1" refType="t" refFor="ch" refForName="parTx1"/>
                  <dgm:constr type="h" for="ch" forName="desTx1" refType="h" refFor="ch" refForName="parTx1"/>
                  <dgm:constr type="r" for="ch" forName="parTx2" refType="w" fact="0.5727"/>
                  <dgm:constr type="t" for="ch" forName="parTx2" refType="h" fact="0.8468"/>
                  <dgm:constr type="w" for="ch" forName="parTx2" refType="w" fact="0.2275"/>
                  <dgm:constr type="h" for="ch" forName="parTx2" refType="h" fact="0.0811"/>
                  <dgm:constr type="ctrX" for="ch" forName="picture2" refType="w" fact="0.5831"/>
                  <dgm:constr type="ctrY" for="ch" forName="picture2" refType="h" fact="0.8357"/>
                  <dgm:constr type="w" for="ch" forName="picture2" refType="w" fact="0.1055"/>
                  <dgm:constr type="h" for="ch" forName="picture2" refType="h" fact="0.1403"/>
                  <dgm:constr type="r" for="ch" forName="desTx2" refType="l" refFor="ch" refForName="parTx2"/>
                  <dgm:constr type="l" for="ch" forName="desTx2"/>
                  <dgm:constr type="t" for="ch" forName="desTx2" refType="t" refFor="ch" refForName="parTx2"/>
                  <dgm:constr type="h" for="ch" forName="desTx2" refType="h" refFor="ch" refForName="parTx2"/>
                  <dgm:constr type="r" for="ch" forName="parTx3" refType="w" fact="0.4651"/>
                  <dgm:constr type="t" for="ch" forName="parTx3" refType="h" fact="0.7023"/>
                  <dgm:constr type="w" for="ch" forName="parTx3" refType="w" fact="0.2275"/>
                  <dgm:constr type="h" for="ch" forName="parTx3" refType="h" fact="0.0811"/>
                  <dgm:constr type="ctrX" for="ch" forName="picture3" refType="w" fact="0.4755"/>
                  <dgm:constr type="ctrY" for="ch" forName="picture3" refType="h" fact="0.6912"/>
                  <dgm:constr type="w" for="ch" forName="picture3" refType="w" fact="0.1055"/>
                  <dgm:constr type="h" for="ch" forName="picture3" refType="h" fact="0.1403"/>
                  <dgm:constr type="r" for="ch" forName="desTx3" refType="l" refFor="ch" refForName="parTx3"/>
                  <dgm:constr type="l" for="ch" forName="desTx3"/>
                  <dgm:constr type="t" for="ch" forName="desTx3" refType="t" refFor="ch" refForName="parTx3"/>
                  <dgm:constr type="h" for="ch" forName="desTx3" refType="h" refFor="ch" refForName="parTx3"/>
                  <dgm:constr type="r" for="ch" forName="parTx4" refType="w" fact="0.4002"/>
                  <dgm:constr type="t" for="ch" forName="parTx4" refType="h" fact="0.5441"/>
                  <dgm:constr type="w" for="ch" forName="parTx4" refType="w" fact="0.2275"/>
                  <dgm:constr type="h" for="ch" forName="parTx4" refType="h" fact="0.0811"/>
                  <dgm:constr type="ctrX" for="ch" forName="picture4" refType="w" fact="0.4106"/>
                  <dgm:constr type="ctrY" for="ch" forName="picture4" refType="h" fact="0.533"/>
                  <dgm:constr type="w" for="ch" forName="picture4" refType="w" fact="0.1055"/>
                  <dgm:constr type="h" for="ch" forName="picture4" refType="h" fact="0.1403"/>
                  <dgm:constr type="r" for="ch" forName="desTx4" refType="l" refFor="ch" refForName="parTx4"/>
                  <dgm:constr type="l" for="ch" forName="desTx4"/>
                  <dgm:constr type="t" for="ch" forName="desTx4" refType="t" refFor="ch" refForName="parTx4"/>
                  <dgm:constr type="h" for="ch" forName="desTx4" refType="h" refFor="ch" refForName="parTx4"/>
                  <dgm:constr type="r" for="ch" forName="parTx5" refType="w" fact="0.3584"/>
                  <dgm:constr type="t" for="ch" forName="parTx5" refType="h" fact="0.3737"/>
                  <dgm:constr type="w" for="ch" forName="parTx5" refType="w" fact="0.2275"/>
                  <dgm:constr type="h" for="ch" forName="parTx5" refType="h" fact="0.0811"/>
                  <dgm:constr type="ctrX" for="ch" forName="picture5" refType="w" fact="0.3687"/>
                  <dgm:constr type="ctrY" for="ch" forName="picture5" refType="h" fact="0.3626"/>
                  <dgm:constr type="w" for="ch" forName="picture5" refType="w" fact="0.1055"/>
                  <dgm:constr type="h" for="ch" forName="picture5" refType="h" fact="0.1403"/>
                  <dgm:constr type="r" for="ch" forName="desTx5" refType="l" refFor="ch" refForName="parTx5"/>
                  <dgm:constr type="l" for="ch" forName="desTx5"/>
                  <dgm:constr type="t" for="ch" forName="desTx5" refType="t" refFor="ch" refForName="parTx5"/>
                  <dgm:constr type="h" for="ch" forName="desTx5" refType="h" refFor="ch" refForName="parTx5"/>
                  <dgm:constr type="r" for="ch" forName="parTx6" refType="w" fact="0.3356"/>
                  <dgm:constr type="t" for="ch" forName="parTx6" refType="h" fact="0.2061"/>
                  <dgm:constr type="w" for="ch" forName="parTx6" refType="w" fact="0.2275"/>
                  <dgm:constr type="h" for="ch" forName="parTx6" refType="h" fact="0.0811"/>
                  <dgm:constr type="ctrX" for="ch" forName="picture6" refType="w" fact="0.3459"/>
                  <dgm:constr type="ctrY" for="ch" forName="picture6" refType="h" fact="0.195"/>
                  <dgm:constr type="w" for="ch" forName="picture6" refType="w" fact="0.1055"/>
                  <dgm:constr type="h" for="ch" forName="picture6" refType="h" fact="0.1403"/>
                  <dgm:constr type="r" for="ch" forName="desTx6" refType="l" refFor="ch" refForName="parTx6"/>
                  <dgm:constr type="l" for="ch" forName="desTx6"/>
                  <dgm:constr type="t" for="ch" forName="desTx6" refType="t" refFor="ch" refForName="parTx6"/>
                  <dgm:constr type="h" for="ch" forName="desTx6" refType="h" refFor="ch" refForName="parTx6"/>
                </dgm:constrLst>
              </dgm:if>
              <dgm:else name="Name61">
                <dgm:alg type="composite">
                  <dgm:param type="ar" val="1.1223"/>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primFontSz" for="ch" forName="parTx6" refType="primFontSz" refFor="ch" refForName="parTx1" op="equ"/>
                  <dgm:constr type="userD" refType="w" fact="0.0125"/>
                  <dgm:constr type="ctrX" for="ch" forName="dot1" refType="w" fact="0.5724"/>
                  <dgm:constr type="ctrY" for="ch" forName="dot1" refType="h" fact="0.8839"/>
                  <dgm:constr type="w" for="ch" forName="dot1" refType="userD"/>
                  <dgm:constr type="h" for="ch" forName="dot1" refType="userD"/>
                  <dgm:constr type="ctrX" for="ch" forName="dot2" refType="w" fact="0.599"/>
                  <dgm:constr type="ctrY" for="ch" forName="dot2" refType="h" fact="0.8967"/>
                  <dgm:constr type="w" for="ch" forName="dot2" refType="userD"/>
                  <dgm:constr type="h" for="ch" forName="dot2" refType="userD"/>
                  <dgm:constr type="ctrX" for="ch" forName="dot3" refType="w" fact="0.6261"/>
                  <dgm:constr type="ctrY" for="ch" forName="dot3" refType="h" fact="0.9076"/>
                  <dgm:constr type="w" for="ch" forName="dot3" refType="userD"/>
                  <dgm:constr type="h" for="ch" forName="dot3" refType="userD"/>
                  <dgm:constr type="ctrX" for="ch" forName="dot4" refType="w" fact="0.6536"/>
                  <dgm:constr type="ctrY" for="ch" forName="dot4" refType="h" fact="0.9165"/>
                  <dgm:constr type="w" for="ch" forName="dot4" refType="userD"/>
                  <dgm:constr type="h" for="ch" forName="dot4" refType="userD"/>
                  <dgm:constr type="ctrX" for="ch" forName="dot5" refType="w" fact="0.6814"/>
                  <dgm:constr type="ctrY" for="ch" forName="dot5" refType="h" fact="0.9234"/>
                  <dgm:constr type="w" for="ch" forName="dot5" refType="userD"/>
                  <dgm:constr type="h" for="ch" forName="dot5" refType="userD"/>
                  <dgm:constr type="ctrX" for="ch" forName="dot6" refType="w" fact="0.4214"/>
                  <dgm:constr type="ctrY" for="ch" forName="dot6" refType="h" fact="0.764"/>
                  <dgm:constr type="w" for="ch" forName="dot6" refType="userD"/>
                  <dgm:constr type="h" for="ch" forName="dot6" refType="userD"/>
                  <dgm:constr type="ctrX" for="ch" forName="dot7" refType="w" fact="0.4436"/>
                  <dgm:constr type="ctrY" for="ch" forName="dot7" refType="h" fact="0.7878"/>
                  <dgm:constr type="w" for="ch" forName="dot7" refType="userD"/>
                  <dgm:constr type="h" for="ch" forName="dot7" refType="userD"/>
                  <dgm:constr type="ctrX" for="ch" forName="dot8" refType="w" fact="0.325"/>
                  <dgm:constr type="ctrY" for="ch" forName="dot8" refType="h" fact="0.6227"/>
                  <dgm:constr type="w" for="ch" forName="dot8" refType="userD"/>
                  <dgm:constr type="h" for="ch" forName="dot8" refType="userD"/>
                  <dgm:constr type="ctrX" for="ch" forName="dot9" refType="w" fact="0.2597"/>
                  <dgm:constr type="ctrY" for="ch" forName="dot9" refType="h" fact="0.4556"/>
                  <dgm:constr type="w" for="ch" forName="dot9" refType="userD"/>
                  <dgm:constr type="h" for="ch" forName="dot9" refType="userD"/>
                  <dgm:constr type="ctrX" for="ch" forName="dot10" refType="w" fact="0.2286"/>
                  <dgm:constr type="ctrY" for="ch" forName="dot10" refType="h" fact="0.2816"/>
                  <dgm:constr type="w" for="ch" forName="dot10" refType="userD"/>
                  <dgm:constr type="h" for="ch" forName="dot10" refType="userD"/>
                  <dgm:constr type="ctrX" for="ch" forName="dotArrow1" refType="w" fact="0.2557"/>
                  <dgm:constr type="ctrY" for="ch" forName="dotArrow1" refType="h" fact="0.0748"/>
                  <dgm:constr type="w" for="ch" forName="dotArrow1" refType="userD"/>
                  <dgm:constr type="h" for="ch" forName="dotArrow1" refType="userD"/>
                  <dgm:constr type="ctrX" for="ch" forName="dotArrow2" refType="w" fact="0.2372"/>
                  <dgm:constr type="ctrY" for="ch" forName="dotArrow2" refType="h" fact="0.0581"/>
                  <dgm:constr type="w" for="ch" forName="dotArrow2" refType="userD"/>
                  <dgm:constr type="h" for="ch" forName="dotArrow2" refType="userD"/>
                  <dgm:constr type="ctrX" for="ch" forName="dotArrow3" refType="w" fact="0.2187"/>
                  <dgm:constr type="ctrY" for="ch" forName="dotArrow3" refType="h" fact="0.0414"/>
                  <dgm:constr type="w" for="ch" forName="dotArrow3" refType="userD"/>
                  <dgm:constr type="h" for="ch" forName="dotArrow3" refType="userD"/>
                  <dgm:constr type="ctrX" for="ch" forName="dotArrow4" refType="w" fact="0.2001"/>
                  <dgm:constr type="ctrY" for="ch" forName="dotArrow4" refType="h" fact="0.0581"/>
                  <dgm:constr type="w" for="ch" forName="dotArrow4" refType="userD"/>
                  <dgm:constr type="h" for="ch" forName="dotArrow4" refType="userD"/>
                  <dgm:constr type="ctrX" for="ch" forName="dotArrow5" refType="w" fact="0.1816"/>
                  <dgm:constr type="ctrY" for="ch" forName="dotArrow5" refType="h" fact="0.0748"/>
                  <dgm:constr type="w" for="ch" forName="dotArrow5" refType="userD"/>
                  <dgm:constr type="h" for="ch" forName="dotArrow5" refType="userD"/>
                  <dgm:constr type="ctrX" for="ch" forName="dotArrow6" refType="w" fact="0.2187"/>
                  <dgm:constr type="ctrY" for="ch" forName="dotArrow6" refType="h" fact="0.0766"/>
                  <dgm:constr type="w" for="ch" forName="dotArrow6" refType="userD"/>
                  <dgm:constr type="h" for="ch" forName="dotArrow6" refType="userD"/>
                  <dgm:constr type="ctrX" for="ch" forName="dotArrow7" refType="w" fact="0.2187"/>
                  <dgm:constr type="ctrY" for="ch" forName="dotArrow7" refType="h" fact="0.1118"/>
                  <dgm:constr type="w" for="ch" forName="dotArrow7" refType="userD"/>
                  <dgm:constr type="h" for="ch" forName="dotArrow7" refType="userD"/>
                  <dgm:constr type="r" for="ch" forName="parTx1" refType="w" fact="0.7522"/>
                  <dgm:constr type="t" for="ch" forName="parTx1" refType="h" fact="0.9416"/>
                  <dgm:constr type="w" for="ch" forName="parTx1" refType="w" fact="0.2696"/>
                  <dgm:constr type="h" for="ch" forName="parTx1" refType="h" fact="0.0811"/>
                  <dgm:constr type="ctrX" for="ch" forName="picture1" refType="w" fact="0.7644"/>
                  <dgm:constr type="ctrY" for="ch" forName="picture1" refType="h" fact="0.9322"/>
                  <dgm:constr type="w" for="ch" forName="picture1" refType="w" fact="0.125"/>
                  <dgm:constr type="h" for="ch" forName="picture1" refType="h" fact="0.1403"/>
                  <dgm:constr type="r" for="ch" forName="parTx2" refType="w" fact="0.4937"/>
                  <dgm:constr type="t" for="ch" forName="parTx2" refType="h" fact="0.8451"/>
                  <dgm:constr type="w" for="ch" forName="parTx2" refType="w" fact="0.2696"/>
                  <dgm:constr type="h" for="ch" forName="parTx2" refType="h" fact="0.0811"/>
                  <dgm:constr type="ctrX" for="ch" forName="picture2" refType="w" fact="0.5059"/>
                  <dgm:constr type="ctrY" for="ch" forName="picture2" refType="h" fact="0.8357"/>
                  <dgm:constr type="w" for="ch" forName="picture2" refType="w" fact="0.125"/>
                  <dgm:constr type="h" for="ch" forName="picture2" refType="h" fact="0.1403"/>
                  <dgm:constr type="r" for="ch" forName="parTx3" refType="w" fact="0.3662"/>
                  <dgm:constr type="t" for="ch" forName="parTx3" refType="h" fact="0.7006"/>
                  <dgm:constr type="w" for="ch" forName="parTx3" refType="w" fact="0.2696"/>
                  <dgm:constr type="h" for="ch" forName="parTx3" refType="h" fact="0.0811"/>
                  <dgm:constr type="ctrX" for="ch" forName="picture3" refType="w" fact="0.3784"/>
                  <dgm:constr type="ctrY" for="ch" forName="picture3" refType="h" fact="0.6912"/>
                  <dgm:constr type="w" for="ch" forName="picture3" refType="w" fact="0.125"/>
                  <dgm:constr type="h" for="ch" forName="picture3" refType="h" fact="0.1403"/>
                  <dgm:constr type="r" for="ch" forName="parTx4" refType="w" fact="0.2893"/>
                  <dgm:constr type="t" for="ch" forName="parTx4" refType="h" fact="0.5424"/>
                  <dgm:constr type="w" for="ch" forName="parTx4" refType="w" fact="0.2696"/>
                  <dgm:constr type="h" for="ch" forName="parTx4" refType="h" fact="0.0811"/>
                  <dgm:constr type="ctrX" for="ch" forName="picture4" refType="w" fact="0.3015"/>
                  <dgm:constr type="ctrY" for="ch" forName="picture4" refType="h" fact="0.533"/>
                  <dgm:constr type="w" for="ch" forName="picture4" refType="w" fact="0.125"/>
                  <dgm:constr type="h" for="ch" forName="picture4" refType="h" fact="0.1403"/>
                  <dgm:constr type="r" for="ch" forName="parTx5" refType="w" fact="0.2397"/>
                  <dgm:constr type="t" for="ch" forName="parTx5" refType="h" fact="0.372"/>
                  <dgm:constr type="w" for="ch" forName="parTx5" refType="w" fact="0.2696"/>
                  <dgm:constr type="h" for="ch" forName="parTx5" refType="h" fact="0.0811"/>
                  <dgm:constr type="ctrX" for="ch" forName="picture5" refType="w" fact="0.2519"/>
                  <dgm:constr type="ctrY" for="ch" forName="picture5" refType="h" fact="0.3626"/>
                  <dgm:constr type="w" for="ch" forName="picture5" refType="w" fact="0.125"/>
                  <dgm:constr type="h" for="ch" forName="picture5" refType="h" fact="0.1403"/>
                  <dgm:constr type="r" for="ch" forName="parTx6" refType="w" fact="0.2127"/>
                  <dgm:constr type="t" for="ch" forName="parTx6" refType="h" fact="0.2044"/>
                  <dgm:constr type="w" for="ch" forName="parTx6" refType="w" fact="0.2696"/>
                  <dgm:constr type="h" for="ch" forName="parTx6" refType="h" fact="0.0811"/>
                  <dgm:constr type="ctrX" for="ch" forName="picture6" refType="w" fact="0.2249"/>
                  <dgm:constr type="ctrY" for="ch" forName="picture6" refType="h" fact="0.195"/>
                  <dgm:constr type="w" for="ch" forName="picture6" refType="w" fact="0.125"/>
                  <dgm:constr type="h" for="ch" forName="picture6" refType="h" fact="0.1403"/>
                </dgm:constrLst>
              </dgm:else>
            </dgm:choose>
          </dgm:else>
        </dgm:choose>
      </dgm:if>
      <dgm:else name="Name62">
        <dgm:choose name="Name63">
          <dgm:if name="Name64" func="var" arg="dir" op="equ" val="norm">
            <dgm:choose name="Name65">
              <dgm:if name="Name66" axis="des" func="maxDepth" op="gt" val="1">
                <dgm:alg type="composite">
                  <dgm:param type="ar" val="1.25"/>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primFontSz" for="ch" forName="parTx6" refType="primFontSz" refFor="ch" refForName="parTx1" op="equ"/>
                  <dgm:constr type="primFontSz" for="ch" forName="parTx7" refType="primFontSz" refFor="ch" refForName="parTx1" op="equ"/>
                  <dgm:constr type="primFontSz" for="ch" forName="desTx1" op="equ" val="65"/>
                  <dgm:constr type="primFontSz" for="ch" forName="desTx2" refType="primFontSz" refFor="ch" refForName="desTx1" op="equ"/>
                  <dgm:constr type="primFontSz" for="ch" forName="desTx3" refType="primFontSz" refFor="ch" refForName="desTx1" op="equ"/>
                  <dgm:constr type="primFontSz" for="ch" forName="desTx4" refType="primFontSz" refFor="ch" refForName="desTx1" op="equ"/>
                  <dgm:constr type="primFontSz" for="ch" forName="desTx5" refType="primFontSz" refFor="ch" refForName="desTx1" op="equ"/>
                  <dgm:constr type="primFontSz" for="ch" forName="desTx6" refType="primFontSz" refFor="ch" refForName="desTx1" op="equ"/>
                  <dgm:constr type="primFontSz" for="ch" forName="desTx7" refType="primFontSz" refFor="ch" refForName="desTx1" op="equ"/>
                  <dgm:constr type="userD" refType="w" fact="0.0097"/>
                  <dgm:constr type="ctrX" for="ch" forName="dot1" refType="w" fact="0.3909"/>
                  <dgm:constr type="ctrY" for="ch" forName="dot1" refType="h" fact="0.8342"/>
                  <dgm:constr type="w" for="ch" forName="dot1" refType="userD"/>
                  <dgm:constr type="h" for="ch" forName="dot1" refType="userD"/>
                  <dgm:constr type="ctrX" for="ch" forName="dot2" refType="w" fact="0.3721"/>
                  <dgm:constr type="ctrY" for="ch" forName="dot2" refType="h" fact="0.8448"/>
                  <dgm:constr type="w" for="ch" forName="dot2" refType="userD"/>
                  <dgm:constr type="h" for="ch" forName="dot2" refType="userD"/>
                  <dgm:constr type="ctrX" for="ch" forName="dot3" refType="w" fact="0.353"/>
                  <dgm:constr type="ctrY" for="ch" forName="dot3" refType="h" fact="0.8539"/>
                  <dgm:constr type="w" for="ch" forName="dot3" refType="userD"/>
                  <dgm:constr type="h" for="ch" forName="dot3" refType="userD"/>
                  <dgm:constr type="ctrX" for="ch" forName="dot4" refType="w" fact="0.3337"/>
                  <dgm:constr type="ctrY" for="ch" forName="dot4" refType="h" fact="0.8615"/>
                  <dgm:constr type="w" for="ch" forName="dot4" refType="userD"/>
                  <dgm:constr type="h" for="ch" forName="dot4" refType="userD"/>
                  <dgm:constr type="ctrX" for="ch" forName="dot5" refType="w" fact="0.3142"/>
                  <dgm:constr type="ctrY" for="ch" forName="dot5" refType="h" fact="0.8676"/>
                  <dgm:constr type="w" for="ch" forName="dot5" refType="userD"/>
                  <dgm:constr type="h" for="ch" forName="dot5" refType="userD"/>
                  <dgm:constr type="ctrX" for="ch" forName="dot6" refType="w" fact="0.5088"/>
                  <dgm:constr type="ctrY" for="ch" forName="dot6" refType="h" fact="0.7255"/>
                  <dgm:constr type="w" for="ch" forName="dot6" refType="userD"/>
                  <dgm:constr type="h" for="ch" forName="dot6" refType="userD"/>
                  <dgm:constr type="ctrX" for="ch" forName="dot7" refType="w" fact="0.4926"/>
                  <dgm:constr type="ctrY" for="ch" forName="dot7" refType="h" fact="0.7454"/>
                  <dgm:constr type="w" for="ch" forName="dot7" refType="userD"/>
                  <dgm:constr type="h" for="ch" forName="dot7" refType="userD"/>
                  <dgm:constr type="ctrX" for="ch" forName="dot8" refType="w" fact="0.5836"/>
                  <dgm:constr type="ctrY" for="ch" forName="dot8" refType="h" fact="0.6026"/>
                  <dgm:constr type="w" for="ch" forName="dot8" refType="userD"/>
                  <dgm:constr type="h" for="ch" forName="dot8" refType="userD"/>
                  <dgm:constr type="ctrX" for="ch" forName="dot9" refType="w" fact="0.6371"/>
                  <dgm:constr type="ctrY" for="ch" forName="dot9" refType="h" fact="0.4632"/>
                  <dgm:constr type="w" for="ch" forName="dot9" refType="userD"/>
                  <dgm:constr type="h" for="ch" forName="dot9" refType="userD"/>
                  <dgm:constr type="ctrX" for="ch" forName="dot10" refType="w" fact="0.6701"/>
                  <dgm:constr type="ctrY" for="ch" forName="dot10" refType="h" fact="0.3187"/>
                  <dgm:constr type="w" for="ch" forName="dot10" refType="userD"/>
                  <dgm:constr type="h" for="ch" forName="dot10" refType="userD"/>
                  <dgm:constr type="ctrX" for="ch" forName="dot11" refType="w" fact="0.6853"/>
                  <dgm:constr type="ctrY" for="ch" forName="dot11" refType="h" fact="0.1763"/>
                  <dgm:constr type="w" for="ch" forName="dot11" refType="userD"/>
                  <dgm:constr type="h" for="ch" forName="dot11" refType="userD"/>
                  <dgm:constr type="ctrX" for="ch" forName="dotArrow1" refType="w" fact="0.6627"/>
                  <dgm:constr type="ctrY" for="ch" forName="dotArrow1" refType="h" fact="-0.0099"/>
                  <dgm:constr type="w" for="ch" forName="dotArrow1" refType="userD"/>
                  <dgm:constr type="h" for="ch" forName="dotArrow1" refType="userD"/>
                  <dgm:constr type="ctrX" for="ch" forName="dotArrow2" refType="w" fact="0.6773"/>
                  <dgm:constr type="ctrY" for="ch" forName="dotArrow2" refType="h" fact="-0.0239"/>
                  <dgm:constr type="w" for="ch" forName="dotArrow2" refType="userD"/>
                  <dgm:constr type="h" for="ch" forName="dotArrow2" refType="userD"/>
                  <dgm:constr type="ctrX" for="ch" forName="dotArrow3" refType="w" fact="0.6919"/>
                  <dgm:constr type="ctrY" for="ch" forName="dotArrow3" refType="h" fact="-0.0378"/>
                  <dgm:constr type="w" for="ch" forName="dotArrow3" refType="userD"/>
                  <dgm:constr type="h" for="ch" forName="dotArrow3" refType="userD"/>
                  <dgm:constr type="ctrX" for="ch" forName="dotArrow4" refType="w" fact="0.7065"/>
                  <dgm:constr type="ctrY" for="ch" forName="dotArrow4" refType="h" fact="-0.0239"/>
                  <dgm:constr type="w" for="ch" forName="dotArrow4" refType="userD"/>
                  <dgm:constr type="h" for="ch" forName="dotArrow4" refType="userD"/>
                  <dgm:constr type="ctrX" for="ch" forName="dotArrow5" refType="w" fact="0.7212"/>
                  <dgm:constr type="ctrY" for="ch" forName="dotArrow5" refType="h" fact="-0.0099"/>
                  <dgm:constr type="w" for="ch" forName="dotArrow5" refType="userD"/>
                  <dgm:constr type="h" for="ch" forName="dotArrow5" refType="userD"/>
                  <dgm:constr type="ctrX" for="ch" forName="dotArrow6" refType="w" fact="0.6919"/>
                  <dgm:constr type="ctrY" for="ch" forName="dotArrow6" refType="h" fact="-0.0084"/>
                  <dgm:constr type="w" for="ch" forName="dotArrow6" refType="userD"/>
                  <dgm:constr type="h" for="ch" forName="dotArrow6" refType="userD"/>
                  <dgm:constr type="ctrX" for="ch" forName="dotArrow7" refType="w" fact="0.6919"/>
                  <dgm:constr type="ctrY" for="ch" forName="dotArrow7" refType="h" fact="0.0211"/>
                  <dgm:constr type="w" for="ch" forName="dotArrow7" refType="userD"/>
                  <dgm:constr type="h" for="ch" forName="dotArrow7" refType="userD"/>
                  <dgm:constr type="l" for="ch" forName="parTx1" refType="w" fact="0.2556"/>
                  <dgm:constr type="t" for="ch" forName="parTx1" refType="h" fact="0.8856"/>
                  <dgm:constr type="w" for="ch" forName="parTx1" refType="w" fact="0.2101"/>
                  <dgm:constr type="h" for="ch" forName="parTx1" refType="h" fact="0.0704"/>
                  <dgm:constr type="ctrX" for="ch" forName="picture1" refType="w" fact="0.246"/>
                  <dgm:constr type="ctrY" for="ch" forName="picture1" refType="h" fact="0.8769"/>
                  <dgm:constr type="w" for="ch" forName="picture1" refType="w" fact="0.0974"/>
                  <dgm:constr type="h" for="ch" forName="picture1" refType="h" fact="0.1218"/>
                  <dgm:constr type="l" for="ch" forName="desTx1" refType="r" refFor="ch" refForName="parTx1"/>
                  <dgm:constr type="r" for="ch" forName="desTx1" refType="w"/>
                  <dgm:constr type="t" for="ch" forName="desTx1" refType="t" refFor="ch" refForName="parTx1"/>
                  <dgm:constr type="h" for="ch" forName="desTx1" refType="h" refFor="ch" refForName="parTx1"/>
                  <dgm:constr type="l" for="ch" forName="parTx2" refType="w" fact="0.4535"/>
                  <dgm:constr type="t" for="ch" forName="parTx2" refType="h" fact="0.7956"/>
                  <dgm:constr type="w" for="ch" forName="parTx2" refType="w" fact="0.2101"/>
                  <dgm:constr type="h" for="ch" forName="parTx2" refType="h" fact="0.0704"/>
                  <dgm:constr type="ctrX" for="ch" forName="picture2" refType="w" fact="0.4439"/>
                  <dgm:constr type="ctrY" for="ch" forName="picture2" refType="h" fact="0.787"/>
                  <dgm:constr type="w" for="ch" forName="picture2" refType="w" fact="0.0974"/>
                  <dgm:constr type="h" for="ch" forName="picture2" refType="h" fact="0.1218"/>
                  <dgm:constr type="l" for="ch" forName="desTx2" refType="r" refFor="ch" refForName="parTx2"/>
                  <dgm:constr type="r" for="ch" forName="desTx2" refType="w"/>
                  <dgm:constr type="t" for="ch" forName="desTx2" refType="t" refFor="ch" refForName="parTx2"/>
                  <dgm:constr type="h" for="ch" forName="desTx2" refType="h" refFor="ch" refForName="parTx2"/>
                  <dgm:constr type="l" for="ch" forName="parTx3" refType="w" fact="0.5511"/>
                  <dgm:constr type="t" for="ch" forName="parTx3" refType="h" fact="0.673"/>
                  <dgm:constr type="w" for="ch" forName="parTx3" refType="w" fact="0.2101"/>
                  <dgm:constr type="h" for="ch" forName="parTx3" refType="h" fact="0.0704"/>
                  <dgm:constr type="ctrX" for="ch" forName="picture3" refType="w" fact="0.5415"/>
                  <dgm:constr type="ctrY" for="ch" forName="picture3" refType="h" fact="0.6644"/>
                  <dgm:constr type="w" for="ch" forName="picture3" refType="w" fact="0.0974"/>
                  <dgm:constr type="h" for="ch" forName="picture3" refType="h" fact="0.1218"/>
                  <dgm:constr type="l" for="ch" forName="desTx3" refType="r" refFor="ch" refForName="parTx3"/>
                  <dgm:constr type="r" for="ch" forName="desTx3" refType="w"/>
                  <dgm:constr type="t" for="ch" forName="desTx3" refType="t" refFor="ch" refForName="parTx3"/>
                  <dgm:constr type="h" for="ch" forName="desTx3" refType="h" refFor="ch" refForName="parTx3"/>
                  <dgm:constr type="l" for="ch" forName="parTx4" refType="w" fact="0.6132"/>
                  <dgm:constr type="t" for="ch" forName="parTx4" refType="h" fact="0.538"/>
                  <dgm:constr type="w" for="ch" forName="parTx4" refType="w" fact="0.2101"/>
                  <dgm:constr type="h" for="ch" forName="parTx4" refType="h" fact="0.0704"/>
                  <dgm:constr type="ctrX" for="ch" forName="picture4" refType="w" fact="0.6037"/>
                  <dgm:constr type="ctrY" for="ch" forName="picture4" refType="h" fact="0.5294"/>
                  <dgm:constr type="w" for="ch" forName="picture4" refType="w" fact="0.0974"/>
                  <dgm:constr type="h" for="ch" forName="picture4" refType="h" fact="0.1218"/>
                  <dgm:constr type="l" for="ch" forName="desTx4" refType="r" refFor="ch" refForName="parTx4"/>
                  <dgm:constr type="r" for="ch" forName="desTx4" refType="w"/>
                  <dgm:constr type="t" for="ch" forName="desTx4" refType="t" refFor="ch" refForName="parTx4"/>
                  <dgm:constr type="h" for="ch" forName="desTx4" refType="h" refFor="ch" refForName="parTx4"/>
                  <dgm:constr type="l" for="ch" forName="parTx5" refType="w" fact="0.6576"/>
                  <dgm:constr type="t" for="ch" forName="parTx5" refType="h" fact="0.3951"/>
                  <dgm:constr type="w" for="ch" forName="parTx5" refType="w" fact="0.2101"/>
                  <dgm:constr type="h" for="ch" forName="parTx5" refType="h" fact="0.0704"/>
                  <dgm:constr type="ctrX" for="ch" forName="picture5" refType="w" fact="0.648"/>
                  <dgm:constr type="ctrY" for="ch" forName="picture5" refType="h" fact="0.3864"/>
                  <dgm:constr type="w" for="ch" forName="picture5" refType="w" fact="0.0974"/>
                  <dgm:constr type="h" for="ch" forName="picture5" refType="h" fact="0.1218"/>
                  <dgm:constr type="l" for="ch" forName="desTx5" refType="r" refFor="ch" refForName="parTx5"/>
                  <dgm:constr type="r" for="ch" forName="desTx5" refType="w"/>
                  <dgm:constr type="t" for="ch" forName="desTx5" refType="t" refFor="ch" refForName="parTx5"/>
                  <dgm:constr type="h" for="ch" forName="desTx5" refType="h" refFor="ch" refForName="parTx5"/>
                  <dgm:constr type="l" for="ch" forName="parTx6" refType="w" fact="0.6828"/>
                  <dgm:constr type="t" for="ch" forName="parTx6" refType="h" fact="0.2531"/>
                  <dgm:constr type="w" for="ch" forName="parTx6" refType="w" fact="0.2101"/>
                  <dgm:constr type="h" for="ch" forName="parTx6" refType="h" fact="0.0704"/>
                  <dgm:constr type="ctrX" for="ch" forName="picture6" refType="w" fact="0.6733"/>
                  <dgm:constr type="ctrY" for="ch" forName="picture6" refType="h" fact="0.2444"/>
                  <dgm:constr type="w" for="ch" forName="picture6" refType="w" fact="0.0974"/>
                  <dgm:constr type="h" for="ch" forName="picture6" refType="h" fact="0.1218"/>
                  <dgm:constr type="l" for="ch" forName="desTx6" refType="r" refFor="ch" refForName="parTx6"/>
                  <dgm:constr type="r" for="ch" forName="desTx6" refType="w"/>
                  <dgm:constr type="t" for="ch" forName="desTx6" refType="t" refFor="ch" refForName="parTx6"/>
                  <dgm:constr type="h" for="ch" forName="desTx6" refType="h" refFor="ch" refForName="parTx6"/>
                  <dgm:constr type="l" for="ch" forName="parTx7" refType="w" fact="0.6966"/>
                  <dgm:constr type="t" for="ch" forName="parTx7" refType="h" fact="0.1162"/>
                  <dgm:constr type="w" for="ch" forName="parTx7" refType="w" fact="0.2101"/>
                  <dgm:constr type="h" for="ch" forName="parTx7" refType="h" fact="0.0704"/>
                  <dgm:constr type="ctrX" for="ch" forName="picture7" refType="w" fact="0.6871"/>
                  <dgm:constr type="ctrY" for="ch" forName="picture7" refType="h" fact="0.1075"/>
                  <dgm:constr type="w" for="ch" forName="picture7" refType="w" fact="0.0974"/>
                  <dgm:constr type="h" for="ch" forName="picture7" refType="h" fact="0.1218"/>
                  <dgm:constr type="l" for="ch" forName="desTx7" refType="r" refFor="ch" refForName="parTx7"/>
                  <dgm:constr type="r" for="ch" forName="desTx7" refType="w"/>
                  <dgm:constr type="t" for="ch" forName="desTx7" refType="t" refFor="ch" refForName="parTx7"/>
                  <dgm:constr type="h" for="ch" forName="desTx7" refType="h" refFor="ch" refForName="parTx7"/>
                </dgm:constrLst>
              </dgm:if>
              <dgm:else name="Name67">
                <dgm:alg type="composite">
                  <dgm:param type="ar" val="1.096"/>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primFontSz" for="ch" forName="parTx6" refType="primFontSz" refFor="ch" refForName="parTx1" op="equ"/>
                  <dgm:constr type="primFontSz" for="ch" forName="parTx7" refType="primFontSz" refFor="ch" refForName="parTx1" op="equ"/>
                  <dgm:constr type="userD" refType="w" fact="0.0111"/>
                  <dgm:constr type="ctrX" for="ch" forName="dot1" refType="w" fact="0.4459"/>
                  <dgm:constr type="ctrY" for="ch" forName="dot1" refType="h" fact="0.8342"/>
                  <dgm:constr type="w" for="ch" forName="dot1" refType="userD"/>
                  <dgm:constr type="h" for="ch" forName="dot1" refType="userD"/>
                  <dgm:constr type="ctrX" for="ch" forName="dot2" refType="w" fact="0.4244"/>
                  <dgm:constr type="ctrY" for="ch" forName="dot2" refType="h" fact="0.8448"/>
                  <dgm:constr type="w" for="ch" forName="dot2" refType="userD"/>
                  <dgm:constr type="h" for="ch" forName="dot2" refType="userD"/>
                  <dgm:constr type="ctrX" for="ch" forName="dot3" refType="w" fact="0.4026"/>
                  <dgm:constr type="ctrY" for="ch" forName="dot3" refType="h" fact="0.8539"/>
                  <dgm:constr type="w" for="ch" forName="dot3" refType="userD"/>
                  <dgm:constr type="h" for="ch" forName="dot3" refType="userD"/>
                  <dgm:constr type="ctrX" for="ch" forName="dot4" refType="w" fact="0.3806"/>
                  <dgm:constr type="ctrY" for="ch" forName="dot4" refType="h" fact="0.8615"/>
                  <dgm:constr type="w" for="ch" forName="dot4" refType="userD"/>
                  <dgm:constr type="h" for="ch" forName="dot4" refType="userD"/>
                  <dgm:constr type="ctrX" for="ch" forName="dot5" refType="w" fact="0.3584"/>
                  <dgm:constr type="ctrY" for="ch" forName="dot5" refType="h" fact="0.8676"/>
                  <dgm:constr type="w" for="ch" forName="dot5" refType="userD"/>
                  <dgm:constr type="h" for="ch" forName="dot5" refType="userD"/>
                  <dgm:constr type="ctrX" for="ch" forName="dot6" refType="w" fact="0.5803"/>
                  <dgm:constr type="ctrY" for="ch" forName="dot6" refType="h" fact="0.7255"/>
                  <dgm:constr type="w" for="ch" forName="dot6" refType="userD"/>
                  <dgm:constr type="h" for="ch" forName="dot6" refType="userD"/>
                  <dgm:constr type="ctrX" for="ch" forName="dot7" refType="w" fact="0.5618"/>
                  <dgm:constr type="ctrY" for="ch" forName="dot7" refType="h" fact="0.7454"/>
                  <dgm:constr type="w" for="ch" forName="dot7" refType="userD"/>
                  <dgm:constr type="h" for="ch" forName="dot7" refType="userD"/>
                  <dgm:constr type="ctrX" for="ch" forName="dot8" refType="w" fact="0.6656"/>
                  <dgm:constr type="ctrY" for="ch" forName="dot8" refType="h" fact="0.6026"/>
                  <dgm:constr type="w" for="ch" forName="dot8" refType="userD"/>
                  <dgm:constr type="h" for="ch" forName="dot8" refType="userD"/>
                  <dgm:constr type="ctrX" for="ch" forName="dot9" refType="w" fact="0.7266"/>
                  <dgm:constr type="ctrY" for="ch" forName="dot9" refType="h" fact="0.4632"/>
                  <dgm:constr type="w" for="ch" forName="dot9" refType="userD"/>
                  <dgm:constr type="h" for="ch" forName="dot9" refType="userD"/>
                  <dgm:constr type="ctrX" for="ch" forName="dot10" refType="w" fact="0.7643"/>
                  <dgm:constr type="ctrY" for="ch" forName="dot10" refType="h" fact="0.3187"/>
                  <dgm:constr type="w" for="ch" forName="dot10" refType="userD"/>
                  <dgm:constr type="h" for="ch" forName="dot10" refType="userD"/>
                  <dgm:constr type="ctrX" for="ch" forName="dot11" refType="w" fact="0.7816"/>
                  <dgm:constr type="ctrY" for="ch" forName="dot11" refType="h" fact="0.1763"/>
                  <dgm:constr type="w" for="ch" forName="dot11" refType="userD"/>
                  <dgm:constr type="h" for="ch" forName="dot11" refType="userD"/>
                  <dgm:constr type="ctrX" for="ch" forName="dotArrow1" refType="w" fact="0.7558"/>
                  <dgm:constr type="ctrY" for="ch" forName="dotArrow1" refType="h" fact="-0.0099"/>
                  <dgm:constr type="w" for="ch" forName="dotArrow1" refType="userD"/>
                  <dgm:constr type="h" for="ch" forName="dotArrow1" refType="userD"/>
                  <dgm:constr type="ctrX" for="ch" forName="dotArrow2" refType="w" fact="0.7725"/>
                  <dgm:constr type="ctrY" for="ch" forName="dotArrow2" refType="h" fact="-0.0239"/>
                  <dgm:constr type="w" for="ch" forName="dotArrow2" refType="userD"/>
                  <dgm:constr type="h" for="ch" forName="dotArrow2" refType="userD"/>
                  <dgm:constr type="ctrX" for="ch" forName="dotArrow3" refType="w" fact="0.7892"/>
                  <dgm:constr type="ctrY" for="ch" forName="dotArrow3" refType="h" fact="-0.0378"/>
                  <dgm:constr type="w" for="ch" forName="dotArrow3" refType="userD"/>
                  <dgm:constr type="h" for="ch" forName="dotArrow3" refType="userD"/>
                  <dgm:constr type="ctrX" for="ch" forName="dotArrow4" refType="w" fact="0.8058"/>
                  <dgm:constr type="ctrY" for="ch" forName="dotArrow4" refType="h" fact="-0.0239"/>
                  <dgm:constr type="w" for="ch" forName="dotArrow4" refType="userD"/>
                  <dgm:constr type="h" for="ch" forName="dotArrow4" refType="userD"/>
                  <dgm:constr type="ctrX" for="ch" forName="dotArrow5" refType="w" fact="0.8225"/>
                  <dgm:constr type="ctrY" for="ch" forName="dotArrow5" refType="h" fact="-0.0099"/>
                  <dgm:constr type="w" for="ch" forName="dotArrow5" refType="userD"/>
                  <dgm:constr type="h" for="ch" forName="dotArrow5" refType="userD"/>
                  <dgm:constr type="ctrX" for="ch" forName="dotArrow6" refType="w" fact="0.7892"/>
                  <dgm:constr type="ctrY" for="ch" forName="dotArrow6" refType="h" fact="-0.0084"/>
                  <dgm:constr type="w" for="ch" forName="dotArrow6" refType="userD"/>
                  <dgm:constr type="h" for="ch" forName="dotArrow6" refType="userD"/>
                  <dgm:constr type="ctrX" for="ch" forName="dotArrow7" refType="w" fact="0.7892"/>
                  <dgm:constr type="ctrY" for="ch" forName="dotArrow7" refType="h" fact="0.0211"/>
                  <dgm:constr type="w" for="ch" forName="dotArrow7" refType="userD"/>
                  <dgm:constr type="h" for="ch" forName="dotArrow7" refType="userD"/>
                  <dgm:constr type="l" for="ch" forName="parTx1" refType="w" fact="0.2915"/>
                  <dgm:constr type="t" for="ch" forName="parTx1" refType="h" fact="0.8845"/>
                  <dgm:constr type="w" for="ch" forName="parTx1" refType="w" fact="0.2396"/>
                  <dgm:constr type="h" for="ch" forName="parTx1" refType="h" fact="0.0704"/>
                  <dgm:constr type="ctrX" for="ch" forName="picture1" refType="w" fact="0.2806"/>
                  <dgm:constr type="ctrY" for="ch" forName="picture1" refType="h" fact="0.8769"/>
                  <dgm:constr type="w" for="ch" forName="picture1" refType="w" fact="0.1111"/>
                  <dgm:constr type="h" for="ch" forName="picture1" refType="h" fact="0.1218"/>
                  <dgm:constr type="l" for="ch" forName="parTx2" refType="w" fact="0.5172"/>
                  <dgm:constr type="t" for="ch" forName="parTx2" refType="h" fact="0.7946"/>
                  <dgm:constr type="w" for="ch" forName="parTx2" refType="w" fact="0.2396"/>
                  <dgm:constr type="h" for="ch" forName="parTx2" refType="h" fact="0.0704"/>
                  <dgm:constr type="ctrX" for="ch" forName="picture2" refType="w" fact="0.5063"/>
                  <dgm:constr type="ctrY" for="ch" forName="picture2" refType="h" fact="0.787"/>
                  <dgm:constr type="w" for="ch" forName="picture2" refType="w" fact="0.1111"/>
                  <dgm:constr type="h" for="ch" forName="picture2" refType="h" fact="0.1218"/>
                  <dgm:constr type="l" for="ch" forName="parTx3" refType="w" fact="0.6285"/>
                  <dgm:constr type="t" for="ch" forName="parTx3" refType="h" fact="0.672"/>
                  <dgm:constr type="w" for="ch" forName="parTx3" refType="w" fact="0.2396"/>
                  <dgm:constr type="h" for="ch" forName="parTx3" refType="h" fact="0.0704"/>
                  <dgm:constr type="ctrX" for="ch" forName="picture3" refType="w" fact="0.6176"/>
                  <dgm:constr type="ctrY" for="ch" forName="picture3" refType="h" fact="0.6644"/>
                  <dgm:constr type="w" for="ch" forName="picture3" refType="w" fact="0.1111"/>
                  <dgm:constr type="h" for="ch" forName="picture3" refType="h" fact="0.1218"/>
                  <dgm:constr type="l" for="ch" forName="parTx4" refType="w" fact="0.6994"/>
                  <dgm:constr type="t" for="ch" forName="parTx4" refType="h" fact="0.5369"/>
                  <dgm:constr type="w" for="ch" forName="parTx4" refType="w" fact="0.2396"/>
                  <dgm:constr type="h" for="ch" forName="parTx4" refType="h" fact="0.0704"/>
                  <dgm:constr type="ctrX" for="ch" forName="picture4" refType="w" fact="0.6885"/>
                  <dgm:constr type="ctrY" for="ch" forName="picture4" refType="h" fact="0.5294"/>
                  <dgm:constr type="w" for="ch" forName="picture4" refType="w" fact="0.1111"/>
                  <dgm:constr type="h" for="ch" forName="picture4" refType="h" fact="0.1218"/>
                  <dgm:constr type="l" for="ch" forName="parTx5" refType="w" fact="0.75"/>
                  <dgm:constr type="t" for="ch" forName="parTx5" refType="h" fact="0.394"/>
                  <dgm:constr type="w" for="ch" forName="parTx5" refType="w" fact="0.2396"/>
                  <dgm:constr type="h" for="ch" forName="parTx5" refType="h" fact="0.0704"/>
                  <dgm:constr type="ctrX" for="ch" forName="picture5" refType="w" fact="0.7391"/>
                  <dgm:constr type="ctrY" for="ch" forName="picture5" refType="h" fact="0.3864"/>
                  <dgm:constr type="w" for="ch" forName="picture5" refType="w" fact="0.1111"/>
                  <dgm:constr type="h" for="ch" forName="picture5" refType="h" fact="0.1218"/>
                  <dgm:constr type="l" for="ch" forName="parTx6" refType="w" fact="0.7788"/>
                  <dgm:constr type="t" for="ch" forName="parTx6" refType="h" fact="0.252"/>
                  <dgm:constr type="w" for="ch" forName="parTx6" refType="w" fact="0.2396"/>
                  <dgm:constr type="h" for="ch" forName="parTx6" refType="h" fact="0.0704"/>
                  <dgm:constr type="ctrX" for="ch" forName="picture6" refType="w" fact="0.7679"/>
                  <dgm:constr type="ctrY" for="ch" forName="picture6" refType="h" fact="0.2444"/>
                  <dgm:constr type="w" for="ch" forName="picture6" refType="w" fact="0.1111"/>
                  <dgm:constr type="h" for="ch" forName="picture6" refType="h" fact="0.1218"/>
                  <dgm:constr type="l" for="ch" forName="parTx7" refType="w" fact="0.7945"/>
                  <dgm:constr type="t" for="ch" forName="parTx7" refType="h" fact="0.1151"/>
                  <dgm:constr type="w" for="ch" forName="parTx7" refType="w" fact="0.2396"/>
                  <dgm:constr type="h" for="ch" forName="parTx7" refType="h" fact="0.0704"/>
                  <dgm:constr type="ctrX" for="ch" forName="picture7" refType="w" fact="0.7836"/>
                  <dgm:constr type="ctrY" for="ch" forName="picture7" refType="h" fact="0.1075"/>
                  <dgm:constr type="w" for="ch" forName="picture7" refType="w" fact="0.1111"/>
                  <dgm:constr type="h" for="ch" forName="picture7" refType="h" fact="0.1218"/>
                </dgm:constrLst>
              </dgm:else>
            </dgm:choose>
          </dgm:if>
          <dgm:else name="Name68">
            <dgm:choose name="Name69">
              <dgm:if name="Name70" axis="des" func="maxDepth" op="gt" val="1">
                <dgm:alg type="composite">
                  <dgm:param type="ar" val="1.25"/>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primFontSz" for="ch" forName="parTx6" refType="primFontSz" refFor="ch" refForName="parTx1" op="equ"/>
                  <dgm:constr type="primFontSz" for="ch" forName="parTx7" refType="primFontSz" refFor="ch" refForName="parTx1" op="equ"/>
                  <dgm:constr type="primFontSz" for="ch" forName="desTx1" op="equ" val="65"/>
                  <dgm:constr type="primFontSz" for="ch" forName="desTx2" refType="primFontSz" refFor="ch" refForName="desTx1" op="equ"/>
                  <dgm:constr type="primFontSz" for="ch" forName="desTx3" refType="primFontSz" refFor="ch" refForName="desTx1" op="equ"/>
                  <dgm:constr type="primFontSz" for="ch" forName="desTx4" refType="primFontSz" refFor="ch" refForName="desTx1" op="equ"/>
                  <dgm:constr type="primFontSz" for="ch" forName="desTx5" refType="primFontSz" refFor="ch" refForName="desTx1" op="equ"/>
                  <dgm:constr type="primFontSz" for="ch" forName="desTx6" refType="primFontSz" refFor="ch" refForName="desTx1" op="equ"/>
                  <dgm:constr type="primFontSz" for="ch" forName="desTx7" refType="primFontSz" refFor="ch" refForName="desTx1" op="equ"/>
                  <dgm:constr type="userD" refType="w" fact="0.0097"/>
                  <dgm:constr type="ctrX" for="ch" forName="dot1" refType="w" fact="0.6091"/>
                  <dgm:constr type="ctrY" for="ch" forName="dot1" refType="h" fact="0.8342"/>
                  <dgm:constr type="w" for="ch" forName="dot1" refType="userD"/>
                  <dgm:constr type="h" for="ch" forName="dot1" refType="userD"/>
                  <dgm:constr type="ctrX" for="ch" forName="dot2" refType="w" fact="0.6279"/>
                  <dgm:constr type="ctrY" for="ch" forName="dot2" refType="h" fact="0.8448"/>
                  <dgm:constr type="w" for="ch" forName="dot2" refType="userD"/>
                  <dgm:constr type="h" for="ch" forName="dot2" refType="userD"/>
                  <dgm:constr type="ctrX" for="ch" forName="dot3" refType="w" fact="0.647"/>
                  <dgm:constr type="ctrY" for="ch" forName="dot3" refType="h" fact="0.8539"/>
                  <dgm:constr type="w" for="ch" forName="dot3" refType="userD"/>
                  <dgm:constr type="h" for="ch" forName="dot3" refType="userD"/>
                  <dgm:constr type="ctrX" for="ch" forName="dot4" refType="w" fact="0.6663"/>
                  <dgm:constr type="ctrY" for="ch" forName="dot4" refType="h" fact="0.8615"/>
                  <dgm:constr type="w" for="ch" forName="dot4" refType="userD"/>
                  <dgm:constr type="h" for="ch" forName="dot4" refType="userD"/>
                  <dgm:constr type="ctrX" for="ch" forName="dot5" refType="w" fact="0.6858"/>
                  <dgm:constr type="ctrY" for="ch" forName="dot5" refType="h" fact="0.8676"/>
                  <dgm:constr type="w" for="ch" forName="dot5" refType="userD"/>
                  <dgm:constr type="h" for="ch" forName="dot5" refType="userD"/>
                  <dgm:constr type="ctrX" for="ch" forName="dot6" refType="w" fact="0.4912"/>
                  <dgm:constr type="ctrY" for="ch" forName="dot6" refType="h" fact="0.7255"/>
                  <dgm:constr type="w" for="ch" forName="dot6" refType="userD"/>
                  <dgm:constr type="h" for="ch" forName="dot6" refType="userD"/>
                  <dgm:constr type="ctrX" for="ch" forName="dot7" refType="w" fact="0.5074"/>
                  <dgm:constr type="ctrY" for="ch" forName="dot7" refType="h" fact="0.7454"/>
                  <dgm:constr type="w" for="ch" forName="dot7" refType="userD"/>
                  <dgm:constr type="h" for="ch" forName="dot7" refType="userD"/>
                  <dgm:constr type="ctrX" for="ch" forName="dot8" refType="w" fact="0.4164"/>
                  <dgm:constr type="ctrY" for="ch" forName="dot8" refType="h" fact="0.6026"/>
                  <dgm:constr type="w" for="ch" forName="dot8" refType="userD"/>
                  <dgm:constr type="h" for="ch" forName="dot8" refType="userD"/>
                  <dgm:constr type="ctrX" for="ch" forName="dot9" refType="w" fact="0.3629"/>
                  <dgm:constr type="ctrY" for="ch" forName="dot9" refType="h" fact="0.4632"/>
                  <dgm:constr type="w" for="ch" forName="dot9" refType="userD"/>
                  <dgm:constr type="h" for="ch" forName="dot9" refType="userD"/>
                  <dgm:constr type="ctrX" for="ch" forName="dot10" refType="w" fact="0.3299"/>
                  <dgm:constr type="ctrY" for="ch" forName="dot10" refType="h" fact="0.3187"/>
                  <dgm:constr type="w" for="ch" forName="dot10" refType="userD"/>
                  <dgm:constr type="h" for="ch" forName="dot10" refType="userD"/>
                  <dgm:constr type="ctrX" for="ch" forName="dot11" refType="w" fact="0.3147"/>
                  <dgm:constr type="ctrY" for="ch" forName="dot11" refType="h" fact="0.1763"/>
                  <dgm:constr type="w" for="ch" forName="dot11" refType="userD"/>
                  <dgm:constr type="h" for="ch" forName="dot11" refType="userD"/>
                  <dgm:constr type="ctrX" for="ch" forName="dotArrow1" refType="w" fact="0.3373"/>
                  <dgm:constr type="ctrY" for="ch" forName="dotArrow1" refType="h" fact="-0.0099"/>
                  <dgm:constr type="w" for="ch" forName="dotArrow1" refType="userD"/>
                  <dgm:constr type="h" for="ch" forName="dotArrow1" refType="userD"/>
                  <dgm:constr type="ctrX" for="ch" forName="dotArrow2" refType="w" fact="0.3227"/>
                  <dgm:constr type="ctrY" for="ch" forName="dotArrow2" refType="h" fact="-0.0239"/>
                  <dgm:constr type="w" for="ch" forName="dotArrow2" refType="userD"/>
                  <dgm:constr type="h" for="ch" forName="dotArrow2" refType="userD"/>
                  <dgm:constr type="ctrX" for="ch" forName="dotArrow3" refType="w" fact="0.3081"/>
                  <dgm:constr type="ctrY" for="ch" forName="dotArrow3" refType="h" fact="-0.0378"/>
                  <dgm:constr type="w" for="ch" forName="dotArrow3" refType="userD"/>
                  <dgm:constr type="h" for="ch" forName="dotArrow3" refType="userD"/>
                  <dgm:constr type="ctrX" for="ch" forName="dotArrow4" refType="w" fact="0.2935"/>
                  <dgm:constr type="ctrY" for="ch" forName="dotArrow4" refType="h" fact="-0.0239"/>
                  <dgm:constr type="w" for="ch" forName="dotArrow4" refType="userD"/>
                  <dgm:constr type="h" for="ch" forName="dotArrow4" refType="userD"/>
                  <dgm:constr type="ctrX" for="ch" forName="dotArrow5" refType="w" fact="0.2788"/>
                  <dgm:constr type="ctrY" for="ch" forName="dotArrow5" refType="h" fact="-0.0099"/>
                  <dgm:constr type="w" for="ch" forName="dotArrow5" refType="userD"/>
                  <dgm:constr type="h" for="ch" forName="dotArrow5" refType="userD"/>
                  <dgm:constr type="ctrX" for="ch" forName="dotArrow6" refType="w" fact="0.3081"/>
                  <dgm:constr type="ctrY" for="ch" forName="dotArrow6" refType="h" fact="-0.0084"/>
                  <dgm:constr type="w" for="ch" forName="dotArrow6" refType="userD"/>
                  <dgm:constr type="h" for="ch" forName="dotArrow6" refType="userD"/>
                  <dgm:constr type="ctrX" for="ch" forName="dotArrow7" refType="w" fact="0.3081"/>
                  <dgm:constr type="ctrY" for="ch" forName="dotArrow7" refType="h" fact="0.0211"/>
                  <dgm:constr type="w" for="ch" forName="dotArrow7" refType="userD"/>
                  <dgm:constr type="h" for="ch" forName="dotArrow7" refType="userD"/>
                  <dgm:constr type="r" for="ch" forName="parTx1" refType="w" fact="0.7444"/>
                  <dgm:constr type="t" for="ch" forName="parTx1" refType="h" fact="0.8856"/>
                  <dgm:constr type="w" for="ch" forName="parTx1" refType="w" fact="0.2101"/>
                  <dgm:constr type="h" for="ch" forName="parTx1" refType="h" fact="0.0704"/>
                  <dgm:constr type="ctrX" for="ch" forName="picture1" refType="w" fact="0.754"/>
                  <dgm:constr type="ctrY" for="ch" forName="picture1" refType="h" fact="0.8769"/>
                  <dgm:constr type="w" for="ch" forName="picture1" refType="w" fact="0.0974"/>
                  <dgm:constr type="h" for="ch" forName="picture1" refType="h" fact="0.1218"/>
                  <dgm:constr type="r" for="ch" forName="desTx1" refType="l" refFor="ch" refForName="parTx1"/>
                  <dgm:constr type="l" for="ch" forName="desTx1"/>
                  <dgm:constr type="t" for="ch" forName="desTx1" refType="t" refFor="ch" refForName="parTx1"/>
                  <dgm:constr type="h" for="ch" forName="desTx1" refType="h" refFor="ch" refForName="parTx1"/>
                  <dgm:constr type="r" for="ch" forName="parTx2" refType="w" fact="0.5465"/>
                  <dgm:constr type="t" for="ch" forName="parTx2" refType="h" fact="0.7956"/>
                  <dgm:constr type="w" for="ch" forName="parTx2" refType="w" fact="0.2101"/>
                  <dgm:constr type="h" for="ch" forName="parTx2" refType="h" fact="0.0704"/>
                  <dgm:constr type="ctrX" for="ch" forName="picture2" refType="w" fact="0.5561"/>
                  <dgm:constr type="ctrY" for="ch" forName="picture2" refType="h" fact="0.787"/>
                  <dgm:constr type="w" for="ch" forName="picture2" refType="w" fact="0.0974"/>
                  <dgm:constr type="h" for="ch" forName="picture2" refType="h" fact="0.1218"/>
                  <dgm:constr type="r" for="ch" forName="desTx2" refType="l" refFor="ch" refForName="parTx2"/>
                  <dgm:constr type="l" for="ch" forName="desTx2"/>
                  <dgm:constr type="t" for="ch" forName="desTx2" refType="t" refFor="ch" refForName="parTx2"/>
                  <dgm:constr type="h" for="ch" forName="desTx2" refType="h" refFor="ch" refForName="parTx2"/>
                  <dgm:constr type="r" for="ch" forName="parTx3" refType="w" fact="0.4489"/>
                  <dgm:constr type="t" for="ch" forName="parTx3" refType="h" fact="0.673"/>
                  <dgm:constr type="w" for="ch" forName="parTx3" refType="w" fact="0.2101"/>
                  <dgm:constr type="h" for="ch" forName="parTx3" refType="h" fact="0.0704"/>
                  <dgm:constr type="ctrX" for="ch" forName="picture3" refType="w" fact="0.4585"/>
                  <dgm:constr type="ctrY" for="ch" forName="picture3" refType="h" fact="0.6644"/>
                  <dgm:constr type="w" for="ch" forName="picture3" refType="w" fact="0.0974"/>
                  <dgm:constr type="h" for="ch" forName="picture3" refType="h" fact="0.1218"/>
                  <dgm:constr type="r" for="ch" forName="desTx3" refType="l" refFor="ch" refForName="parTx3"/>
                  <dgm:constr type="l" for="ch" forName="desTx3"/>
                  <dgm:constr type="t" for="ch" forName="desTx3" refType="t" refFor="ch" refForName="parTx3"/>
                  <dgm:constr type="h" for="ch" forName="desTx3" refType="h" refFor="ch" refForName="parTx3"/>
                  <dgm:constr type="r" for="ch" forName="parTx4" refType="w" fact="0.3868"/>
                  <dgm:constr type="t" for="ch" forName="parTx4" refType="h" fact="0.538"/>
                  <dgm:constr type="w" for="ch" forName="parTx4" refType="w" fact="0.2101"/>
                  <dgm:constr type="h" for="ch" forName="parTx4" refType="h" fact="0.0704"/>
                  <dgm:constr type="ctrX" for="ch" forName="picture4" refType="w" fact="0.3963"/>
                  <dgm:constr type="ctrY" for="ch" forName="picture4" refType="h" fact="0.5294"/>
                  <dgm:constr type="w" for="ch" forName="picture4" refType="w" fact="0.0974"/>
                  <dgm:constr type="h" for="ch" forName="picture4" refType="h" fact="0.1218"/>
                  <dgm:constr type="r" for="ch" forName="desTx4" refType="l" refFor="ch" refForName="parTx4"/>
                  <dgm:constr type="l" for="ch" forName="desTx4"/>
                  <dgm:constr type="t" for="ch" forName="desTx4" refType="t" refFor="ch" refForName="parTx4"/>
                  <dgm:constr type="h" for="ch" forName="desTx4" refType="h" refFor="ch" refForName="parTx4"/>
                  <dgm:constr type="r" for="ch" forName="parTx5" refType="w" fact="0.3424"/>
                  <dgm:constr type="t" for="ch" forName="parTx5" refType="h" fact="0.3951"/>
                  <dgm:constr type="w" for="ch" forName="parTx5" refType="w" fact="0.2101"/>
                  <dgm:constr type="h" for="ch" forName="parTx5" refType="h" fact="0.0704"/>
                  <dgm:constr type="ctrX" for="ch" forName="picture5" refType="w" fact="0.352"/>
                  <dgm:constr type="ctrY" for="ch" forName="picture5" refType="h" fact="0.3864"/>
                  <dgm:constr type="w" for="ch" forName="picture5" refType="w" fact="0.0974"/>
                  <dgm:constr type="h" for="ch" forName="picture5" refType="h" fact="0.1218"/>
                  <dgm:constr type="r" for="ch" forName="desTx5" refType="l" refFor="ch" refForName="parTx5"/>
                  <dgm:constr type="l" for="ch" forName="desTx5"/>
                  <dgm:constr type="t" for="ch" forName="desTx5" refType="t" refFor="ch" refForName="parTx5"/>
                  <dgm:constr type="h" for="ch" forName="desTx5" refType="h" refFor="ch" refForName="parTx5"/>
                  <dgm:constr type="r" for="ch" forName="parTx6" refType="w" fact="0.3172"/>
                  <dgm:constr type="t" for="ch" forName="parTx6" refType="h" fact="0.2531"/>
                  <dgm:constr type="w" for="ch" forName="parTx6" refType="w" fact="0.2101"/>
                  <dgm:constr type="h" for="ch" forName="parTx6" refType="h" fact="0.0704"/>
                  <dgm:constr type="ctrX" for="ch" forName="picture6" refType="w" fact="0.3267"/>
                  <dgm:constr type="ctrY" for="ch" forName="picture6" refType="h" fact="0.2444"/>
                  <dgm:constr type="w" for="ch" forName="picture6" refType="w" fact="0.0974"/>
                  <dgm:constr type="h" for="ch" forName="picture6" refType="h" fact="0.1218"/>
                  <dgm:constr type="r" for="ch" forName="desTx6" refType="l" refFor="ch" refForName="parTx6"/>
                  <dgm:constr type="l" for="ch" forName="desTx6"/>
                  <dgm:constr type="t" for="ch" forName="desTx6" refType="t" refFor="ch" refForName="parTx6"/>
                  <dgm:constr type="h" for="ch" forName="desTx6" refType="h" refFor="ch" refForName="parTx6"/>
                  <dgm:constr type="r" for="ch" forName="parTx7" refType="w" fact="0.3034"/>
                  <dgm:constr type="t" for="ch" forName="parTx7" refType="h" fact="0.1162"/>
                  <dgm:constr type="w" for="ch" forName="parTx7" refType="w" fact="0.2101"/>
                  <dgm:constr type="h" for="ch" forName="parTx7" refType="h" fact="0.0704"/>
                  <dgm:constr type="ctrX" for="ch" forName="picture7" refType="w" fact="0.3129"/>
                  <dgm:constr type="ctrY" for="ch" forName="picture7" refType="h" fact="0.1075"/>
                  <dgm:constr type="w" for="ch" forName="picture7" refType="w" fact="0.0974"/>
                  <dgm:constr type="h" for="ch" forName="picture7" refType="h" fact="0.1218"/>
                  <dgm:constr type="r" for="ch" forName="desTx7" refType="l" refFor="ch" refForName="parTx7"/>
                  <dgm:constr type="l" for="ch" forName="desTx7"/>
                  <dgm:constr type="t" for="ch" forName="desTx7" refType="t" refFor="ch" refForName="parTx7"/>
                  <dgm:constr type="h" for="ch" forName="desTx7" refType="h" refFor="ch" refForName="parTx7"/>
                </dgm:constrLst>
              </dgm:if>
              <dgm:else name="Name71">
                <dgm:alg type="composite">
                  <dgm:param type="ar" val="1.096"/>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primFontSz" for="ch" forName="parTx6" refType="primFontSz" refFor="ch" refForName="parTx1" op="equ"/>
                  <dgm:constr type="primFontSz" for="ch" forName="parTx7" refType="primFontSz" refFor="ch" refForName="parTx1" op="equ"/>
                  <dgm:constr type="userD" refType="w" fact="0.0111"/>
                  <dgm:constr type="ctrX" for="ch" forName="dot1" refType="w" fact="0.5541"/>
                  <dgm:constr type="ctrY" for="ch" forName="dot1" refType="h" fact="0.8342"/>
                  <dgm:constr type="w" for="ch" forName="dot1" refType="userD"/>
                  <dgm:constr type="h" for="ch" forName="dot1" refType="userD"/>
                  <dgm:constr type="ctrX" for="ch" forName="dot2" refType="w" fact="0.5756"/>
                  <dgm:constr type="ctrY" for="ch" forName="dot2" refType="h" fact="0.8448"/>
                  <dgm:constr type="w" for="ch" forName="dot2" refType="userD"/>
                  <dgm:constr type="h" for="ch" forName="dot2" refType="userD"/>
                  <dgm:constr type="ctrX" for="ch" forName="dot3" refType="w" fact="0.5974"/>
                  <dgm:constr type="ctrY" for="ch" forName="dot3" refType="h" fact="0.8539"/>
                  <dgm:constr type="w" for="ch" forName="dot3" refType="userD"/>
                  <dgm:constr type="h" for="ch" forName="dot3" refType="userD"/>
                  <dgm:constr type="ctrX" for="ch" forName="dot4" refType="w" fact="0.6194"/>
                  <dgm:constr type="ctrY" for="ch" forName="dot4" refType="h" fact="0.8615"/>
                  <dgm:constr type="w" for="ch" forName="dot4" refType="userD"/>
                  <dgm:constr type="h" for="ch" forName="dot4" refType="userD"/>
                  <dgm:constr type="ctrX" for="ch" forName="dot5" refType="w" fact="0.6416"/>
                  <dgm:constr type="ctrY" for="ch" forName="dot5" refType="h" fact="0.8676"/>
                  <dgm:constr type="w" for="ch" forName="dot5" refType="userD"/>
                  <dgm:constr type="h" for="ch" forName="dot5" refType="userD"/>
                  <dgm:constr type="ctrX" for="ch" forName="dot6" refType="w" fact="0.4197"/>
                  <dgm:constr type="ctrY" for="ch" forName="dot6" refType="h" fact="0.7255"/>
                  <dgm:constr type="w" for="ch" forName="dot6" refType="userD"/>
                  <dgm:constr type="h" for="ch" forName="dot6" refType="userD"/>
                  <dgm:constr type="ctrX" for="ch" forName="dot7" refType="w" fact="0.4382"/>
                  <dgm:constr type="ctrY" for="ch" forName="dot7" refType="h" fact="0.7454"/>
                  <dgm:constr type="w" for="ch" forName="dot7" refType="userD"/>
                  <dgm:constr type="h" for="ch" forName="dot7" refType="userD"/>
                  <dgm:constr type="ctrX" for="ch" forName="dot8" refType="w" fact="0.3344"/>
                  <dgm:constr type="ctrY" for="ch" forName="dot8" refType="h" fact="0.6026"/>
                  <dgm:constr type="w" for="ch" forName="dot8" refType="userD"/>
                  <dgm:constr type="h" for="ch" forName="dot8" refType="userD"/>
                  <dgm:constr type="ctrX" for="ch" forName="dot9" refType="w" fact="0.2734"/>
                  <dgm:constr type="ctrY" for="ch" forName="dot9" refType="h" fact="0.4632"/>
                  <dgm:constr type="w" for="ch" forName="dot9" refType="userD"/>
                  <dgm:constr type="h" for="ch" forName="dot9" refType="userD"/>
                  <dgm:constr type="ctrX" for="ch" forName="dot10" refType="w" fact="0.2357"/>
                  <dgm:constr type="ctrY" for="ch" forName="dot10" refType="h" fact="0.3187"/>
                  <dgm:constr type="w" for="ch" forName="dot10" refType="userD"/>
                  <dgm:constr type="h" for="ch" forName="dot10" refType="userD"/>
                  <dgm:constr type="ctrX" for="ch" forName="dot11" refType="w" fact="0.2184"/>
                  <dgm:constr type="ctrY" for="ch" forName="dot11" refType="h" fact="0.1763"/>
                  <dgm:constr type="w" for="ch" forName="dot11" refType="userD"/>
                  <dgm:constr type="h" for="ch" forName="dot11" refType="userD"/>
                  <dgm:constr type="ctrX" for="ch" forName="dotArrow1" refType="w" fact="0.2442"/>
                  <dgm:constr type="ctrY" for="ch" forName="dotArrow1" refType="h" fact="-0.0099"/>
                  <dgm:constr type="w" for="ch" forName="dotArrow1" refType="userD"/>
                  <dgm:constr type="h" for="ch" forName="dotArrow1" refType="userD"/>
                  <dgm:constr type="ctrX" for="ch" forName="dotArrow2" refType="w" fact="0.2275"/>
                  <dgm:constr type="ctrY" for="ch" forName="dotArrow2" refType="h" fact="-0.0239"/>
                  <dgm:constr type="w" for="ch" forName="dotArrow2" refType="userD"/>
                  <dgm:constr type="h" for="ch" forName="dotArrow2" refType="userD"/>
                  <dgm:constr type="ctrX" for="ch" forName="dotArrow3" refType="w" fact="0.2108"/>
                  <dgm:constr type="ctrY" for="ch" forName="dotArrow3" refType="h" fact="-0.0378"/>
                  <dgm:constr type="w" for="ch" forName="dotArrow3" refType="userD"/>
                  <dgm:constr type="h" for="ch" forName="dotArrow3" refType="userD"/>
                  <dgm:constr type="ctrX" for="ch" forName="dotArrow4" refType="w" fact="0.1942"/>
                  <dgm:constr type="ctrY" for="ch" forName="dotArrow4" refType="h" fact="-0.0239"/>
                  <dgm:constr type="w" for="ch" forName="dotArrow4" refType="userD"/>
                  <dgm:constr type="h" for="ch" forName="dotArrow4" refType="userD"/>
                  <dgm:constr type="ctrX" for="ch" forName="dotArrow5" refType="w" fact="0.1775"/>
                  <dgm:constr type="ctrY" for="ch" forName="dotArrow5" refType="h" fact="-0.0099"/>
                  <dgm:constr type="w" for="ch" forName="dotArrow5" refType="userD"/>
                  <dgm:constr type="h" for="ch" forName="dotArrow5" refType="userD"/>
                  <dgm:constr type="ctrX" for="ch" forName="dotArrow6" refType="w" fact="0.2108"/>
                  <dgm:constr type="ctrY" for="ch" forName="dotArrow6" refType="h" fact="-0.0084"/>
                  <dgm:constr type="w" for="ch" forName="dotArrow6" refType="userD"/>
                  <dgm:constr type="h" for="ch" forName="dotArrow6" refType="userD"/>
                  <dgm:constr type="ctrX" for="ch" forName="dotArrow7" refType="w" fact="0.2108"/>
                  <dgm:constr type="ctrY" for="ch" forName="dotArrow7" refType="h" fact="0.0211"/>
                  <dgm:constr type="w" for="ch" forName="dotArrow7" refType="userD"/>
                  <dgm:constr type="h" for="ch" forName="dotArrow7" refType="userD"/>
                  <dgm:constr type="r" for="ch" forName="parTx1" refType="w" fact="0.7085"/>
                  <dgm:constr type="t" for="ch" forName="parTx1" refType="h" fact="0.8845"/>
                  <dgm:constr type="w" for="ch" forName="parTx1" refType="w" fact="0.2396"/>
                  <dgm:constr type="h" for="ch" forName="parTx1" refType="h" fact="0.0704"/>
                  <dgm:constr type="ctrX" for="ch" forName="picture1" refType="w" fact="0.7194"/>
                  <dgm:constr type="ctrY" for="ch" forName="picture1" refType="h" fact="0.8769"/>
                  <dgm:constr type="w" for="ch" forName="picture1" refType="w" fact="0.1111"/>
                  <dgm:constr type="h" for="ch" forName="picture1" refType="h" fact="0.1218"/>
                  <dgm:constr type="r" for="ch" forName="parTx2" refType="w" fact="0.4828"/>
                  <dgm:constr type="t" for="ch" forName="parTx2" refType="h" fact="0.7946"/>
                  <dgm:constr type="w" for="ch" forName="parTx2" refType="w" fact="0.2396"/>
                  <dgm:constr type="h" for="ch" forName="parTx2" refType="h" fact="0.0704"/>
                  <dgm:constr type="ctrX" for="ch" forName="picture2" refType="w" fact="0.4937"/>
                  <dgm:constr type="ctrY" for="ch" forName="picture2" refType="h" fact="0.787"/>
                  <dgm:constr type="w" for="ch" forName="picture2" refType="w" fact="0.1111"/>
                  <dgm:constr type="h" for="ch" forName="picture2" refType="h" fact="0.1218"/>
                  <dgm:constr type="r" for="ch" forName="parTx3" refType="w" fact="0.3715"/>
                  <dgm:constr type="t" for="ch" forName="parTx3" refType="h" fact="0.672"/>
                  <dgm:constr type="w" for="ch" forName="parTx3" refType="w" fact="0.2396"/>
                  <dgm:constr type="h" for="ch" forName="parTx3" refType="h" fact="0.0704"/>
                  <dgm:constr type="ctrX" for="ch" forName="picture3" refType="w" fact="0.3824"/>
                  <dgm:constr type="ctrY" for="ch" forName="picture3" refType="h" fact="0.6644"/>
                  <dgm:constr type="w" for="ch" forName="picture3" refType="w" fact="0.1111"/>
                  <dgm:constr type="h" for="ch" forName="picture3" refType="h" fact="0.1218"/>
                  <dgm:constr type="r" for="ch" forName="parTx4" refType="w" fact="0.3006"/>
                  <dgm:constr type="t" for="ch" forName="parTx4" refType="h" fact="0.5369"/>
                  <dgm:constr type="w" for="ch" forName="parTx4" refType="w" fact="0.2396"/>
                  <dgm:constr type="h" for="ch" forName="parTx4" refType="h" fact="0.0704"/>
                  <dgm:constr type="ctrX" for="ch" forName="picture4" refType="w" fact="0.3115"/>
                  <dgm:constr type="ctrY" for="ch" forName="picture4" refType="h" fact="0.5294"/>
                  <dgm:constr type="w" for="ch" forName="picture4" refType="w" fact="0.1111"/>
                  <dgm:constr type="h" for="ch" forName="picture4" refType="h" fact="0.1218"/>
                  <dgm:constr type="r" for="ch" forName="parTx5" refType="w" fact="0.25"/>
                  <dgm:constr type="t" for="ch" forName="parTx5" refType="h" fact="0.394"/>
                  <dgm:constr type="w" for="ch" forName="parTx5" refType="w" fact="0.2396"/>
                  <dgm:constr type="h" for="ch" forName="parTx5" refType="h" fact="0.0704"/>
                  <dgm:constr type="ctrX" for="ch" forName="picture5" refType="w" fact="0.2609"/>
                  <dgm:constr type="ctrY" for="ch" forName="picture5" refType="h" fact="0.3864"/>
                  <dgm:constr type="w" for="ch" forName="picture5" refType="w" fact="0.1111"/>
                  <dgm:constr type="h" for="ch" forName="picture5" refType="h" fact="0.1218"/>
                  <dgm:constr type="r" for="ch" forName="parTx6" refType="w" fact="0.2212"/>
                  <dgm:constr type="t" for="ch" forName="parTx6" refType="h" fact="0.252"/>
                  <dgm:constr type="w" for="ch" forName="parTx6" refType="w" fact="0.2396"/>
                  <dgm:constr type="h" for="ch" forName="parTx6" refType="h" fact="0.0704"/>
                  <dgm:constr type="ctrX" for="ch" forName="picture6" refType="w" fact="0.2321"/>
                  <dgm:constr type="ctrY" for="ch" forName="picture6" refType="h" fact="0.2444"/>
                  <dgm:constr type="w" for="ch" forName="picture6" refType="w" fact="0.1111"/>
                  <dgm:constr type="h" for="ch" forName="picture6" refType="h" fact="0.1218"/>
                  <dgm:constr type="r" for="ch" forName="parTx7" refType="w" fact="0.2055"/>
                  <dgm:constr type="t" for="ch" forName="parTx7" refType="h" fact="0.1151"/>
                  <dgm:constr type="w" for="ch" forName="parTx7" refType="w" fact="0.2396"/>
                  <dgm:constr type="h" for="ch" forName="parTx7" refType="h" fact="0.0704"/>
                  <dgm:constr type="ctrX" for="ch" forName="picture7" refType="w" fact="0.2164"/>
                  <dgm:constr type="ctrY" for="ch" forName="picture7" refType="h" fact="0.1075"/>
                  <dgm:constr type="w" for="ch" forName="picture7" refType="w" fact="0.1111"/>
                  <dgm:constr type="h" for="ch" forName="picture7" refType="h" fact="0.1218"/>
                </dgm:constrLst>
              </dgm:else>
            </dgm:choose>
          </dgm:else>
        </dgm:choose>
      </dgm:else>
    </dgm:choose>
    <dgm:forEach name="wrapper" axis="self" ptType="parTrans">
      <dgm:forEach name="wrapper2" axis="self" ptType="sibTrans" st="2">
        <dgm:forEach name="imageRepeat" axis="self">
          <dgm:layoutNode name="imageRepeatNode" styleLbl="fgImgPlace1">
            <dgm:alg type="sp"/>
            <dgm:shape xmlns:r="http://schemas.openxmlformats.org/officeDocument/2006/relationships" type="ellipse" r:blip="" blipPhldr="1">
              <dgm:adjLst/>
            </dgm:shape>
            <dgm:presOf axis="self"/>
          </dgm:layoutNode>
        </dgm:forEach>
      </dgm:forEach>
    </dgm:forEach>
    <dgm:choose name="Name72">
      <dgm:if name="Name73" axis="ch" ptType="node" func="cnt" op="gte" val="2">
        <dgm:layoutNode name="dot1" styleLbl="alignNode1">
          <dgm:alg type="sp"/>
          <dgm:shape xmlns:r="http://schemas.openxmlformats.org/officeDocument/2006/relationships" type="ellipse" r:blip="">
            <dgm:adjLst/>
          </dgm:shape>
          <dgm:presOf/>
        </dgm:layoutNode>
        <dgm:layoutNode name="dot2" styleLbl="alignNode1">
          <dgm:alg type="sp"/>
          <dgm:shape xmlns:r="http://schemas.openxmlformats.org/officeDocument/2006/relationships" type="ellipse" r:blip="">
            <dgm:adjLst/>
          </dgm:shape>
          <dgm:presOf/>
        </dgm:layoutNode>
        <dgm:layoutNode name="dot3" styleLbl="alignNode1">
          <dgm:alg type="sp"/>
          <dgm:shape xmlns:r="http://schemas.openxmlformats.org/officeDocument/2006/relationships" type="ellipse" r:blip="">
            <dgm:adjLst/>
          </dgm:shape>
          <dgm:presOf/>
        </dgm:layoutNode>
      </dgm:if>
      <dgm:else name="Name74"/>
    </dgm:choose>
    <dgm:choose name="Name75">
      <dgm:if name="Name76" axis="ch" ptType="node" func="cnt" op="gte" val="3">
        <dgm:layoutNode name="dot4" styleLbl="alignNode1">
          <dgm:alg type="sp"/>
          <dgm:shape xmlns:r="http://schemas.openxmlformats.org/officeDocument/2006/relationships" type="ellipse" r:blip="">
            <dgm:adjLst/>
          </dgm:shape>
          <dgm:presOf/>
        </dgm:layoutNode>
        <dgm:layoutNode name="dot5" styleLbl="alignNode1">
          <dgm:alg type="sp"/>
          <dgm:shape xmlns:r="http://schemas.openxmlformats.org/officeDocument/2006/relationships" type="ellipse" r:blip="">
            <dgm:adjLst/>
          </dgm:shape>
          <dgm:presOf/>
        </dgm:layoutNode>
      </dgm:if>
      <dgm:else name="Name77"/>
    </dgm:choose>
    <dgm:choose name="Name78">
      <dgm:if name="Name79" axis="ch" ptType="node" func="cnt" op="gte" val="4">
        <dgm:layoutNode name="dot6" styleLbl="alignNode1">
          <dgm:alg type="sp"/>
          <dgm:shape xmlns:r="http://schemas.openxmlformats.org/officeDocument/2006/relationships" type="ellipse" r:blip="">
            <dgm:adjLst/>
          </dgm:shape>
          <dgm:presOf/>
        </dgm:layoutNode>
      </dgm:if>
      <dgm:else name="Name80"/>
    </dgm:choose>
    <dgm:choose name="Name81">
      <dgm:if name="Name82" axis="ch" ptType="node" func="cnt" op="gte" val="5">
        <dgm:layoutNode name="dot7" styleLbl="alignNode1">
          <dgm:alg type="sp"/>
          <dgm:shape xmlns:r="http://schemas.openxmlformats.org/officeDocument/2006/relationships" type="ellipse" r:blip="">
            <dgm:adjLst/>
          </dgm:shape>
          <dgm:presOf/>
        </dgm:layoutNode>
        <dgm:layoutNode name="dot8" styleLbl="alignNode1">
          <dgm:alg type="sp"/>
          <dgm:shape xmlns:r="http://schemas.openxmlformats.org/officeDocument/2006/relationships" type="ellipse" r:blip="">
            <dgm:adjLst/>
          </dgm:shape>
          <dgm:presOf/>
        </dgm:layoutNode>
      </dgm:if>
      <dgm:else name="Name83"/>
    </dgm:choose>
    <dgm:choose name="Name84">
      <dgm:if name="Name85" axis="ch" ptType="node" func="cnt" op="gte" val="6">
        <dgm:layoutNode name="dot9" styleLbl="alignNode1">
          <dgm:alg type="sp"/>
          <dgm:shape xmlns:r="http://schemas.openxmlformats.org/officeDocument/2006/relationships" type="ellipse" r:blip="">
            <dgm:adjLst/>
          </dgm:shape>
          <dgm:presOf/>
        </dgm:layoutNode>
        <dgm:layoutNode name="dot10" styleLbl="alignNode1">
          <dgm:alg type="sp"/>
          <dgm:shape xmlns:r="http://schemas.openxmlformats.org/officeDocument/2006/relationships" type="ellipse" r:blip="">
            <dgm:adjLst/>
          </dgm:shape>
          <dgm:presOf/>
        </dgm:layoutNode>
      </dgm:if>
      <dgm:else name="Name86"/>
    </dgm:choose>
    <dgm:choose name="Name87">
      <dgm:if name="Name88" axis="ch" ptType="node" func="cnt" op="gte" val="7">
        <dgm:layoutNode name="dot11" styleLbl="alignNode1">
          <dgm:alg type="sp"/>
          <dgm:shape xmlns:r="http://schemas.openxmlformats.org/officeDocument/2006/relationships" type="ellipse" r:blip="">
            <dgm:adjLst/>
          </dgm:shape>
          <dgm:presOf/>
        </dgm:layoutNode>
      </dgm:if>
      <dgm:else name="Name89"/>
    </dgm:choose>
    <dgm:choose name="Name90">
      <dgm:if name="Name91" axis="ch" ptType="node" func="cnt" op="gte" val="2">
        <dgm:layoutNode name="dotArrow1" styleLbl="alignNode1">
          <dgm:alg type="sp"/>
          <dgm:shape xmlns:r="http://schemas.openxmlformats.org/officeDocument/2006/relationships" type="ellipse" r:blip="">
            <dgm:adjLst/>
          </dgm:shape>
          <dgm:presOf/>
        </dgm:layoutNode>
        <dgm:layoutNode name="dotArrow2" styleLbl="alignNode1">
          <dgm:alg type="sp"/>
          <dgm:shape xmlns:r="http://schemas.openxmlformats.org/officeDocument/2006/relationships" type="ellipse" r:blip="">
            <dgm:adjLst/>
          </dgm:shape>
          <dgm:presOf/>
        </dgm:layoutNode>
        <dgm:layoutNode name="dotArrow3" styleLbl="alignNode1">
          <dgm:alg type="sp"/>
          <dgm:shape xmlns:r="http://schemas.openxmlformats.org/officeDocument/2006/relationships" type="ellipse" r:blip="">
            <dgm:adjLst/>
          </dgm:shape>
          <dgm:presOf/>
        </dgm:layoutNode>
        <dgm:layoutNode name="dotArrow4" styleLbl="alignNode1">
          <dgm:alg type="sp"/>
          <dgm:shape xmlns:r="http://schemas.openxmlformats.org/officeDocument/2006/relationships" type="ellipse" r:blip="">
            <dgm:adjLst/>
          </dgm:shape>
          <dgm:presOf/>
        </dgm:layoutNode>
        <dgm:layoutNode name="dotArrow5" styleLbl="alignNode1">
          <dgm:alg type="sp"/>
          <dgm:shape xmlns:r="http://schemas.openxmlformats.org/officeDocument/2006/relationships" type="ellipse" r:blip="">
            <dgm:adjLst/>
          </dgm:shape>
          <dgm:presOf/>
        </dgm:layoutNode>
        <dgm:layoutNode name="dotArrow6" styleLbl="alignNode1">
          <dgm:alg type="sp"/>
          <dgm:shape xmlns:r="http://schemas.openxmlformats.org/officeDocument/2006/relationships" type="ellipse" r:blip="">
            <dgm:adjLst/>
          </dgm:shape>
          <dgm:presOf/>
        </dgm:layoutNode>
        <dgm:layoutNode name="dotArrow7" styleLbl="alignNode1">
          <dgm:alg type="sp"/>
          <dgm:shape xmlns:r="http://schemas.openxmlformats.org/officeDocument/2006/relationships" type="ellipse" r:blip="">
            <dgm:adjLst/>
          </dgm:shape>
          <dgm:presOf/>
        </dgm:layoutNode>
      </dgm:if>
      <dgm:else name="Name92"/>
    </dgm:choose>
    <dgm:forEach name="Name93" axis="ch" ptType="node" cnt="1">
      <dgm:layoutNode name="parTx1">
        <dgm:choose name="Name94">
          <dgm:if name="Name95" func="var" arg="dir" op="equ" val="norm">
            <dgm:alg type="tx">
              <dgm:param type="parTxLTRAlign" val="l"/>
              <dgm:param type="parTxRTLAlign" val="r"/>
            </dgm:alg>
          </dgm:if>
          <dgm:else name="Name96">
            <dgm:alg type="tx">
              <dgm:param type="parTxLTRAlign" val="r"/>
              <dgm:param type="parTxRTLAlign" val="l"/>
            </dgm:alg>
          </dgm:else>
        </dgm:choose>
        <dgm:shape xmlns:r="http://schemas.openxmlformats.org/officeDocument/2006/relationships" type="roundRect" r:blip="">
          <dgm:adjLst/>
        </dgm:shape>
        <dgm:presOf axis="self" ptType="node"/>
        <dgm:choose name="Name97">
          <dgm:if name="Name98" func="var" arg="dir" op="equ" val="norm">
            <dgm:constrLst>
              <dgm:constr type="lMarg" refType="w" fact="0.6"/>
              <dgm:constr type="rMarg" refType="primFontSz" fact="0.3"/>
              <dgm:constr type="tMarg" refType="primFontSz" fact="0.3"/>
              <dgm:constr type="bMarg" refType="primFontSz" fact="0.3"/>
            </dgm:constrLst>
          </dgm:if>
          <dgm:else name="Name99">
            <dgm:constrLst>
              <dgm:constr type="rMarg" refType="w" fact="0.6"/>
              <dgm:constr type="lMarg" refType="primFontSz" fact="0.3"/>
              <dgm:constr type="tMarg" refType="primFontSz" fact="0.3"/>
              <dgm:constr type="bMarg" refType="primFontSz" fact="0.3"/>
            </dgm:constrLst>
          </dgm:else>
        </dgm:choose>
        <dgm:ruleLst>
          <dgm:rule type="primFontSz" val="5" fact="NaN" max="NaN"/>
        </dgm:ruleLst>
      </dgm:layoutNode>
      <dgm:choose name="Name100">
        <dgm:if name="Name101" axis="ch" ptType="node" func="cnt" op="gte" val="1">
          <dgm:layoutNode name="desTx1" styleLbl="revTx">
            <dgm:varLst>
              <dgm:bulletEnabled val="1"/>
            </dgm:varLst>
            <dgm:choose name="Name102">
              <dgm:if name="Name103" func="var" arg="dir" op="equ" val="norm">
                <dgm:choose name="Name104">
                  <dgm:if name="Name105" axis="ch" ptType="node" func="cnt" op="gte" val="2">
                    <dgm:alg type="tx">
                      <dgm:param type="parTxLTRAlign" val="l"/>
                      <dgm:param type="parTxRTLAlign" val="l"/>
                      <dgm:param type="stBulletLvl" val="1"/>
                    </dgm:alg>
                  </dgm:if>
                  <dgm:else name="Name106">
                    <dgm:alg type="tx">
                      <dgm:param type="parTxLTRAlign" val="l"/>
                      <dgm:param type="parTxRTLAlign" val="l"/>
                    </dgm:alg>
                  </dgm:else>
                </dgm:choose>
              </dgm:if>
              <dgm:else name="Name107">
                <dgm:choose name="Name108">
                  <dgm:if name="Name109" axis="ch" ptType="node" func="cnt" op="gte" val="2">
                    <dgm:alg type="tx">
                      <dgm:param type="parTxLTRAlign" val="r"/>
                      <dgm:param type="parTxRTLAlign" val="r"/>
                      <dgm:param type="shpTxLTRAlignCh" val="r"/>
                      <dgm:param type="shpTxRTLAlignCh" val="r"/>
                      <dgm:param type="stBulletLvl" val="1"/>
                    </dgm:alg>
                  </dgm:if>
                  <dgm:else name="Name110">
                    <dgm:alg type="tx">
                      <dgm:param type="parTxLTRAlign" val="r"/>
                      <dgm:param type="parTxRTLAlign" val="r"/>
                      <dgm:param type="shpTxLTRAlignCh" val="r"/>
                      <dgm:param type="shpTxRTLAlignCh" val="r"/>
                    </dgm:alg>
                  </dgm:else>
                </dgm:choose>
              </dgm:else>
            </dgm:choose>
            <dgm:shape xmlns:r="http://schemas.openxmlformats.org/officeDocument/2006/relationships" type="rect" r:blip="">
              <dgm:adjLst/>
            </dgm:shape>
            <dgm:presOf axis="des" ptType="node"/>
            <dgm:constrLst>
              <dgm:constr type="rMarg" refType="primFontSz" fact="0.2"/>
              <dgm:constr type="tMarg" refType="primFontSz" fact="0.2"/>
              <dgm:constr type="bMarg" refType="primFontSz" fact="0.2"/>
            </dgm:constrLst>
            <dgm:ruleLst>
              <dgm:rule type="primFontSz" val="5" fact="NaN" max="NaN"/>
            </dgm:ruleLst>
          </dgm:layoutNode>
        </dgm:if>
        <dgm:else name="Name111"/>
      </dgm:choose>
    </dgm:forEach>
    <dgm:forEach name="Name112" axis="ch" ptType="sibTrans" hideLastTrans="0" cnt="1">
      <dgm:layoutNode name="picture1">
        <dgm:alg type="sp"/>
        <dgm:shape xmlns:r="http://schemas.openxmlformats.org/officeDocument/2006/relationships" r:blip="">
          <dgm:adjLst/>
        </dgm:shape>
        <dgm:presOf/>
        <dgm:constrLst/>
        <dgm:forEach name="Name113" ref="imageRepeat"/>
      </dgm:layoutNode>
    </dgm:forEach>
    <dgm:forEach name="Name114" axis="ch" ptType="node" st="2" cnt="1">
      <dgm:layoutNode name="parTx2">
        <dgm:choose name="Name115">
          <dgm:if name="Name116" func="var" arg="dir" op="equ" val="norm">
            <dgm:alg type="tx">
              <dgm:param type="parTxLTRAlign" val="l"/>
              <dgm:param type="parTxRTLAlign" val="r"/>
            </dgm:alg>
          </dgm:if>
          <dgm:else name="Name117">
            <dgm:alg type="tx">
              <dgm:param type="parTxLTRAlign" val="r"/>
              <dgm:param type="parTxRTLAlign" val="l"/>
            </dgm:alg>
          </dgm:else>
        </dgm:choose>
        <dgm:shape xmlns:r="http://schemas.openxmlformats.org/officeDocument/2006/relationships" type="roundRect" r:blip="">
          <dgm:adjLst/>
        </dgm:shape>
        <dgm:presOf axis="self" ptType="node"/>
        <dgm:choose name="Name118">
          <dgm:if name="Name119" func="var" arg="dir" op="equ" val="norm">
            <dgm:constrLst>
              <dgm:constr type="lMarg" refType="w" fact="0.6"/>
              <dgm:constr type="rMarg" refType="primFontSz" fact="0.3"/>
              <dgm:constr type="tMarg" refType="primFontSz" fact="0.3"/>
              <dgm:constr type="bMarg" refType="primFontSz" fact="0.3"/>
            </dgm:constrLst>
          </dgm:if>
          <dgm:else name="Name120">
            <dgm:constrLst>
              <dgm:constr type="rMarg" refType="w" fact="0.6"/>
              <dgm:constr type="lMarg" refType="primFontSz" fact="0.3"/>
              <dgm:constr type="tMarg" refType="primFontSz" fact="0.3"/>
              <dgm:constr type="bMarg" refType="primFontSz" fact="0.3"/>
            </dgm:constrLst>
          </dgm:else>
        </dgm:choose>
        <dgm:ruleLst>
          <dgm:rule type="primFontSz" val="5" fact="NaN" max="NaN"/>
        </dgm:ruleLst>
      </dgm:layoutNode>
      <dgm:choose name="Name121">
        <dgm:if name="Name122" axis="ch" ptType="node" func="cnt" op="gte" val="1">
          <dgm:layoutNode name="desTx2" styleLbl="revTx">
            <dgm:varLst>
              <dgm:bulletEnabled val="1"/>
            </dgm:varLst>
            <dgm:choose name="Name123">
              <dgm:if name="Name124" func="var" arg="dir" op="equ" val="norm">
                <dgm:choose name="Name125">
                  <dgm:if name="Name126" axis="ch" ptType="node" func="cnt" op="gte" val="2">
                    <dgm:alg type="tx">
                      <dgm:param type="parTxLTRAlign" val="l"/>
                      <dgm:param type="parTxRTLAlign" val="l"/>
                      <dgm:param type="stBulletLvl" val="1"/>
                    </dgm:alg>
                  </dgm:if>
                  <dgm:else name="Name127">
                    <dgm:alg type="tx">
                      <dgm:param type="parTxLTRAlign" val="l"/>
                      <dgm:param type="parTxRTLAlign" val="l"/>
                    </dgm:alg>
                  </dgm:else>
                </dgm:choose>
              </dgm:if>
              <dgm:else name="Name128">
                <dgm:choose name="Name129">
                  <dgm:if name="Name130" axis="ch" ptType="node" func="cnt" op="gte" val="2">
                    <dgm:alg type="tx">
                      <dgm:param type="parTxLTRAlign" val="r"/>
                      <dgm:param type="parTxRTLAlign" val="r"/>
                      <dgm:param type="shpTxLTRAlignCh" val="r"/>
                      <dgm:param type="shpTxRTLAlignCh" val="r"/>
                      <dgm:param type="stBulletLvl" val="1"/>
                    </dgm:alg>
                  </dgm:if>
                  <dgm:else name="Name131">
                    <dgm:alg type="tx">
                      <dgm:param type="parTxLTRAlign" val="r"/>
                      <dgm:param type="parTxRTLAlign" val="r"/>
                      <dgm:param type="shpTxLTRAlignCh" val="r"/>
                      <dgm:param type="shpTxRTLAlignCh" val="r"/>
                    </dgm:alg>
                  </dgm:else>
                </dgm:choose>
              </dgm:else>
            </dgm:choose>
            <dgm:shape xmlns:r="http://schemas.openxmlformats.org/officeDocument/2006/relationships" type="rect" r:blip="">
              <dgm:adjLst/>
            </dgm:shape>
            <dgm:presOf axis="des" ptType="node"/>
            <dgm:constrLst>
              <dgm:constr type="rMarg" refType="primFontSz" fact="0.2"/>
              <dgm:constr type="tMarg" refType="primFontSz" fact="0.2"/>
              <dgm:constr type="bMarg" refType="primFontSz" fact="0.2"/>
            </dgm:constrLst>
            <dgm:ruleLst>
              <dgm:rule type="primFontSz" val="5" fact="NaN" max="NaN"/>
            </dgm:ruleLst>
          </dgm:layoutNode>
        </dgm:if>
        <dgm:else name="Name132"/>
      </dgm:choose>
    </dgm:forEach>
    <dgm:forEach name="Name133" axis="ch" ptType="sibTrans" hideLastTrans="0" st="2" cnt="1">
      <dgm:layoutNode name="picture2">
        <dgm:alg type="sp"/>
        <dgm:shape xmlns:r="http://schemas.openxmlformats.org/officeDocument/2006/relationships" r:blip="">
          <dgm:adjLst/>
        </dgm:shape>
        <dgm:presOf/>
        <dgm:constrLst/>
        <dgm:forEach name="Name134" ref="imageRepeat"/>
      </dgm:layoutNode>
    </dgm:forEach>
    <dgm:forEach name="Name135" axis="ch" ptType="node" st="3" cnt="1">
      <dgm:layoutNode name="parTx3">
        <dgm:choose name="Name136">
          <dgm:if name="Name137" func="var" arg="dir" op="equ" val="norm">
            <dgm:alg type="tx">
              <dgm:param type="parTxLTRAlign" val="l"/>
              <dgm:param type="parTxRTLAlign" val="r"/>
            </dgm:alg>
          </dgm:if>
          <dgm:else name="Name138">
            <dgm:alg type="tx">
              <dgm:param type="parTxLTRAlign" val="r"/>
              <dgm:param type="parTxRTLAlign" val="l"/>
            </dgm:alg>
          </dgm:else>
        </dgm:choose>
        <dgm:shape xmlns:r="http://schemas.openxmlformats.org/officeDocument/2006/relationships" type="roundRect" r:blip="">
          <dgm:adjLst/>
        </dgm:shape>
        <dgm:presOf axis="self" ptType="node"/>
        <dgm:choose name="Name139">
          <dgm:if name="Name140" func="var" arg="dir" op="equ" val="norm">
            <dgm:constrLst>
              <dgm:constr type="lMarg" refType="w" fact="0.6"/>
              <dgm:constr type="rMarg" refType="primFontSz" fact="0.3"/>
              <dgm:constr type="tMarg" refType="primFontSz" fact="0.3"/>
              <dgm:constr type="bMarg" refType="primFontSz" fact="0.3"/>
            </dgm:constrLst>
          </dgm:if>
          <dgm:else name="Name141">
            <dgm:constrLst>
              <dgm:constr type="rMarg" refType="w" fact="0.6"/>
              <dgm:constr type="lMarg" refType="primFontSz" fact="0.3"/>
              <dgm:constr type="tMarg" refType="primFontSz" fact="0.3"/>
              <dgm:constr type="bMarg" refType="primFontSz" fact="0.3"/>
            </dgm:constrLst>
          </dgm:else>
        </dgm:choose>
        <dgm:ruleLst>
          <dgm:rule type="primFontSz" val="5" fact="NaN" max="NaN"/>
        </dgm:ruleLst>
      </dgm:layoutNode>
      <dgm:choose name="Name142">
        <dgm:if name="Name143" axis="ch" ptType="node" func="cnt" op="gte" val="1">
          <dgm:layoutNode name="desTx3" styleLbl="revTx">
            <dgm:varLst>
              <dgm:bulletEnabled val="1"/>
            </dgm:varLst>
            <dgm:choose name="Name144">
              <dgm:if name="Name145" func="var" arg="dir" op="equ" val="norm">
                <dgm:choose name="Name146">
                  <dgm:if name="Name147" axis="ch" ptType="node" func="cnt" op="gte" val="2">
                    <dgm:alg type="tx">
                      <dgm:param type="parTxLTRAlign" val="l"/>
                      <dgm:param type="parTxRTLAlign" val="l"/>
                      <dgm:param type="stBulletLvl" val="1"/>
                    </dgm:alg>
                  </dgm:if>
                  <dgm:else name="Name148">
                    <dgm:alg type="tx">
                      <dgm:param type="parTxLTRAlign" val="l"/>
                      <dgm:param type="parTxRTLAlign" val="l"/>
                    </dgm:alg>
                  </dgm:else>
                </dgm:choose>
              </dgm:if>
              <dgm:else name="Name149">
                <dgm:choose name="Name150">
                  <dgm:if name="Name151" axis="ch" ptType="node" func="cnt" op="gte" val="2">
                    <dgm:alg type="tx">
                      <dgm:param type="parTxLTRAlign" val="r"/>
                      <dgm:param type="parTxRTLAlign" val="r"/>
                      <dgm:param type="shpTxLTRAlignCh" val="r"/>
                      <dgm:param type="shpTxRTLAlignCh" val="r"/>
                      <dgm:param type="stBulletLvl" val="1"/>
                    </dgm:alg>
                  </dgm:if>
                  <dgm:else name="Name152">
                    <dgm:alg type="tx">
                      <dgm:param type="parTxLTRAlign" val="r"/>
                      <dgm:param type="parTxRTLAlign" val="r"/>
                      <dgm:param type="shpTxLTRAlignCh" val="r"/>
                      <dgm:param type="shpTxRTLAlignCh" val="r"/>
                    </dgm:alg>
                  </dgm:else>
                </dgm:choose>
              </dgm:else>
            </dgm:choose>
            <dgm:shape xmlns:r="http://schemas.openxmlformats.org/officeDocument/2006/relationships" type="rect" r:blip="">
              <dgm:adjLst/>
            </dgm:shape>
            <dgm:presOf axis="des" ptType="node"/>
            <dgm:constrLst>
              <dgm:constr type="rMarg" refType="primFontSz" fact="0.2"/>
              <dgm:constr type="tMarg" refType="primFontSz" fact="0.2"/>
              <dgm:constr type="bMarg" refType="primFontSz" fact="0.2"/>
            </dgm:constrLst>
            <dgm:ruleLst>
              <dgm:rule type="primFontSz" val="5" fact="NaN" max="NaN"/>
            </dgm:ruleLst>
          </dgm:layoutNode>
        </dgm:if>
        <dgm:else name="Name153"/>
      </dgm:choose>
    </dgm:forEach>
    <dgm:forEach name="Name154" axis="ch" ptType="sibTrans" hideLastTrans="0" st="3" cnt="1">
      <dgm:layoutNode name="picture3">
        <dgm:alg type="sp"/>
        <dgm:shape xmlns:r="http://schemas.openxmlformats.org/officeDocument/2006/relationships" r:blip="">
          <dgm:adjLst/>
        </dgm:shape>
        <dgm:presOf/>
        <dgm:constrLst/>
        <dgm:forEach name="Name155" ref="imageRepeat"/>
      </dgm:layoutNode>
    </dgm:forEach>
    <dgm:forEach name="Name156" axis="ch" ptType="node" st="4" cnt="1">
      <dgm:layoutNode name="parTx4">
        <dgm:choose name="Name157">
          <dgm:if name="Name158" func="var" arg="dir" op="equ" val="norm">
            <dgm:alg type="tx">
              <dgm:param type="parTxLTRAlign" val="l"/>
              <dgm:param type="parTxRTLAlign" val="r"/>
            </dgm:alg>
          </dgm:if>
          <dgm:else name="Name159">
            <dgm:alg type="tx">
              <dgm:param type="parTxLTRAlign" val="r"/>
              <dgm:param type="parTxRTLAlign" val="l"/>
            </dgm:alg>
          </dgm:else>
        </dgm:choose>
        <dgm:shape xmlns:r="http://schemas.openxmlformats.org/officeDocument/2006/relationships" type="roundRect" r:blip="">
          <dgm:adjLst/>
        </dgm:shape>
        <dgm:presOf axis="self" ptType="node"/>
        <dgm:choose name="Name160">
          <dgm:if name="Name161" func="var" arg="dir" op="equ" val="norm">
            <dgm:constrLst>
              <dgm:constr type="lMarg" refType="w" fact="0.6"/>
              <dgm:constr type="rMarg" refType="primFontSz" fact="0.3"/>
              <dgm:constr type="tMarg" refType="primFontSz" fact="0.3"/>
              <dgm:constr type="bMarg" refType="primFontSz" fact="0.3"/>
            </dgm:constrLst>
          </dgm:if>
          <dgm:else name="Name162">
            <dgm:constrLst>
              <dgm:constr type="rMarg" refType="w" fact="0.6"/>
              <dgm:constr type="lMarg" refType="primFontSz" fact="0.3"/>
              <dgm:constr type="tMarg" refType="primFontSz" fact="0.3"/>
              <dgm:constr type="bMarg" refType="primFontSz" fact="0.3"/>
            </dgm:constrLst>
          </dgm:else>
        </dgm:choose>
        <dgm:ruleLst>
          <dgm:rule type="primFontSz" val="5" fact="NaN" max="NaN"/>
        </dgm:ruleLst>
      </dgm:layoutNode>
      <dgm:choose name="Name163">
        <dgm:if name="Name164" axis="ch" ptType="node" func="cnt" op="gte" val="1">
          <dgm:layoutNode name="desTx4" styleLbl="revTx">
            <dgm:varLst>
              <dgm:bulletEnabled val="1"/>
            </dgm:varLst>
            <dgm:choose name="Name165">
              <dgm:if name="Name166" func="var" arg="dir" op="equ" val="norm">
                <dgm:choose name="Name167">
                  <dgm:if name="Name168" axis="ch" ptType="node" func="cnt" op="gte" val="2">
                    <dgm:alg type="tx">
                      <dgm:param type="parTxLTRAlign" val="l"/>
                      <dgm:param type="parTxRTLAlign" val="l"/>
                      <dgm:param type="stBulletLvl" val="1"/>
                    </dgm:alg>
                  </dgm:if>
                  <dgm:else name="Name169">
                    <dgm:alg type="tx">
                      <dgm:param type="parTxLTRAlign" val="l"/>
                      <dgm:param type="parTxRTLAlign" val="l"/>
                    </dgm:alg>
                  </dgm:else>
                </dgm:choose>
              </dgm:if>
              <dgm:else name="Name170">
                <dgm:choose name="Name171">
                  <dgm:if name="Name172" axis="ch" ptType="node" func="cnt" op="gte" val="2">
                    <dgm:alg type="tx">
                      <dgm:param type="parTxLTRAlign" val="r"/>
                      <dgm:param type="parTxRTLAlign" val="r"/>
                      <dgm:param type="shpTxLTRAlignCh" val="r"/>
                      <dgm:param type="shpTxRTLAlignCh" val="r"/>
                      <dgm:param type="stBulletLvl" val="1"/>
                    </dgm:alg>
                  </dgm:if>
                  <dgm:else name="Name173">
                    <dgm:alg type="tx">
                      <dgm:param type="parTxLTRAlign" val="r"/>
                      <dgm:param type="parTxRTLAlign" val="r"/>
                      <dgm:param type="shpTxLTRAlignCh" val="r"/>
                      <dgm:param type="shpTxRTLAlignCh" val="r"/>
                    </dgm:alg>
                  </dgm:else>
                </dgm:choose>
              </dgm:else>
            </dgm:choose>
            <dgm:shape xmlns:r="http://schemas.openxmlformats.org/officeDocument/2006/relationships" type="rect" r:blip="">
              <dgm:adjLst/>
            </dgm:shape>
            <dgm:presOf axis="des" ptType="node"/>
            <dgm:constrLst>
              <dgm:constr type="rMarg" refType="primFontSz" fact="0.2"/>
              <dgm:constr type="tMarg" refType="primFontSz" fact="0.2"/>
              <dgm:constr type="bMarg" refType="primFontSz" fact="0.2"/>
            </dgm:constrLst>
            <dgm:ruleLst>
              <dgm:rule type="primFontSz" val="5" fact="NaN" max="NaN"/>
            </dgm:ruleLst>
          </dgm:layoutNode>
        </dgm:if>
        <dgm:else name="Name174"/>
      </dgm:choose>
    </dgm:forEach>
    <dgm:forEach name="Name175" axis="ch" ptType="sibTrans" hideLastTrans="0" st="4" cnt="1">
      <dgm:layoutNode name="picture4">
        <dgm:alg type="sp"/>
        <dgm:shape xmlns:r="http://schemas.openxmlformats.org/officeDocument/2006/relationships" r:blip="">
          <dgm:adjLst/>
        </dgm:shape>
        <dgm:presOf/>
        <dgm:constrLst/>
        <dgm:forEach name="Name176" ref="imageRepeat"/>
      </dgm:layoutNode>
    </dgm:forEach>
    <dgm:forEach name="Name177" axis="ch" ptType="node" st="5" cnt="1">
      <dgm:layoutNode name="parTx5">
        <dgm:choose name="Name178">
          <dgm:if name="Name179" func="var" arg="dir" op="equ" val="norm">
            <dgm:alg type="tx">
              <dgm:param type="parTxLTRAlign" val="l"/>
              <dgm:param type="parTxRTLAlign" val="r"/>
            </dgm:alg>
          </dgm:if>
          <dgm:else name="Name180">
            <dgm:alg type="tx">
              <dgm:param type="parTxLTRAlign" val="r"/>
              <dgm:param type="parTxRTLAlign" val="l"/>
            </dgm:alg>
          </dgm:else>
        </dgm:choose>
        <dgm:shape xmlns:r="http://schemas.openxmlformats.org/officeDocument/2006/relationships" type="roundRect" r:blip="">
          <dgm:adjLst/>
        </dgm:shape>
        <dgm:presOf axis="self" ptType="node"/>
        <dgm:choose name="Name181">
          <dgm:if name="Name182" func="var" arg="dir" op="equ" val="norm">
            <dgm:constrLst>
              <dgm:constr type="lMarg" refType="w" fact="0.6"/>
              <dgm:constr type="rMarg" refType="primFontSz" fact="0.3"/>
              <dgm:constr type="tMarg" refType="primFontSz" fact="0.3"/>
              <dgm:constr type="bMarg" refType="primFontSz" fact="0.3"/>
            </dgm:constrLst>
          </dgm:if>
          <dgm:else name="Name183">
            <dgm:constrLst>
              <dgm:constr type="rMarg" refType="w" fact="0.6"/>
              <dgm:constr type="lMarg" refType="primFontSz" fact="0.3"/>
              <dgm:constr type="tMarg" refType="primFontSz" fact="0.3"/>
              <dgm:constr type="bMarg" refType="primFontSz" fact="0.3"/>
            </dgm:constrLst>
          </dgm:else>
        </dgm:choose>
        <dgm:ruleLst>
          <dgm:rule type="primFontSz" val="5" fact="NaN" max="NaN"/>
        </dgm:ruleLst>
      </dgm:layoutNode>
      <dgm:choose name="Name184">
        <dgm:if name="Name185" axis="ch" ptType="node" func="cnt" op="gte" val="1">
          <dgm:layoutNode name="desTx5" styleLbl="revTx">
            <dgm:varLst>
              <dgm:bulletEnabled val="1"/>
            </dgm:varLst>
            <dgm:choose name="Name186">
              <dgm:if name="Name187" func="var" arg="dir" op="equ" val="norm">
                <dgm:choose name="Name188">
                  <dgm:if name="Name189" axis="ch" ptType="node" func="cnt" op="gte" val="2">
                    <dgm:alg type="tx">
                      <dgm:param type="parTxLTRAlign" val="l"/>
                      <dgm:param type="parTxRTLAlign" val="l"/>
                      <dgm:param type="stBulletLvl" val="1"/>
                    </dgm:alg>
                  </dgm:if>
                  <dgm:else name="Name190">
                    <dgm:alg type="tx">
                      <dgm:param type="parTxLTRAlign" val="l"/>
                      <dgm:param type="parTxRTLAlign" val="l"/>
                    </dgm:alg>
                  </dgm:else>
                </dgm:choose>
              </dgm:if>
              <dgm:else name="Name191">
                <dgm:choose name="Name192">
                  <dgm:if name="Name193" axis="ch" ptType="node" func="cnt" op="gte" val="2">
                    <dgm:alg type="tx">
                      <dgm:param type="parTxLTRAlign" val="r"/>
                      <dgm:param type="parTxRTLAlign" val="r"/>
                      <dgm:param type="shpTxLTRAlignCh" val="r"/>
                      <dgm:param type="shpTxRTLAlignCh" val="r"/>
                      <dgm:param type="stBulletLvl" val="1"/>
                    </dgm:alg>
                  </dgm:if>
                  <dgm:else name="Name194">
                    <dgm:alg type="tx">
                      <dgm:param type="parTxLTRAlign" val="r"/>
                      <dgm:param type="parTxRTLAlign" val="r"/>
                      <dgm:param type="shpTxLTRAlignCh" val="r"/>
                      <dgm:param type="shpTxRTLAlignCh" val="r"/>
                    </dgm:alg>
                  </dgm:else>
                </dgm:choose>
              </dgm:else>
            </dgm:choose>
            <dgm:shape xmlns:r="http://schemas.openxmlformats.org/officeDocument/2006/relationships" type="rect" r:blip="">
              <dgm:adjLst/>
            </dgm:shape>
            <dgm:presOf axis="des" ptType="node"/>
            <dgm:constrLst>
              <dgm:constr type="rMarg" refType="primFontSz" fact="0.2"/>
              <dgm:constr type="tMarg" refType="primFontSz" fact="0.2"/>
              <dgm:constr type="bMarg" refType="primFontSz" fact="0.2"/>
            </dgm:constrLst>
            <dgm:ruleLst>
              <dgm:rule type="primFontSz" val="5" fact="NaN" max="NaN"/>
            </dgm:ruleLst>
          </dgm:layoutNode>
        </dgm:if>
        <dgm:else name="Name195"/>
      </dgm:choose>
    </dgm:forEach>
    <dgm:forEach name="Name196" axis="ch" ptType="sibTrans" hideLastTrans="0" st="5" cnt="1">
      <dgm:layoutNode name="picture5">
        <dgm:alg type="sp"/>
        <dgm:shape xmlns:r="http://schemas.openxmlformats.org/officeDocument/2006/relationships" r:blip="">
          <dgm:adjLst/>
        </dgm:shape>
        <dgm:presOf/>
        <dgm:constrLst/>
        <dgm:forEach name="Name197" ref="imageRepeat"/>
      </dgm:layoutNode>
    </dgm:forEach>
    <dgm:forEach name="Name198" axis="ch" ptType="node" st="6" cnt="1">
      <dgm:layoutNode name="parTx6">
        <dgm:choose name="Name199">
          <dgm:if name="Name200" func="var" arg="dir" op="equ" val="norm">
            <dgm:alg type="tx">
              <dgm:param type="parTxLTRAlign" val="l"/>
              <dgm:param type="parTxRTLAlign" val="r"/>
            </dgm:alg>
          </dgm:if>
          <dgm:else name="Name201">
            <dgm:alg type="tx">
              <dgm:param type="parTxLTRAlign" val="r"/>
              <dgm:param type="parTxRTLAlign" val="l"/>
            </dgm:alg>
          </dgm:else>
        </dgm:choose>
        <dgm:shape xmlns:r="http://schemas.openxmlformats.org/officeDocument/2006/relationships" type="roundRect" r:blip="">
          <dgm:adjLst/>
        </dgm:shape>
        <dgm:presOf axis="self" ptType="node"/>
        <dgm:choose name="Name202">
          <dgm:if name="Name203" func="var" arg="dir" op="equ" val="norm">
            <dgm:constrLst>
              <dgm:constr type="lMarg" refType="w" fact="0.6"/>
              <dgm:constr type="rMarg" refType="primFontSz" fact="0.3"/>
              <dgm:constr type="tMarg" refType="primFontSz" fact="0.3"/>
              <dgm:constr type="bMarg" refType="primFontSz" fact="0.3"/>
            </dgm:constrLst>
          </dgm:if>
          <dgm:else name="Name204">
            <dgm:constrLst>
              <dgm:constr type="rMarg" refType="w" fact="0.6"/>
              <dgm:constr type="lMarg" refType="primFontSz" fact="0.3"/>
              <dgm:constr type="tMarg" refType="primFontSz" fact="0.3"/>
              <dgm:constr type="bMarg" refType="primFontSz" fact="0.3"/>
            </dgm:constrLst>
          </dgm:else>
        </dgm:choose>
        <dgm:ruleLst>
          <dgm:rule type="primFontSz" val="5" fact="NaN" max="NaN"/>
        </dgm:ruleLst>
      </dgm:layoutNode>
      <dgm:choose name="Name205">
        <dgm:if name="Name206" axis="ch" ptType="node" func="cnt" op="gte" val="1">
          <dgm:layoutNode name="desTx6" styleLbl="revTx">
            <dgm:varLst>
              <dgm:bulletEnabled val="1"/>
            </dgm:varLst>
            <dgm:choose name="Name207">
              <dgm:if name="Name208" func="var" arg="dir" op="equ" val="norm">
                <dgm:choose name="Name209">
                  <dgm:if name="Name210" axis="ch" ptType="node" func="cnt" op="gte" val="2">
                    <dgm:alg type="tx">
                      <dgm:param type="parTxLTRAlign" val="l"/>
                      <dgm:param type="parTxRTLAlign" val="l"/>
                      <dgm:param type="stBulletLvl" val="1"/>
                    </dgm:alg>
                  </dgm:if>
                  <dgm:else name="Name211">
                    <dgm:alg type="tx">
                      <dgm:param type="parTxLTRAlign" val="l"/>
                      <dgm:param type="parTxRTLAlign" val="l"/>
                    </dgm:alg>
                  </dgm:else>
                </dgm:choose>
              </dgm:if>
              <dgm:else name="Name212">
                <dgm:choose name="Name213">
                  <dgm:if name="Name214" axis="ch" ptType="node" func="cnt" op="gte" val="2">
                    <dgm:alg type="tx">
                      <dgm:param type="parTxLTRAlign" val="r"/>
                      <dgm:param type="parTxRTLAlign" val="r"/>
                      <dgm:param type="shpTxLTRAlignCh" val="r"/>
                      <dgm:param type="shpTxRTLAlignCh" val="r"/>
                      <dgm:param type="stBulletLvl" val="1"/>
                    </dgm:alg>
                  </dgm:if>
                  <dgm:else name="Name215">
                    <dgm:alg type="tx">
                      <dgm:param type="parTxLTRAlign" val="r"/>
                      <dgm:param type="parTxRTLAlign" val="r"/>
                      <dgm:param type="shpTxLTRAlignCh" val="r"/>
                      <dgm:param type="shpTxRTLAlignCh" val="r"/>
                    </dgm:alg>
                  </dgm:else>
                </dgm:choose>
              </dgm:else>
            </dgm:choose>
            <dgm:shape xmlns:r="http://schemas.openxmlformats.org/officeDocument/2006/relationships" type="rect" r:blip="">
              <dgm:adjLst/>
            </dgm:shape>
            <dgm:presOf axis="des" ptType="node"/>
            <dgm:constrLst>
              <dgm:constr type="rMarg" refType="primFontSz" fact="0.2"/>
              <dgm:constr type="tMarg" refType="primFontSz" fact="0.2"/>
              <dgm:constr type="bMarg" refType="primFontSz" fact="0.2"/>
            </dgm:constrLst>
            <dgm:ruleLst>
              <dgm:rule type="primFontSz" val="5" fact="NaN" max="NaN"/>
            </dgm:ruleLst>
          </dgm:layoutNode>
        </dgm:if>
        <dgm:else name="Name216"/>
      </dgm:choose>
    </dgm:forEach>
    <dgm:forEach name="Name217" axis="ch" ptType="sibTrans" hideLastTrans="0" st="6" cnt="1">
      <dgm:layoutNode name="picture6">
        <dgm:alg type="sp"/>
        <dgm:shape xmlns:r="http://schemas.openxmlformats.org/officeDocument/2006/relationships" r:blip="">
          <dgm:adjLst/>
        </dgm:shape>
        <dgm:presOf/>
        <dgm:constrLst/>
        <dgm:forEach name="Name218" ref="imageRepeat"/>
      </dgm:layoutNode>
    </dgm:forEach>
    <dgm:forEach name="Name219" axis="ch" ptType="node" st="7" cnt="1">
      <dgm:layoutNode name="parTx7">
        <dgm:choose name="Name220">
          <dgm:if name="Name221" func="var" arg="dir" op="equ" val="norm">
            <dgm:alg type="tx">
              <dgm:param type="parTxLTRAlign" val="l"/>
              <dgm:param type="parTxRTLAlign" val="r"/>
            </dgm:alg>
          </dgm:if>
          <dgm:else name="Name222">
            <dgm:alg type="tx">
              <dgm:param type="parTxLTRAlign" val="r"/>
              <dgm:param type="parTxRTLAlign" val="l"/>
            </dgm:alg>
          </dgm:else>
        </dgm:choose>
        <dgm:shape xmlns:r="http://schemas.openxmlformats.org/officeDocument/2006/relationships" type="roundRect" r:blip="">
          <dgm:adjLst/>
        </dgm:shape>
        <dgm:presOf axis="self" ptType="node"/>
        <dgm:choose name="Name223">
          <dgm:if name="Name224" func="var" arg="dir" op="equ" val="norm">
            <dgm:constrLst>
              <dgm:constr type="lMarg" refType="w" fact="0.6"/>
              <dgm:constr type="rMarg" refType="primFontSz" fact="0.3"/>
              <dgm:constr type="tMarg" refType="primFontSz" fact="0.3"/>
              <dgm:constr type="bMarg" refType="primFontSz" fact="0.3"/>
            </dgm:constrLst>
          </dgm:if>
          <dgm:else name="Name225">
            <dgm:constrLst>
              <dgm:constr type="rMarg" refType="w" fact="0.6"/>
              <dgm:constr type="lMarg" refType="primFontSz" fact="0.3"/>
              <dgm:constr type="tMarg" refType="primFontSz" fact="0.3"/>
              <dgm:constr type="bMarg" refType="primFontSz" fact="0.3"/>
            </dgm:constrLst>
          </dgm:else>
        </dgm:choose>
        <dgm:ruleLst>
          <dgm:rule type="primFontSz" val="5" fact="NaN" max="NaN"/>
        </dgm:ruleLst>
      </dgm:layoutNode>
      <dgm:choose name="Name226">
        <dgm:if name="Name227" axis="ch" ptType="node" func="cnt" op="gte" val="1">
          <dgm:layoutNode name="desTx7" styleLbl="revTx">
            <dgm:varLst>
              <dgm:bulletEnabled val="1"/>
            </dgm:varLst>
            <dgm:choose name="Name228">
              <dgm:if name="Name229" func="var" arg="dir" op="equ" val="norm">
                <dgm:choose name="Name230">
                  <dgm:if name="Name231" axis="ch" ptType="node" func="cnt" op="gte" val="2">
                    <dgm:alg type="tx">
                      <dgm:param type="parTxLTRAlign" val="l"/>
                      <dgm:param type="parTxRTLAlign" val="l"/>
                      <dgm:param type="stBulletLvl" val="1"/>
                    </dgm:alg>
                  </dgm:if>
                  <dgm:else name="Name232">
                    <dgm:alg type="tx">
                      <dgm:param type="parTxLTRAlign" val="l"/>
                      <dgm:param type="parTxRTLAlign" val="l"/>
                    </dgm:alg>
                  </dgm:else>
                </dgm:choose>
              </dgm:if>
              <dgm:else name="Name233">
                <dgm:choose name="Name234">
                  <dgm:if name="Name235" axis="ch" ptType="node" func="cnt" op="gte" val="2">
                    <dgm:alg type="tx">
                      <dgm:param type="parTxLTRAlign" val="r"/>
                      <dgm:param type="parTxRTLAlign" val="r"/>
                      <dgm:param type="shpTxLTRAlignCh" val="r"/>
                      <dgm:param type="shpTxRTLAlignCh" val="r"/>
                      <dgm:param type="stBulletLvl" val="1"/>
                    </dgm:alg>
                  </dgm:if>
                  <dgm:else name="Name236">
                    <dgm:alg type="tx">
                      <dgm:param type="parTxLTRAlign" val="r"/>
                      <dgm:param type="parTxRTLAlign" val="r"/>
                      <dgm:param type="shpTxLTRAlignCh" val="r"/>
                      <dgm:param type="shpTxRTLAlignCh" val="r"/>
                    </dgm:alg>
                  </dgm:else>
                </dgm:choose>
              </dgm:else>
            </dgm:choose>
            <dgm:shape xmlns:r="http://schemas.openxmlformats.org/officeDocument/2006/relationships" type="rect" r:blip="">
              <dgm:adjLst/>
            </dgm:shape>
            <dgm:presOf axis="des" ptType="node"/>
            <dgm:constrLst>
              <dgm:constr type="rMarg" refType="primFontSz" fact="0.2"/>
              <dgm:constr type="tMarg" refType="primFontSz" fact="0.2"/>
              <dgm:constr type="bMarg" refType="primFontSz" fact="0.2"/>
            </dgm:constrLst>
            <dgm:ruleLst>
              <dgm:rule type="primFontSz" val="5" fact="NaN" max="NaN"/>
            </dgm:ruleLst>
          </dgm:layoutNode>
        </dgm:if>
        <dgm:else name="Name237"/>
      </dgm:choose>
    </dgm:forEach>
    <dgm:forEach name="Name238" axis="ch" ptType="sibTrans" hideLastTrans="0" st="7" cnt="1">
      <dgm:layoutNode name="picture7">
        <dgm:alg type="sp"/>
        <dgm:shape xmlns:r="http://schemas.openxmlformats.org/officeDocument/2006/relationships" r:blip="">
          <dgm:adjLst/>
        </dgm:shape>
        <dgm:presOf/>
        <dgm:constrLst/>
        <dgm:forEach name="Name239" ref="imageRepeat"/>
      </dgm:layoutNode>
    </dgm:forEach>
  </dgm:layoutNode>
</dgm:layoutDef>
</file>

<file path=ppt/diagrams/layout6.xml><?xml version="1.0" encoding="utf-8"?>
<dgm:layoutDef xmlns:dgm="http://schemas.openxmlformats.org/drawingml/2006/diagram" xmlns:a="http://schemas.openxmlformats.org/drawingml/2006/main" uniqueId="urn:microsoft.com/office/officeart/2008/layout/AscendingPictureAccentProcess">
  <dgm:title val=""/>
  <dgm:desc val=""/>
  <dgm:catLst>
    <dgm:cat type="process" pri="22500"/>
    <dgm:cat type="picture" pri="16000"/>
    <dgm:cat type="pictureconvert" pri="16000"/>
  </dgm:catLst>
  <dgm:samp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shape xmlns:r="http://schemas.openxmlformats.org/officeDocument/2006/relationships" r:blip="">
      <dgm:adjLst/>
    </dgm:shape>
    <dgm:choose name="Name1">
      <dgm:if name="Name2" axis="ch" ptType="node" func="cnt" op="equ" val="1">
        <dgm:choose name="Name3">
          <dgm:if name="Name4" func="var" arg="dir" op="equ" val="norm">
            <dgm:choose name="Name5">
              <dgm:if name="Name6" axis="des" func="maxDepth" op="gt" val="1">
                <dgm:alg type="composite">
                  <dgm:param type="ar" val="2.7"/>
                </dgm:alg>
                <dgm:constrLst>
                  <dgm:constr type="primFontSz" for="ch" forName="parTx1" op="equ" val="65"/>
                  <dgm:constr type="primFontSz" for="ch" forName="desTx1" op="equ" val="65"/>
                  <dgm:constr type="userD" refType="w" fact="0.0247"/>
                  <dgm:constr type="l" for="ch" forName="parTx1" refType="w" fact="0.2711"/>
                  <dgm:constr type="t" for="ch" forName="parTx1" refType="h" fact="0.9603"/>
                  <dgm:constr type="w" for="ch" forName="parTx1" refType="w" fact="0.5325"/>
                  <dgm:constr type="h" for="ch" forName="parTx1" refType="h" fact="0.3856"/>
                  <dgm:constr type="ctrX" for="ch" forName="picture1" refType="w" fact="0.2469"/>
                  <dgm:constr type="ctrY" for="ch" forName="picture1" refType="h" fact="0.9"/>
                  <dgm:constr type="w" for="ch" forName="picture1" refType="w" fact="0.2469"/>
                  <dgm:constr type="h" for="ch" forName="picture1" refType="h" fact="0.6667"/>
                  <dgm:constr type="l" for="ch" forName="desTx1" refType="r" refFor="ch" refForName="parTx1"/>
                  <dgm:constr type="r" for="ch" forName="desTx1" refType="w"/>
                  <dgm:constr type="t" for="ch" forName="desTx1" refType="t" refFor="ch" refForName="parTx1"/>
                  <dgm:constr type="h" for="ch" forName="desTx1" refType="h" refFor="ch" refForName="parTx1"/>
                </dgm:constrLst>
              </dgm:if>
              <dgm:else name="Name7">
                <dgm:alg type="composite">
                  <dgm:param type="ar" val="2"/>
                </dgm:alg>
                <dgm:constrLst>
                  <dgm:constr type="primFontSz" for="ch" forName="parTx1" op="equ" val="65"/>
                  <dgm:constr type="userD" refType="w" fact="0.0333"/>
                  <dgm:constr type="l" for="ch" forName="parTx1" refType="w" fact="0.366"/>
                  <dgm:constr type="t" for="ch" forName="parTx1" refType="h" fact="0.7113"/>
                  <dgm:constr type="w" for="ch" forName="parTx1" refType="w" fact="0.7189"/>
                  <dgm:constr type="h" for="ch" forName="parTx1" refType="h" fact="0.3856"/>
                  <dgm:constr type="ctrX" for="ch" forName="picture1" refType="w" fact="0.3333"/>
                  <dgm:constr type="ctrY" for="ch" forName="picture1" refType="h" fact="0.6667"/>
                  <dgm:constr type="w" for="ch" forName="picture1" refType="w" fact="0.3333"/>
                  <dgm:constr type="h" for="ch" forName="picture1" refType="h" fact="0.6667"/>
                </dgm:constrLst>
              </dgm:else>
            </dgm:choose>
          </dgm:if>
          <dgm:else name="Name8">
            <dgm:choose name="Name9">
              <dgm:if name="Name10" axis="des" func="maxDepth" op="gt" val="1">
                <dgm:alg type="composite">
                  <dgm:param type="ar" val="2.7"/>
                </dgm:alg>
                <dgm:constrLst>
                  <dgm:constr type="primFontSz" for="ch" forName="parTx1" op="equ" val="65"/>
                  <dgm:constr type="primFontSz" for="ch" forName="desTx1" op="equ" val="65"/>
                  <dgm:constr type="userD" refType="w" fact="0.0247"/>
                  <dgm:constr type="r" for="ch" forName="parTx1" refType="w" fact="0.7289"/>
                  <dgm:constr type="t" for="ch" forName="parTx1" refType="h" fact="0.9603"/>
                  <dgm:constr type="w" for="ch" forName="parTx1" refType="w" fact="0.5325"/>
                  <dgm:constr type="h" for="ch" forName="parTx1" refType="h" fact="0.3856"/>
                  <dgm:constr type="ctrX" for="ch" forName="picture1" refType="w" fact="0.7531"/>
                  <dgm:constr type="ctrY" for="ch" forName="picture1" refType="h" fact="0.9"/>
                  <dgm:constr type="w" for="ch" forName="picture1" refType="w" fact="0.2469"/>
                  <dgm:constr type="h" for="ch" forName="picture1" refType="h" fact="0.6667"/>
                  <dgm:constr type="r" for="ch" forName="desTx1" refType="l" refFor="ch" refForName="parTx1"/>
                  <dgm:constr type="l" for="ch" forName="desTx1"/>
                  <dgm:constr type="t" for="ch" forName="desTx1" refType="t" refFor="ch" refForName="parTx1"/>
                  <dgm:constr type="h" for="ch" forName="desTx1" refType="h" refFor="ch" refForName="parTx1"/>
                </dgm:constrLst>
              </dgm:if>
              <dgm:else name="Name11">
                <dgm:alg type="composite">
                  <dgm:param type="ar" val="2"/>
                </dgm:alg>
                <dgm:constrLst>
                  <dgm:constr type="primFontSz" for="ch" forName="parTx1" op="equ" val="65"/>
                  <dgm:constr type="userD" refType="w" fact="0.0333"/>
                  <dgm:constr type="r" for="ch" forName="parTx1" refType="w" fact="0.634"/>
                  <dgm:constr type="t" for="ch" forName="parTx1" refType="h" fact="0.7113"/>
                  <dgm:constr type="w" for="ch" forName="parTx1" refType="w" fact="0.7189"/>
                  <dgm:constr type="h" for="ch" forName="parTx1" refType="h" fact="0.3856"/>
                  <dgm:constr type="ctrX" for="ch" forName="picture1" refType="w" fact="0.6667"/>
                  <dgm:constr type="ctrY" for="ch" forName="picture1" refType="h" fact="0.6667"/>
                  <dgm:constr type="w" for="ch" forName="picture1" refType="w" fact="0.3333"/>
                  <dgm:constr type="h" for="ch" forName="picture1" refType="h" fact="0.6667"/>
                </dgm:constrLst>
              </dgm:else>
            </dgm:choose>
          </dgm:else>
        </dgm:choose>
      </dgm:if>
      <dgm:if name="Name12" axis="ch" ptType="node" func="cnt" op="equ" val="2">
        <dgm:choose name="Name13">
          <dgm:if name="Name14" func="var" arg="dir" op="equ" val="norm">
            <dgm:choose name="Name15">
              <dgm:if name="Name16" axis="des" func="maxDepth" op="gt" val="1">
                <dgm:alg type="composite">
                  <dgm:param type="ar" val="2"/>
                </dgm:alg>
                <dgm:constrLst>
                  <dgm:constr type="primFontSz" for="ch" forName="parTx1" op="equ" val="65"/>
                  <dgm:constr type="primFontSz" for="ch" forName="parTx2" refType="primFontSz" refFor="ch" refForName="parTx1" op="equ"/>
                  <dgm:constr type="primFontSz" for="ch" forName="desTx1" op="equ" val="65"/>
                  <dgm:constr type="primFontSz" for="ch" forName="desTx2" refType="primFontSz" refFor="ch" refForName="desTx1" op="equ"/>
                  <dgm:constr type="userD" refType="w" fact="0.0188"/>
                  <dgm:constr type="ctrX" for="ch" forName="dot1" refType="w" fact="0.3221"/>
                  <dgm:constr type="ctrY" for="ch" forName="dot1" refType="h" fact="0.5911"/>
                  <dgm:constr type="w" for="ch" forName="dot1" refType="userD"/>
                  <dgm:constr type="h" for="ch" forName="dot1" refType="userD"/>
                  <dgm:constr type="ctrX" for="ch" forName="dot2" refType="w" fact="0.3056"/>
                  <dgm:constr type="ctrY" for="ch" forName="dot2" refType="h" fact="0.644"/>
                  <dgm:constr type="w" for="ch" forName="dot2" refType="userD"/>
                  <dgm:constr type="h" for="ch" forName="dot2" refType="userD"/>
                  <dgm:constr type="ctrX" for="ch" forName="dot3" refType="w" fact="0.2859"/>
                  <dgm:constr type="ctrY" for="ch" forName="dot3" refType="h" fact="0.6898"/>
                  <dgm:constr type="w" for="ch" forName="dot3" refType="userD"/>
                  <dgm:constr type="h" for="ch" forName="dot3" refType="userD"/>
                  <dgm:constr type="ctrX" for="ch" forName="dotArrow1" refType="w" fact="0.3095"/>
                  <dgm:constr type="ctrY" for="ch" forName="dotArrow1" refType="h" fact="0.0587"/>
                  <dgm:constr type="w" for="ch" forName="dotArrow1" refType="userD"/>
                  <dgm:constr type="h" for="ch" forName="dotArrow1" refType="userD"/>
                  <dgm:constr type="ctrX" for="ch" forName="dotArrow2" refType="w" fact="0.3346"/>
                  <dgm:constr type="ctrY" for="ch" forName="dotArrow2" refType="h" fact="0.0287"/>
                  <dgm:constr type="w" for="ch" forName="dotArrow2" refType="userD"/>
                  <dgm:constr type="h" for="ch" forName="dotArrow2" refType="userD"/>
                  <dgm:constr type="ctrX" for="ch" forName="dotArrow3" refType="w" fact="0.3597"/>
                  <dgm:constr type="ctrY" for="ch" forName="dotArrow3" refType="h" fact="-0.0013"/>
                  <dgm:constr type="w" for="ch" forName="dotArrow3" refType="userD"/>
                  <dgm:constr type="h" for="ch" forName="dotArrow3" refType="userD"/>
                  <dgm:constr type="ctrX" for="ch" forName="dotArrow4" refType="w" fact="0.3848"/>
                  <dgm:constr type="ctrY" for="ch" forName="dotArrow4" refType="h" fact="0.0287"/>
                  <dgm:constr type="w" for="ch" forName="dotArrow4" refType="userD"/>
                  <dgm:constr type="h" for="ch" forName="dotArrow4" refType="userD"/>
                  <dgm:constr type="ctrX" for="ch" forName="dotArrow5" refType="w" fact="0.41"/>
                  <dgm:constr type="ctrY" for="ch" forName="dotArrow5" refType="h" fact="0.0587"/>
                  <dgm:constr type="w" for="ch" forName="dotArrow5" refType="userD"/>
                  <dgm:constr type="h" for="ch" forName="dotArrow5" refType="userD"/>
                  <dgm:constr type="ctrX" for="ch" forName="dotArrow6" refType="w" fact="0.3597"/>
                  <dgm:constr type="ctrY" for="ch" forName="dotArrow6" refType="h" fact="0.062"/>
                  <dgm:constr type="w" for="ch" forName="dotArrow6" refType="userD"/>
                  <dgm:constr type="h" for="ch" forName="dotArrow6" refType="userD"/>
                  <dgm:constr type="ctrX" for="ch" forName="dotArrow7" refType="w" fact="0.3597"/>
                  <dgm:constr type="ctrY" for="ch" forName="dotArrow7" refType="h" fact="0.1253"/>
                  <dgm:constr type="w" for="ch" forName="dotArrow7" refType="userD"/>
                  <dgm:constr type="h" for="ch" forName="dotArrow7" refType="userD"/>
                  <dgm:constr type="l" for="ch" forName="parTx1" refType="w" fact="0.197"/>
                  <dgm:constr type="t" for="ch" forName="parTx1" refType="h" fact="0.8169"/>
                  <dgm:constr type="w" for="ch" forName="parTx1" refType="w" fact="0.4064"/>
                  <dgm:constr type="h" for="ch" forName="parTx1" refType="h" fact="0.218"/>
                  <dgm:constr type="ctrX" for="ch" forName="picture1" refType="w" fact="0.1785"/>
                  <dgm:constr type="ctrY" for="ch" forName="picture1" refType="h" fact="0.7834"/>
                  <dgm:constr type="w" for="ch" forName="picture1" refType="w" fact="0.1884"/>
                  <dgm:constr type="h" for="ch" forName="picture1" refType="h" fact="0.3768"/>
                  <dgm:constr type="l" for="ch" forName="desTx1" refType="r" refFor="ch" refForName="parTx1"/>
                  <dgm:constr type="r" for="ch" forName="desTx1" refType="w"/>
                  <dgm:constr type="t" for="ch" forName="desTx1" refType="t" refFor="ch" refForName="parTx1"/>
                  <dgm:constr type="h" for="ch" forName="desTx1" refType="h" refFor="ch" refForName="parTx1"/>
                  <dgm:constr type="l" for="ch" forName="parTx2" refType="w" fact="0.3688"/>
                  <dgm:constr type="t" for="ch" forName="parTx2" refType="h" fact="0.3905"/>
                  <dgm:constr type="w" for="ch" forName="parTx2" refType="w" fact="0.4064"/>
                  <dgm:constr type="h" for="ch" forName="parTx2" refType="h" fact="0.218"/>
                  <dgm:constr type="ctrX" for="ch" forName="picture2" refType="w" fact="0.3503"/>
                  <dgm:constr type="ctrY" for="ch" forName="picture2" refType="h" fact="0.357"/>
                  <dgm:constr type="w" for="ch" forName="picture2" refType="w" fact="0.1884"/>
                  <dgm:constr type="h" for="ch" forName="picture2" refType="h" fact="0.3768"/>
                  <dgm:constr type="l" for="ch" forName="desTx2" refType="r" refFor="ch" refForName="parTx2"/>
                  <dgm:constr type="r" for="ch" forName="desTx2" refType="w"/>
                  <dgm:constr type="t" for="ch" forName="desTx2" refType="t" refFor="ch" refForName="parTx2"/>
                  <dgm:constr type="h" for="ch" forName="desTx2" refType="h" refFor="ch" refForName="parTx2"/>
                </dgm:constrLst>
              </dgm:if>
              <dgm:else name="Name17">
                <dgm:alg type="composite">
                  <dgm:param type="ar" val="1.5073"/>
                </dgm:alg>
                <dgm:constrLst>
                  <dgm:constr type="primFontSz" for="ch" forName="parTx1" op="equ" val="65"/>
                  <dgm:constr type="primFontSz" for="ch" forName="parTx2" refType="primFontSz" refFor="ch" refForName="parTx1" op="equ"/>
                  <dgm:constr type="userD" refType="w" fact="0.025"/>
                  <dgm:constr type="ctrX" for="ch" forName="dot1" refType="w" fact="0.4274"/>
                  <dgm:constr type="ctrY" for="ch" forName="dot1" refType="h" fact="0.5911"/>
                  <dgm:constr type="w" for="ch" forName="dot1" refType="userD"/>
                  <dgm:constr type="h" for="ch" forName="dot1" refType="userD"/>
                  <dgm:constr type="ctrX" for="ch" forName="dot2" refType="w" fact="0.4055"/>
                  <dgm:constr type="ctrY" for="ch" forName="dot2" refType="h" fact="0.644"/>
                  <dgm:constr type="w" for="ch" forName="dot2" refType="userD"/>
                  <dgm:constr type="h" for="ch" forName="dot2" refType="userD"/>
                  <dgm:constr type="ctrX" for="ch" forName="dot3" refType="w" fact="0.3794"/>
                  <dgm:constr type="ctrY" for="ch" forName="dot3" refType="h" fact="0.6898"/>
                  <dgm:constr type="w" for="ch" forName="dot3" refType="userD"/>
                  <dgm:constr type="h" for="ch" forName="dot3" refType="userD"/>
                  <dgm:constr type="ctrX" for="ch" forName="dotArrow1" refType="w" fact="0.4106"/>
                  <dgm:constr type="ctrY" for="ch" forName="dotArrow1" refType="h" fact="0.0587"/>
                  <dgm:constr type="w" for="ch" forName="dotArrow1" refType="userD"/>
                  <dgm:constr type="h" for="ch" forName="dotArrow1" refType="userD"/>
                  <dgm:constr type="ctrX" for="ch" forName="dotArrow2" refType="w" fact="0.444"/>
                  <dgm:constr type="ctrY" for="ch" forName="dotArrow2" refType="h" fact="0.0287"/>
                  <dgm:constr type="w" for="ch" forName="dotArrow2" refType="userD"/>
                  <dgm:constr type="h" for="ch" forName="dotArrow2" refType="userD"/>
                  <dgm:constr type="ctrX" for="ch" forName="dotArrow3" refType="w" fact="0.4773"/>
                  <dgm:constr type="ctrY" for="ch" forName="dotArrow3" refType="h" fact="-0.0013"/>
                  <dgm:constr type="w" for="ch" forName="dotArrow3" refType="userD"/>
                  <dgm:constr type="h" for="ch" forName="dotArrow3" refType="userD"/>
                  <dgm:constr type="ctrX" for="ch" forName="dotArrow4" refType="w" fact="0.5106"/>
                  <dgm:constr type="ctrY" for="ch" forName="dotArrow4" refType="h" fact="0.0287"/>
                  <dgm:constr type="w" for="ch" forName="dotArrow4" refType="userD"/>
                  <dgm:constr type="h" for="ch" forName="dotArrow4" refType="userD"/>
                  <dgm:constr type="ctrX" for="ch" forName="dotArrow5" refType="w" fact="0.544"/>
                  <dgm:constr type="ctrY" for="ch" forName="dotArrow5" refType="h" fact="0.0587"/>
                  <dgm:constr type="w" for="ch" forName="dotArrow5" refType="userD"/>
                  <dgm:constr type="h" for="ch" forName="dotArrow5" refType="userD"/>
                  <dgm:constr type="ctrX" for="ch" forName="dotArrow6" refType="w" fact="0.4773"/>
                  <dgm:constr type="ctrY" for="ch" forName="dotArrow6" refType="h" fact="0.062"/>
                  <dgm:constr type="w" for="ch" forName="dotArrow6" refType="userD"/>
                  <dgm:constr type="h" for="ch" forName="dotArrow6" refType="userD"/>
                  <dgm:constr type="ctrX" for="ch" forName="dotArrow7" refType="w" fact="0.4773"/>
                  <dgm:constr type="ctrY" for="ch" forName="dotArrow7" refType="h" fact="0.1253"/>
                  <dgm:constr type="w" for="ch" forName="dotArrow7" refType="userD"/>
                  <dgm:constr type="h" for="ch" forName="dotArrow7" refType="userD"/>
                  <dgm:constr type="l" for="ch" forName="parTx1" refType="w" fact="0.2614"/>
                  <dgm:constr type="t" for="ch" forName="parTx1" refType="h" fact="0.8086"/>
                  <dgm:constr type="w" for="ch" forName="parTx1" refType="w" fact="0.5392"/>
                  <dgm:constr type="h" for="ch" forName="parTx1" refType="h" fact="0.218"/>
                  <dgm:constr type="ctrX" for="ch" forName="picture1" refType="w" fact="0.2369"/>
                  <dgm:constr type="ctrY" for="ch" forName="picture1" refType="h" fact="0.7834"/>
                  <dgm:constr type="w" for="ch" forName="picture1" refType="w" fact="0.25"/>
                  <dgm:constr type="h" for="ch" forName="picture1" refType="h" fact="0.3768"/>
                  <dgm:constr type="l" for="ch" forName="parTx2" refType="w" fact="0.4893"/>
                  <dgm:constr type="t" for="ch" forName="parTx2" refType="h" fact="0.3822"/>
                  <dgm:constr type="w" for="ch" forName="parTx2" refType="w" fact="0.5392"/>
                  <dgm:constr type="h" for="ch" forName="parTx2" refType="h" fact="0.218"/>
                  <dgm:constr type="ctrX" for="ch" forName="picture2" refType="w" fact="0.4648"/>
                  <dgm:constr type="ctrY" for="ch" forName="picture2" refType="h" fact="0.357"/>
                  <dgm:constr type="w" for="ch" forName="picture2" refType="w" fact="0.25"/>
                  <dgm:constr type="h" for="ch" forName="picture2" refType="h" fact="0.3768"/>
                </dgm:constrLst>
              </dgm:else>
            </dgm:choose>
          </dgm:if>
          <dgm:else name="Name18">
            <dgm:choose name="Name19">
              <dgm:if name="Name20" axis="des" func="maxDepth" op="gt" val="1">
                <dgm:alg type="composite">
                  <dgm:param type="ar" val="2"/>
                </dgm:alg>
                <dgm:constrLst>
                  <dgm:constr type="primFontSz" for="ch" forName="parTx1" op="equ" val="65"/>
                  <dgm:constr type="primFontSz" for="ch" forName="parTx2" refType="primFontSz" refFor="ch" refForName="parTx1" op="equ"/>
                  <dgm:constr type="primFontSz" for="ch" forName="desTx1" op="equ" val="65"/>
                  <dgm:constr type="primFontSz" for="ch" forName="desTx2" refType="primFontSz" refFor="ch" refForName="desTx1" op="equ"/>
                  <dgm:constr type="userD" refType="w" fact="0.0188"/>
                  <dgm:constr type="ctrX" for="ch" forName="dot1" refType="w" fact="0.6779"/>
                  <dgm:constr type="ctrY" for="ch" forName="dot1" refType="h" fact="0.5911"/>
                  <dgm:constr type="w" for="ch" forName="dot1" refType="userD"/>
                  <dgm:constr type="h" for="ch" forName="dot1" refType="userD"/>
                  <dgm:constr type="ctrX" for="ch" forName="dot2" refType="w" fact="0.6944"/>
                  <dgm:constr type="ctrY" for="ch" forName="dot2" refType="h" fact="0.644"/>
                  <dgm:constr type="w" for="ch" forName="dot2" refType="userD"/>
                  <dgm:constr type="h" for="ch" forName="dot2" refType="userD"/>
                  <dgm:constr type="ctrX" for="ch" forName="dot3" refType="w" fact="0.7141"/>
                  <dgm:constr type="ctrY" for="ch" forName="dot3" refType="h" fact="0.6898"/>
                  <dgm:constr type="w" for="ch" forName="dot3" refType="userD"/>
                  <dgm:constr type="h" for="ch" forName="dot3" refType="userD"/>
                  <dgm:constr type="ctrX" for="ch" forName="dotArrow1" refType="w" fact="0.6905"/>
                  <dgm:constr type="ctrY" for="ch" forName="dotArrow1" refType="h" fact="0.0587"/>
                  <dgm:constr type="w" for="ch" forName="dotArrow1" refType="userD"/>
                  <dgm:constr type="h" for="ch" forName="dotArrow1" refType="userD"/>
                  <dgm:constr type="ctrX" for="ch" forName="dotArrow2" refType="w" fact="0.6654"/>
                  <dgm:constr type="ctrY" for="ch" forName="dotArrow2" refType="h" fact="0.0287"/>
                  <dgm:constr type="w" for="ch" forName="dotArrow2" refType="userD"/>
                  <dgm:constr type="h" for="ch" forName="dotArrow2" refType="userD"/>
                  <dgm:constr type="ctrX" for="ch" forName="dotArrow3" refType="w" fact="0.6403"/>
                  <dgm:constr type="ctrY" for="ch" forName="dotArrow3" refType="h" fact="-0.0013"/>
                  <dgm:constr type="w" for="ch" forName="dotArrow3" refType="userD"/>
                  <dgm:constr type="h" for="ch" forName="dotArrow3" refType="userD"/>
                  <dgm:constr type="ctrX" for="ch" forName="dotArrow4" refType="w" fact="0.6152"/>
                  <dgm:constr type="ctrY" for="ch" forName="dotArrow4" refType="h" fact="0.0287"/>
                  <dgm:constr type="w" for="ch" forName="dotArrow4" refType="userD"/>
                  <dgm:constr type="h" for="ch" forName="dotArrow4" refType="userD"/>
                  <dgm:constr type="ctrX" for="ch" forName="dotArrow5" refType="w" fact="0.59"/>
                  <dgm:constr type="ctrY" for="ch" forName="dotArrow5" refType="h" fact="0.0587"/>
                  <dgm:constr type="w" for="ch" forName="dotArrow5" refType="userD"/>
                  <dgm:constr type="h" for="ch" forName="dotArrow5" refType="userD"/>
                  <dgm:constr type="ctrX" for="ch" forName="dotArrow6" refType="w" fact="0.6403"/>
                  <dgm:constr type="ctrY" for="ch" forName="dotArrow6" refType="h" fact="0.062"/>
                  <dgm:constr type="w" for="ch" forName="dotArrow6" refType="userD"/>
                  <dgm:constr type="h" for="ch" forName="dotArrow6" refType="userD"/>
                  <dgm:constr type="ctrX" for="ch" forName="dotArrow7" refType="w" fact="0.6403"/>
                  <dgm:constr type="ctrY" for="ch" forName="dotArrow7" refType="h" fact="0.1253"/>
                  <dgm:constr type="w" for="ch" forName="dotArrow7" refType="userD"/>
                  <dgm:constr type="h" for="ch" forName="dotArrow7" refType="userD"/>
                  <dgm:constr type="r" for="ch" forName="parTx1" refType="w" fact="0.803"/>
                  <dgm:constr type="t" for="ch" forName="parTx1" refType="h" fact="0.8169"/>
                  <dgm:constr type="w" for="ch" forName="parTx1" refType="w" fact="0.4064"/>
                  <dgm:constr type="h" for="ch" forName="parTx1" refType="h" fact="0.218"/>
                  <dgm:constr type="ctrX" for="ch" forName="picture1" refType="w" fact="0.8215"/>
                  <dgm:constr type="ctrY" for="ch" forName="picture1" refType="h" fact="0.7834"/>
                  <dgm:constr type="w" for="ch" forName="picture1" refType="w" fact="0.1884"/>
                  <dgm:constr type="h" for="ch" forName="picture1" refType="h" fact="0.3768"/>
                  <dgm:constr type="r" for="ch" forName="desTx1" refType="l" refFor="ch" refForName="parTx1"/>
                  <dgm:constr type="l" for="ch" forName="desTx1"/>
                  <dgm:constr type="t" for="ch" forName="desTx1" refType="t" refFor="ch" refForName="parTx1"/>
                  <dgm:constr type="h" for="ch" forName="desTx1" refType="h" refFor="ch" refForName="parTx1"/>
                  <dgm:constr type="r" for="ch" forName="parTx2" refType="w" fact="0.6312"/>
                  <dgm:constr type="t" for="ch" forName="parTx2" refType="h" fact="0.3905"/>
                  <dgm:constr type="w" for="ch" forName="parTx2" refType="w" fact="0.4064"/>
                  <dgm:constr type="h" for="ch" forName="parTx2" refType="h" fact="0.218"/>
                  <dgm:constr type="ctrX" for="ch" forName="picture2" refType="w" fact="0.6497"/>
                  <dgm:constr type="ctrY" for="ch" forName="picture2" refType="h" fact="0.357"/>
                  <dgm:constr type="w" for="ch" forName="picture2" refType="w" fact="0.1884"/>
                  <dgm:constr type="h" for="ch" forName="picture2" refType="h" fact="0.3768"/>
                  <dgm:constr type="r" for="ch" forName="desTx2" refType="l" refFor="ch" refForName="parTx2"/>
                  <dgm:constr type="l" for="ch" forName="desTx2"/>
                  <dgm:constr type="t" for="ch" forName="desTx2" refType="t" refFor="ch" refForName="parTx2"/>
                  <dgm:constr type="h" for="ch" forName="desTx2" refType="h" refFor="ch" refForName="parTx2"/>
                </dgm:constrLst>
              </dgm:if>
              <dgm:else name="Name21">
                <dgm:alg type="composite">
                  <dgm:param type="ar" val="1.5073"/>
                </dgm:alg>
                <dgm:constrLst>
                  <dgm:constr type="primFontSz" for="ch" forName="parTx1" op="equ" val="65"/>
                  <dgm:constr type="primFontSz" for="ch" forName="parTx2" refType="primFontSz" refFor="ch" refForName="parTx1" op="equ"/>
                  <dgm:constr type="userD" refType="w" fact="0.025"/>
                  <dgm:constr type="ctrX" for="ch" forName="dot1" refType="w" fact="0.5726"/>
                  <dgm:constr type="ctrY" for="ch" forName="dot1" refType="h" fact="0.5911"/>
                  <dgm:constr type="w" for="ch" forName="dot1" refType="userD"/>
                  <dgm:constr type="h" for="ch" forName="dot1" refType="userD"/>
                  <dgm:constr type="ctrX" for="ch" forName="dot2" refType="w" fact="0.5945"/>
                  <dgm:constr type="ctrY" for="ch" forName="dot2" refType="h" fact="0.644"/>
                  <dgm:constr type="w" for="ch" forName="dot2" refType="userD"/>
                  <dgm:constr type="h" for="ch" forName="dot2" refType="userD"/>
                  <dgm:constr type="ctrX" for="ch" forName="dot3" refType="w" fact="0.6206"/>
                  <dgm:constr type="ctrY" for="ch" forName="dot3" refType="h" fact="0.6898"/>
                  <dgm:constr type="w" for="ch" forName="dot3" refType="userD"/>
                  <dgm:constr type="h" for="ch" forName="dot3" refType="userD"/>
                  <dgm:constr type="ctrX" for="ch" forName="dotArrow1" refType="w" fact="0.5894"/>
                  <dgm:constr type="ctrY" for="ch" forName="dotArrow1" refType="h" fact="0.0587"/>
                  <dgm:constr type="w" for="ch" forName="dotArrow1" refType="userD"/>
                  <dgm:constr type="h" for="ch" forName="dotArrow1" refType="userD"/>
                  <dgm:constr type="ctrX" for="ch" forName="dotArrow2" refType="w" fact="0.556"/>
                  <dgm:constr type="ctrY" for="ch" forName="dotArrow2" refType="h" fact="0.0287"/>
                  <dgm:constr type="w" for="ch" forName="dotArrow2" refType="userD"/>
                  <dgm:constr type="h" for="ch" forName="dotArrow2" refType="userD"/>
                  <dgm:constr type="ctrX" for="ch" forName="dotArrow3" refType="w" fact="0.5227"/>
                  <dgm:constr type="ctrY" for="ch" forName="dotArrow3" refType="h" fact="-0.0013"/>
                  <dgm:constr type="w" for="ch" forName="dotArrow3" refType="userD"/>
                  <dgm:constr type="h" for="ch" forName="dotArrow3" refType="userD"/>
                  <dgm:constr type="ctrX" for="ch" forName="dotArrow4" refType="w" fact="0.4894"/>
                  <dgm:constr type="ctrY" for="ch" forName="dotArrow4" refType="h" fact="0.0287"/>
                  <dgm:constr type="w" for="ch" forName="dotArrow4" refType="userD"/>
                  <dgm:constr type="h" for="ch" forName="dotArrow4" refType="userD"/>
                  <dgm:constr type="ctrX" for="ch" forName="dotArrow5" refType="w" fact="0.456"/>
                  <dgm:constr type="ctrY" for="ch" forName="dotArrow5" refType="h" fact="0.0587"/>
                  <dgm:constr type="w" for="ch" forName="dotArrow5" refType="userD"/>
                  <dgm:constr type="h" for="ch" forName="dotArrow5" refType="userD"/>
                  <dgm:constr type="ctrX" for="ch" forName="dotArrow6" refType="w" fact="0.5227"/>
                  <dgm:constr type="ctrY" for="ch" forName="dotArrow6" refType="h" fact="0.062"/>
                  <dgm:constr type="w" for="ch" forName="dotArrow6" refType="userD"/>
                  <dgm:constr type="h" for="ch" forName="dotArrow6" refType="userD"/>
                  <dgm:constr type="ctrX" for="ch" forName="dotArrow7" refType="w" fact="0.5227"/>
                  <dgm:constr type="ctrY" for="ch" forName="dotArrow7" refType="h" fact="0.1253"/>
                  <dgm:constr type="w" for="ch" forName="dotArrow7" refType="userD"/>
                  <dgm:constr type="h" for="ch" forName="dotArrow7" refType="userD"/>
                  <dgm:constr type="r" for="ch" forName="parTx1" refType="w" fact="0.7386"/>
                  <dgm:constr type="t" for="ch" forName="parTx1" refType="h" fact="0.8086"/>
                  <dgm:constr type="w" for="ch" forName="parTx1" refType="w" fact="0.5392"/>
                  <dgm:constr type="h" for="ch" forName="parTx1" refType="h" fact="0.218"/>
                  <dgm:constr type="ctrX" for="ch" forName="picture1" refType="w" fact="0.7631"/>
                  <dgm:constr type="ctrY" for="ch" forName="picture1" refType="h" fact="0.7834"/>
                  <dgm:constr type="w" for="ch" forName="picture1" refType="w" fact="0.25"/>
                  <dgm:constr type="h" for="ch" forName="picture1" refType="h" fact="0.3768"/>
                  <dgm:constr type="r" for="ch" forName="parTx2" refType="w" fact="0.5107"/>
                  <dgm:constr type="t" for="ch" forName="parTx2" refType="h" fact="0.3822"/>
                  <dgm:constr type="w" for="ch" forName="parTx2" refType="w" fact="0.5392"/>
                  <dgm:constr type="h" for="ch" forName="parTx2" refType="h" fact="0.218"/>
                  <dgm:constr type="ctrX" for="ch" forName="picture2" refType="w" fact="0.5352"/>
                  <dgm:constr type="ctrY" for="ch" forName="picture2" refType="h" fact="0.357"/>
                  <dgm:constr type="w" for="ch" forName="picture2" refType="w" fact="0.25"/>
                  <dgm:constr type="h" for="ch" forName="picture2" refType="h" fact="0.3768"/>
                </dgm:constrLst>
              </dgm:else>
            </dgm:choose>
          </dgm:else>
        </dgm:choose>
      </dgm:if>
      <dgm:if name="Name22" axis="ch" ptType="node" func="cnt" op="equ" val="3">
        <dgm:choose name="Name23">
          <dgm:if name="Name24" func="var" arg="dir" op="equ" val="norm">
            <dgm:choose name="Name25">
              <dgm:if name="Name26" axis="des" func="maxDepth" op="gt" val="1">
                <dgm:alg type="composite">
                  <dgm:param type="ar" val="1.75"/>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desTx1" op="equ" val="65"/>
                  <dgm:constr type="primFontSz" for="ch" forName="desTx2" refType="primFontSz" refFor="ch" refForName="desTx1" op="equ"/>
                  <dgm:constr type="primFontSz" for="ch" forName="desTx3" refType="primFontSz" refFor="ch" refForName="desTx1" op="equ"/>
                  <dgm:constr type="userD" refType="w" fact="0.0162"/>
                  <dgm:constr type="ctrX" for="ch" forName="dot1" refType="w" fact="0.2981"/>
                  <dgm:constr type="ctrY" for="ch" forName="dot1" refType="h" fact="0.763"/>
                  <dgm:constr type="w" for="ch" forName="dot1" refType="userD"/>
                  <dgm:constr type="h" for="ch" forName="dot1" refType="userD"/>
                  <dgm:constr type="ctrX" for="ch" forName="dot2" refType="w" fact="0.2676"/>
                  <dgm:constr type="ctrY" for="ch" forName="dot2" refType="h" fact="0.7887"/>
                  <dgm:constr type="w" for="ch" forName="dot2" refType="userD"/>
                  <dgm:constr type="h" for="ch" forName="dot2" refType="userD"/>
                  <dgm:constr type="ctrX" for="ch" forName="dot3" refType="w" fact="0.2357"/>
                  <dgm:constr type="ctrY" for="ch" forName="dot3" refType="h" fact="0.809"/>
                  <dgm:constr type="w" for="ch" forName="dot3" refType="userD"/>
                  <dgm:constr type="h" for="ch" forName="dot3" refType="userD"/>
                  <dgm:constr type="ctrX" for="ch" forName="dot4" refType="w" fact="0.4445"/>
                  <dgm:constr type="ctrY" for="ch" forName="dot4" refType="h" fact="0.4655"/>
                  <dgm:constr type="w" for="ch" forName="dot4" refType="userD"/>
                  <dgm:constr type="h" for="ch" forName="dot4" refType="userD"/>
                  <dgm:constr type="ctrX" for="ch" forName="dot5" refType="w" fact="0.4323"/>
                  <dgm:constr type="ctrY" for="ch" forName="dot5" refType="h" fact="0.5178"/>
                  <dgm:constr type="w" for="ch" forName="dot5" refType="userD"/>
                  <dgm:constr type="h" for="ch" forName="dot5" refType="userD"/>
                  <dgm:constr type="ctrX" for="ch" forName="dotArrow1" refType="w" fact="0.4236"/>
                  <dgm:constr type="ctrY" for="ch" forName="dotArrow1" refType="h" fact="0.0718"/>
                  <dgm:constr type="w" for="ch" forName="dotArrow1" refType="userD"/>
                  <dgm:constr type="h" for="ch" forName="dotArrow1" refType="userD"/>
                  <dgm:constr type="ctrX" for="ch" forName="dotArrow2" refType="w" fact="0.446"/>
                  <dgm:constr type="ctrY" for="ch" forName="dotArrow2" refType="h" fact="0.0468"/>
                  <dgm:constr type="w" for="ch" forName="dotArrow2" refType="userD"/>
                  <dgm:constr type="h" for="ch" forName="dotArrow2" refType="userD"/>
                  <dgm:constr type="ctrX" for="ch" forName="dotArrow3" refType="w" fact="0.4685"/>
                  <dgm:constr type="ctrY" for="ch" forName="dotArrow3" refType="h" fact="0.0218"/>
                  <dgm:constr type="w" for="ch" forName="dotArrow3" refType="userD"/>
                  <dgm:constr type="h" for="ch" forName="dotArrow3" refType="userD"/>
                  <dgm:constr type="ctrX" for="ch" forName="dotArrow4" refType="w" fact="0.491"/>
                  <dgm:constr type="ctrY" for="ch" forName="dotArrow4" refType="h" fact="0.0468"/>
                  <dgm:constr type="w" for="ch" forName="dotArrow4" refType="userD"/>
                  <dgm:constr type="h" for="ch" forName="dotArrow4" refType="userD"/>
                  <dgm:constr type="ctrX" for="ch" forName="dotArrow5" refType="w" fact="0.5135"/>
                  <dgm:constr type="ctrY" for="ch" forName="dotArrow5" refType="h" fact="0.0718"/>
                  <dgm:constr type="w" for="ch" forName="dotArrow5" refType="userD"/>
                  <dgm:constr type="h" for="ch" forName="dotArrow5" refType="userD"/>
                  <dgm:constr type="ctrX" for="ch" forName="dotArrow6" refType="w" fact="0.4685"/>
                  <dgm:constr type="ctrY" for="ch" forName="dotArrow6" refType="h" fact="0.0745"/>
                  <dgm:constr type="w" for="ch" forName="dotArrow6" refType="userD"/>
                  <dgm:constr type="h" for="ch" forName="dotArrow6" refType="userD"/>
                  <dgm:constr type="ctrX" for="ch" forName="dotArrow7" refType="w" fact="0.4685"/>
                  <dgm:constr type="ctrY" for="ch" forName="dotArrow7" refType="h" fact="0.1273"/>
                  <dgm:constr type="w" for="ch" forName="dotArrow7" refType="userD"/>
                  <dgm:constr type="h" for="ch" forName="dotArrow7" refType="userD"/>
                  <dgm:constr type="l" for="ch" forName="parTx1" refType="w" fact="0.1487"/>
                  <dgm:constr type="t" for="ch" forName="parTx1" refType="h" fact="0.8596"/>
                  <dgm:constr type="w" for="ch" forName="parTx1" refType="w" fact="0.3491"/>
                  <dgm:constr type="h" for="ch" forName="parTx1" refType="h" fact="0.1638"/>
                  <dgm:constr type="ctrX" for="ch" forName="picture1" refType="w" fact="0.1328"/>
                  <dgm:constr type="ctrY" for="ch" forName="picture1" refType="h" fact="0.8361"/>
                  <dgm:constr type="w" for="ch" forName="picture1" refType="w" fact="0.1618"/>
                  <dgm:constr type="h" for="ch" forName="picture1" refType="h" fact="0.2832"/>
                  <dgm:constr type="l" for="ch" forName="desTx1" refType="r" refFor="ch" refForName="parTx1"/>
                  <dgm:constr type="r" for="ch" forName="desTx1" refType="w"/>
                  <dgm:constr type="t" for="ch" forName="desTx1" refType="t" refFor="ch" refForName="parTx1"/>
                  <dgm:constr type="h" for="ch" forName="desTx1" refType="h" refFor="ch" refForName="parTx1"/>
                  <dgm:constr type="l" for="ch" forName="parTx2" refType="w" fact="0.3732"/>
                  <dgm:constr type="t" for="ch" forName="parTx2" refType="h" fact="0.6469"/>
                  <dgm:constr type="w" for="ch" forName="parTx2" refType="w" fact="0.3491"/>
                  <dgm:constr type="h" for="ch" forName="parTx2" refType="h" fact="0.1638"/>
                  <dgm:constr type="ctrX" for="ch" forName="picture2" refType="w" fact="0.3573"/>
                  <dgm:constr type="ctrY" for="ch" forName="picture2" refType="h" fact="0.6234"/>
                  <dgm:constr type="w" for="ch" forName="picture2" refType="w" fact="0.1618"/>
                  <dgm:constr type="h" for="ch" forName="picture2" refType="h" fact="0.2832"/>
                  <dgm:constr type="l" for="ch" forName="desTx2" refType="r" refFor="ch" refForName="parTx2"/>
                  <dgm:constr type="r" for="ch" forName="desTx2" refType="w"/>
                  <dgm:constr type="t" for="ch" forName="desTx2" refType="t" refFor="ch" refForName="parTx2"/>
                  <dgm:constr type="h" for="ch" forName="desTx2" refType="h" refFor="ch" refForName="parTx2"/>
                  <dgm:constr type="l" for="ch" forName="parTx3" refType="w" fact="0.4763"/>
                  <dgm:constr type="t" for="ch" forName="parTx3" refType="h" fact="0.3243"/>
                  <dgm:constr type="w" for="ch" forName="parTx3" refType="w" fact="0.3491"/>
                  <dgm:constr type="h" for="ch" forName="parTx3" refType="h" fact="0.1638"/>
                  <dgm:constr type="ctrX" for="ch" forName="picture3" refType="w" fact="0.4604"/>
                  <dgm:constr type="ctrY" for="ch" forName="picture3" refType="h" fact="0.3008"/>
                  <dgm:constr type="w" for="ch" forName="picture3" refType="w" fact="0.1618"/>
                  <dgm:constr type="h" for="ch" forName="picture3" refType="h" fact="0.2832"/>
                  <dgm:constr type="l" for="ch" forName="desTx3" refType="r" refFor="ch" refForName="parTx3"/>
                  <dgm:constr type="r" for="ch" forName="desTx3" refType="w"/>
                  <dgm:constr type="t" for="ch" forName="desTx3" refType="t" refFor="ch" refForName="parTx3"/>
                  <dgm:constr type="h" for="ch" forName="desTx3" refType="h" refFor="ch" refForName="parTx3"/>
                </dgm:constrLst>
              </dgm:if>
              <dgm:else name="Name27">
                <dgm:alg type="composite">
                  <dgm:param type="ar" val="1.4161"/>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userD" refType="w" fact="0.02"/>
                  <dgm:constr type="ctrX" for="ch" forName="dot1" refType="w" fact="0.3684"/>
                  <dgm:constr type="ctrY" for="ch" forName="dot1" refType="h" fact="0.763"/>
                  <dgm:constr type="w" for="ch" forName="dot1" refType="userD"/>
                  <dgm:constr type="h" for="ch" forName="dot1" refType="userD"/>
                  <dgm:constr type="ctrX" for="ch" forName="dot2" refType="w" fact="0.3307"/>
                  <dgm:constr type="ctrY" for="ch" forName="dot2" refType="h" fact="0.7887"/>
                  <dgm:constr type="w" for="ch" forName="dot2" refType="userD"/>
                  <dgm:constr type="h" for="ch" forName="dot2" refType="userD"/>
                  <dgm:constr type="ctrX" for="ch" forName="dot3" refType="w" fact="0.2912"/>
                  <dgm:constr type="ctrY" for="ch" forName="dot3" refType="h" fact="0.809"/>
                  <dgm:constr type="w" for="ch" forName="dot3" refType="userD"/>
                  <dgm:constr type="h" for="ch" forName="dot3" refType="userD"/>
                  <dgm:constr type="ctrX" for="ch" forName="dot4" refType="w" fact="0.5494"/>
                  <dgm:constr type="ctrY" for="ch" forName="dot4" refType="h" fact="0.4655"/>
                  <dgm:constr type="w" for="ch" forName="dot4" refType="userD"/>
                  <dgm:constr type="h" for="ch" forName="dot4" refType="userD"/>
                  <dgm:constr type="ctrX" for="ch" forName="dot5" refType="w" fact="0.5342"/>
                  <dgm:constr type="ctrY" for="ch" forName="dot5" refType="h" fact="0.5178"/>
                  <dgm:constr type="w" for="ch" forName="dot5" refType="userD"/>
                  <dgm:constr type="h" for="ch" forName="dot5" refType="userD"/>
                  <dgm:constr type="ctrX" for="ch" forName="dotArrow1" refType="w" fact="0.5234"/>
                  <dgm:constr type="ctrY" for="ch" forName="dotArrow1" refType="h" fact="0.0718"/>
                  <dgm:constr type="w" for="ch" forName="dotArrow1" refType="userD"/>
                  <dgm:constr type="h" for="ch" forName="dotArrow1" refType="userD"/>
                  <dgm:constr type="ctrX" for="ch" forName="dotArrow2" refType="w" fact="0.5512"/>
                  <dgm:constr type="ctrY" for="ch" forName="dotArrow2" refType="h" fact="0.0468"/>
                  <dgm:constr type="w" for="ch" forName="dotArrow2" refType="userD"/>
                  <dgm:constr type="h" for="ch" forName="dotArrow2" refType="userD"/>
                  <dgm:constr type="ctrX" for="ch" forName="dotArrow3" refType="w" fact="0.579"/>
                  <dgm:constr type="ctrY" for="ch" forName="dotArrow3" refType="h" fact="0.0218"/>
                  <dgm:constr type="w" for="ch" forName="dotArrow3" refType="userD"/>
                  <dgm:constr type="h" for="ch" forName="dotArrow3" refType="userD"/>
                  <dgm:constr type="ctrX" for="ch" forName="dotArrow4" refType="w" fact="0.6068"/>
                  <dgm:constr type="ctrY" for="ch" forName="dotArrow4" refType="h" fact="0.0468"/>
                  <dgm:constr type="w" for="ch" forName="dotArrow4" refType="userD"/>
                  <dgm:constr type="h" for="ch" forName="dotArrow4" refType="userD"/>
                  <dgm:constr type="ctrX" for="ch" forName="dotArrow5" refType="w" fact="0.6346"/>
                  <dgm:constr type="ctrY" for="ch" forName="dotArrow5" refType="h" fact="0.0718"/>
                  <dgm:constr type="w" for="ch" forName="dotArrow5" refType="userD"/>
                  <dgm:constr type="h" for="ch" forName="dotArrow5" refType="userD"/>
                  <dgm:constr type="ctrX" for="ch" forName="dotArrow6" refType="w" fact="0.579"/>
                  <dgm:constr type="ctrY" for="ch" forName="dotArrow6" refType="h" fact="0.0745"/>
                  <dgm:constr type="w" for="ch" forName="dotArrow6" refType="userD"/>
                  <dgm:constr type="h" for="ch" forName="dotArrow6" refType="userD"/>
                  <dgm:constr type="ctrX" for="ch" forName="dotArrow7" refType="w" fact="0.579"/>
                  <dgm:constr type="ctrY" for="ch" forName="dotArrow7" refType="h" fact="0.1273"/>
                  <dgm:constr type="w" for="ch" forName="dotArrow7" refType="userD"/>
                  <dgm:constr type="h" for="ch" forName="dotArrow7" refType="userD"/>
                  <dgm:constr type="l" for="ch" forName="parTx1" refType="w" fact="0.1837"/>
                  <dgm:constr type="t" for="ch" forName="parTx1" refType="h" fact="0.8551"/>
                  <dgm:constr type="w" for="ch" forName="parTx1" refType="w" fact="0.4314"/>
                  <dgm:constr type="h" for="ch" forName="parTx1" refType="h" fact="0.1638"/>
                  <dgm:constr type="ctrX" for="ch" forName="picture1" refType="w" fact="0.1641"/>
                  <dgm:constr type="ctrY" for="ch" forName="picture1" refType="h" fact="0.8361"/>
                  <dgm:constr type="w" for="ch" forName="picture1" refType="w" fact="0.2"/>
                  <dgm:constr type="h" for="ch" forName="picture1" refType="h" fact="0.2832"/>
                  <dgm:constr type="l" for="ch" forName="parTx2" refType="w" fact="0.4612"/>
                  <dgm:constr type="t" for="ch" forName="parTx2" refType="h" fact="0.6424"/>
                  <dgm:constr type="w" for="ch" forName="parTx2" refType="w" fact="0.4314"/>
                  <dgm:constr type="h" for="ch" forName="parTx2" refType="h" fact="0.1638"/>
                  <dgm:constr type="ctrX" for="ch" forName="picture2" refType="w" fact="0.4416"/>
                  <dgm:constr type="ctrY" for="ch" forName="picture2" refType="h" fact="0.6234"/>
                  <dgm:constr type="w" for="ch" forName="picture2" refType="w" fact="0.2"/>
                  <dgm:constr type="h" for="ch" forName="picture2" refType="h" fact="0.2832"/>
                  <dgm:constr type="l" for="ch" forName="parTx3" refType="w" fact="0.5886"/>
                  <dgm:constr type="t" for="ch" forName="parTx3" refType="h" fact="0.3198"/>
                  <dgm:constr type="w" for="ch" forName="parTx3" refType="w" fact="0.4314"/>
                  <dgm:constr type="h" for="ch" forName="parTx3" refType="h" fact="0.1638"/>
                  <dgm:constr type="ctrX" for="ch" forName="picture3" refType="w" fact="0.569"/>
                  <dgm:constr type="ctrY" for="ch" forName="picture3" refType="h" fact="0.3008"/>
                  <dgm:constr type="w" for="ch" forName="picture3" refType="w" fact="0.2"/>
                  <dgm:constr type="h" for="ch" forName="picture3" refType="h" fact="0.2832"/>
                </dgm:constrLst>
              </dgm:else>
            </dgm:choose>
          </dgm:if>
          <dgm:else name="Name28">
            <dgm:choose name="Name29">
              <dgm:if name="Name30" axis="des" func="maxDepth" op="gt" val="1">
                <dgm:alg type="composite">
                  <dgm:param type="ar" val="1.75"/>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desTx1" op="equ" val="65"/>
                  <dgm:constr type="primFontSz" for="ch" forName="desTx2" refType="primFontSz" refFor="ch" refForName="desTx1" op="equ"/>
                  <dgm:constr type="primFontSz" for="ch" forName="desTx3" refType="primFontSz" refFor="ch" refForName="desTx1" op="equ"/>
                  <dgm:constr type="userD" refType="w" fact="0.0162"/>
                  <dgm:constr type="ctrX" for="ch" forName="dot1" refType="w" fact="0.7019"/>
                  <dgm:constr type="ctrY" for="ch" forName="dot1" refType="h" fact="0.763"/>
                  <dgm:constr type="w" for="ch" forName="dot1" refType="userD"/>
                  <dgm:constr type="h" for="ch" forName="dot1" refType="userD"/>
                  <dgm:constr type="ctrX" for="ch" forName="dot2" refType="w" fact="0.7324"/>
                  <dgm:constr type="ctrY" for="ch" forName="dot2" refType="h" fact="0.7887"/>
                  <dgm:constr type="w" for="ch" forName="dot2" refType="userD"/>
                  <dgm:constr type="h" for="ch" forName="dot2" refType="userD"/>
                  <dgm:constr type="ctrX" for="ch" forName="dot3" refType="w" fact="0.7643"/>
                  <dgm:constr type="ctrY" for="ch" forName="dot3" refType="h" fact="0.809"/>
                  <dgm:constr type="w" for="ch" forName="dot3" refType="userD"/>
                  <dgm:constr type="h" for="ch" forName="dot3" refType="userD"/>
                  <dgm:constr type="ctrX" for="ch" forName="dot4" refType="w" fact="0.5555"/>
                  <dgm:constr type="ctrY" for="ch" forName="dot4" refType="h" fact="0.4655"/>
                  <dgm:constr type="w" for="ch" forName="dot4" refType="userD"/>
                  <dgm:constr type="h" for="ch" forName="dot4" refType="userD"/>
                  <dgm:constr type="ctrX" for="ch" forName="dot5" refType="w" fact="0.5677"/>
                  <dgm:constr type="ctrY" for="ch" forName="dot5" refType="h" fact="0.5178"/>
                  <dgm:constr type="w" for="ch" forName="dot5" refType="userD"/>
                  <dgm:constr type="h" for="ch" forName="dot5" refType="userD"/>
                  <dgm:constr type="ctrX" for="ch" forName="dotArrow1" refType="w" fact="0.5764"/>
                  <dgm:constr type="ctrY" for="ch" forName="dotArrow1" refType="h" fact="0.0718"/>
                  <dgm:constr type="w" for="ch" forName="dotArrow1" refType="userD"/>
                  <dgm:constr type="h" for="ch" forName="dotArrow1" refType="userD"/>
                  <dgm:constr type="ctrX" for="ch" forName="dotArrow2" refType="w" fact="0.554"/>
                  <dgm:constr type="ctrY" for="ch" forName="dotArrow2" refType="h" fact="0.0468"/>
                  <dgm:constr type="w" for="ch" forName="dotArrow2" refType="userD"/>
                  <dgm:constr type="h" for="ch" forName="dotArrow2" refType="userD"/>
                  <dgm:constr type="ctrX" for="ch" forName="dotArrow3" refType="w" fact="0.5315"/>
                  <dgm:constr type="ctrY" for="ch" forName="dotArrow3" refType="h" fact="0.0218"/>
                  <dgm:constr type="w" for="ch" forName="dotArrow3" refType="userD"/>
                  <dgm:constr type="h" for="ch" forName="dotArrow3" refType="userD"/>
                  <dgm:constr type="ctrX" for="ch" forName="dotArrow4" refType="w" fact="0.509"/>
                  <dgm:constr type="ctrY" for="ch" forName="dotArrow4" refType="h" fact="0.0468"/>
                  <dgm:constr type="w" for="ch" forName="dotArrow4" refType="userD"/>
                  <dgm:constr type="h" for="ch" forName="dotArrow4" refType="userD"/>
                  <dgm:constr type="ctrX" for="ch" forName="dotArrow5" refType="w" fact="0.4865"/>
                  <dgm:constr type="ctrY" for="ch" forName="dotArrow5" refType="h" fact="0.0718"/>
                  <dgm:constr type="w" for="ch" forName="dotArrow5" refType="userD"/>
                  <dgm:constr type="h" for="ch" forName="dotArrow5" refType="userD"/>
                  <dgm:constr type="ctrX" for="ch" forName="dotArrow6" refType="w" fact="0.5315"/>
                  <dgm:constr type="ctrY" for="ch" forName="dotArrow6" refType="h" fact="0.0745"/>
                  <dgm:constr type="w" for="ch" forName="dotArrow6" refType="userD"/>
                  <dgm:constr type="h" for="ch" forName="dotArrow6" refType="userD"/>
                  <dgm:constr type="ctrX" for="ch" forName="dotArrow7" refType="w" fact="0.5315"/>
                  <dgm:constr type="ctrY" for="ch" forName="dotArrow7" refType="h" fact="0.1273"/>
                  <dgm:constr type="w" for="ch" forName="dotArrow7" refType="userD"/>
                  <dgm:constr type="h" for="ch" forName="dotArrow7" refType="userD"/>
                  <dgm:constr type="r" for="ch" forName="parTx1" refType="w" fact="0.8513"/>
                  <dgm:constr type="t" for="ch" forName="parTx1" refType="h" fact="0.8596"/>
                  <dgm:constr type="w" for="ch" forName="parTx1" refType="w" fact="0.3491"/>
                  <dgm:constr type="h" for="ch" forName="parTx1" refType="h" fact="0.1638"/>
                  <dgm:constr type="ctrX" for="ch" forName="picture1" refType="w" fact="0.8672"/>
                  <dgm:constr type="ctrY" for="ch" forName="picture1" refType="h" fact="0.8361"/>
                  <dgm:constr type="w" for="ch" forName="picture1" refType="w" fact="0.1618"/>
                  <dgm:constr type="h" for="ch" forName="picture1" refType="h" fact="0.2832"/>
                  <dgm:constr type="r" for="ch" forName="desTx1" refType="l" refFor="ch" refForName="parTx1"/>
                  <dgm:constr type="l" for="ch" forName="desTx1"/>
                  <dgm:constr type="t" for="ch" forName="desTx1" refType="t" refFor="ch" refForName="parTx1"/>
                  <dgm:constr type="h" for="ch" forName="desTx1" refType="h" refFor="ch" refForName="parTx1"/>
                  <dgm:constr type="r" for="ch" forName="parTx2" refType="w" fact="0.6268"/>
                  <dgm:constr type="t" for="ch" forName="parTx2" refType="h" fact="0.6469"/>
                  <dgm:constr type="w" for="ch" forName="parTx2" refType="w" fact="0.3491"/>
                  <dgm:constr type="h" for="ch" forName="parTx2" refType="h" fact="0.1638"/>
                  <dgm:constr type="ctrX" for="ch" forName="picture2" refType="w" fact="0.6427"/>
                  <dgm:constr type="ctrY" for="ch" forName="picture2" refType="h" fact="0.6234"/>
                  <dgm:constr type="w" for="ch" forName="picture2" refType="w" fact="0.1618"/>
                  <dgm:constr type="h" for="ch" forName="picture2" refType="h" fact="0.2832"/>
                  <dgm:constr type="r" for="ch" forName="desTx2" refType="l" refFor="ch" refForName="parTx2"/>
                  <dgm:constr type="l" for="ch" forName="desTx2"/>
                  <dgm:constr type="t" for="ch" forName="desTx2" refType="t" refFor="ch" refForName="parTx2"/>
                  <dgm:constr type="h" for="ch" forName="desTx2" refType="h" refFor="ch" refForName="parTx2"/>
                  <dgm:constr type="r" for="ch" forName="parTx3" refType="w" fact="0.5237"/>
                  <dgm:constr type="t" for="ch" forName="parTx3" refType="h" fact="0.3243"/>
                  <dgm:constr type="w" for="ch" forName="parTx3" refType="w" fact="0.3491"/>
                  <dgm:constr type="h" for="ch" forName="parTx3" refType="h" fact="0.1638"/>
                  <dgm:constr type="ctrX" for="ch" forName="picture3" refType="w" fact="0.5396"/>
                  <dgm:constr type="ctrY" for="ch" forName="picture3" refType="h" fact="0.3008"/>
                  <dgm:constr type="w" for="ch" forName="picture3" refType="w" fact="0.1618"/>
                  <dgm:constr type="h" for="ch" forName="picture3" refType="h" fact="0.2832"/>
                  <dgm:constr type="r" for="ch" forName="desTx3" refType="l" refFor="ch" refForName="parTx3"/>
                  <dgm:constr type="l" for="ch" forName="desTx3"/>
                  <dgm:constr type="t" for="ch" forName="desTx3" refType="t" refFor="ch" refForName="parTx3"/>
                  <dgm:constr type="h" for="ch" forName="desTx3" refType="h" refFor="ch" refForName="parTx3"/>
                </dgm:constrLst>
              </dgm:if>
              <dgm:else name="Name31">
                <dgm:alg type="composite">
                  <dgm:param type="ar" val="1.4161"/>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userD" refType="w" fact="0.02"/>
                  <dgm:constr type="ctrX" for="ch" forName="dot1" refType="w" fact="0.6316"/>
                  <dgm:constr type="ctrY" for="ch" forName="dot1" refType="h" fact="0.763"/>
                  <dgm:constr type="w" for="ch" forName="dot1" refType="userD"/>
                  <dgm:constr type="h" for="ch" forName="dot1" refType="userD"/>
                  <dgm:constr type="ctrX" for="ch" forName="dot2" refType="w" fact="0.6693"/>
                  <dgm:constr type="ctrY" for="ch" forName="dot2" refType="h" fact="0.7887"/>
                  <dgm:constr type="w" for="ch" forName="dot2" refType="userD"/>
                  <dgm:constr type="h" for="ch" forName="dot2" refType="userD"/>
                  <dgm:constr type="ctrX" for="ch" forName="dot3" refType="w" fact="0.7088"/>
                  <dgm:constr type="ctrY" for="ch" forName="dot3" refType="h" fact="0.809"/>
                  <dgm:constr type="w" for="ch" forName="dot3" refType="userD"/>
                  <dgm:constr type="h" for="ch" forName="dot3" refType="userD"/>
                  <dgm:constr type="ctrX" for="ch" forName="dot4" refType="w" fact="0.4506"/>
                  <dgm:constr type="ctrY" for="ch" forName="dot4" refType="h" fact="0.4655"/>
                  <dgm:constr type="w" for="ch" forName="dot4" refType="userD"/>
                  <dgm:constr type="h" for="ch" forName="dot4" refType="userD"/>
                  <dgm:constr type="ctrX" for="ch" forName="dot5" refType="w" fact="0.4658"/>
                  <dgm:constr type="ctrY" for="ch" forName="dot5" refType="h" fact="0.5178"/>
                  <dgm:constr type="w" for="ch" forName="dot5" refType="userD"/>
                  <dgm:constr type="h" for="ch" forName="dot5" refType="userD"/>
                  <dgm:constr type="ctrX" for="ch" forName="dotArrow1" refType="w" fact="0.4766"/>
                  <dgm:constr type="ctrY" for="ch" forName="dotArrow1" refType="h" fact="0.0718"/>
                  <dgm:constr type="w" for="ch" forName="dotArrow1" refType="userD"/>
                  <dgm:constr type="h" for="ch" forName="dotArrow1" refType="userD"/>
                  <dgm:constr type="ctrX" for="ch" forName="dotArrow2" refType="w" fact="0.4488"/>
                  <dgm:constr type="ctrY" for="ch" forName="dotArrow2" refType="h" fact="0.0468"/>
                  <dgm:constr type="w" for="ch" forName="dotArrow2" refType="userD"/>
                  <dgm:constr type="h" for="ch" forName="dotArrow2" refType="userD"/>
                  <dgm:constr type="ctrX" for="ch" forName="dotArrow3" refType="w" fact="0.421"/>
                  <dgm:constr type="ctrY" for="ch" forName="dotArrow3" refType="h" fact="0.0218"/>
                  <dgm:constr type="w" for="ch" forName="dotArrow3" refType="userD"/>
                  <dgm:constr type="h" for="ch" forName="dotArrow3" refType="userD"/>
                  <dgm:constr type="ctrX" for="ch" forName="dotArrow4" refType="w" fact="0.3932"/>
                  <dgm:constr type="ctrY" for="ch" forName="dotArrow4" refType="h" fact="0.0468"/>
                  <dgm:constr type="w" for="ch" forName="dotArrow4" refType="userD"/>
                  <dgm:constr type="h" for="ch" forName="dotArrow4" refType="userD"/>
                  <dgm:constr type="ctrX" for="ch" forName="dotArrow5" refType="w" fact="0.3654"/>
                  <dgm:constr type="ctrY" for="ch" forName="dotArrow5" refType="h" fact="0.0718"/>
                  <dgm:constr type="w" for="ch" forName="dotArrow5" refType="userD"/>
                  <dgm:constr type="h" for="ch" forName="dotArrow5" refType="userD"/>
                  <dgm:constr type="ctrX" for="ch" forName="dotArrow6" refType="w" fact="0.421"/>
                  <dgm:constr type="ctrY" for="ch" forName="dotArrow6" refType="h" fact="0.0745"/>
                  <dgm:constr type="w" for="ch" forName="dotArrow6" refType="userD"/>
                  <dgm:constr type="h" for="ch" forName="dotArrow6" refType="userD"/>
                  <dgm:constr type="ctrX" for="ch" forName="dotArrow7" refType="w" fact="0.421"/>
                  <dgm:constr type="ctrY" for="ch" forName="dotArrow7" refType="h" fact="0.1273"/>
                  <dgm:constr type="w" for="ch" forName="dotArrow7" refType="userD"/>
                  <dgm:constr type="h" for="ch" forName="dotArrow7" refType="userD"/>
                  <dgm:constr type="r" for="ch" forName="parTx1" refType="w" fact="0.8163"/>
                  <dgm:constr type="t" for="ch" forName="parTx1" refType="h" fact="0.8551"/>
                  <dgm:constr type="w" for="ch" forName="parTx1" refType="w" fact="0.4314"/>
                  <dgm:constr type="h" for="ch" forName="parTx1" refType="h" fact="0.1638"/>
                  <dgm:constr type="ctrX" for="ch" forName="picture1" refType="w" fact="0.8359"/>
                  <dgm:constr type="ctrY" for="ch" forName="picture1" refType="h" fact="0.8361"/>
                  <dgm:constr type="w" for="ch" forName="picture1" refType="w" fact="0.2"/>
                  <dgm:constr type="h" for="ch" forName="picture1" refType="h" fact="0.2832"/>
                  <dgm:constr type="r" for="ch" forName="parTx2" refType="w" fact="0.5388"/>
                  <dgm:constr type="t" for="ch" forName="parTx2" refType="h" fact="0.6424"/>
                  <dgm:constr type="w" for="ch" forName="parTx2" refType="w" fact="0.4314"/>
                  <dgm:constr type="h" for="ch" forName="parTx2" refType="h" fact="0.1638"/>
                  <dgm:constr type="ctrX" for="ch" forName="picture2" refType="w" fact="0.5584"/>
                  <dgm:constr type="ctrY" for="ch" forName="picture2" refType="h" fact="0.6234"/>
                  <dgm:constr type="w" for="ch" forName="picture2" refType="w" fact="0.2"/>
                  <dgm:constr type="h" for="ch" forName="picture2" refType="h" fact="0.2832"/>
                  <dgm:constr type="r" for="ch" forName="parTx3" refType="w" fact="0.4114"/>
                  <dgm:constr type="t" for="ch" forName="parTx3" refType="h" fact="0.3198"/>
                  <dgm:constr type="w" for="ch" forName="parTx3" refType="w" fact="0.4314"/>
                  <dgm:constr type="h" for="ch" forName="parTx3" refType="h" fact="0.1638"/>
                  <dgm:constr type="ctrX" for="ch" forName="picture3" refType="w" fact="0.431"/>
                  <dgm:constr type="ctrY" for="ch" forName="picture3" refType="h" fact="0.3008"/>
                  <dgm:constr type="w" for="ch" forName="picture3" refType="w" fact="0.2"/>
                  <dgm:constr type="h" for="ch" forName="picture3" refType="h" fact="0.2832"/>
                </dgm:constrLst>
              </dgm:else>
            </dgm:choose>
          </dgm:else>
        </dgm:choose>
      </dgm:if>
      <dgm:if name="Name32" axis="ch" ptType="node" func="cnt" op="equ" val="4">
        <dgm:choose name="Name33">
          <dgm:if name="Name34" func="var" arg="dir" op="equ" val="norm">
            <dgm:choose name="Name35">
              <dgm:if name="Name36" axis="des" func="maxDepth" op="gt" val="1">
                <dgm:alg type="composite">
                  <dgm:param type="ar" val="1.55"/>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desTx1" op="equ" val="65"/>
                  <dgm:constr type="primFontSz" for="ch" forName="desTx2" refType="primFontSz" refFor="ch" refForName="desTx1" op="equ"/>
                  <dgm:constr type="primFontSz" for="ch" forName="desTx3" refType="primFontSz" refFor="ch" refForName="desTx1" op="equ"/>
                  <dgm:constr type="primFontSz" for="ch" forName="desTx4" refType="primFontSz" refFor="ch" refForName="desTx1" op="equ"/>
                  <dgm:constr type="userD" refType="w" fact="0.0136"/>
                  <dgm:constr type="ctrX" for="ch" forName="dot1" refType="w" fact="0.3253"/>
                  <dgm:constr type="ctrY" for="ch" forName="dot1" refType="h" fact="0.8215"/>
                  <dgm:constr type="w" for="ch" forName="dot1" refType="userD"/>
                  <dgm:constr type="h" for="ch" forName="dot1" refType="userD"/>
                  <dgm:constr type="ctrX" for="ch" forName="dot2" refType="w" fact="0.2949"/>
                  <dgm:constr type="ctrY" for="ch" forName="dot2" refType="h" fact="0.843"/>
                  <dgm:constr type="w" for="ch" forName="dot2" refType="userD"/>
                  <dgm:constr type="h" for="ch" forName="dot2" refType="userD"/>
                  <dgm:constr type="ctrX" for="ch" forName="dot3" refType="w" fact="0.2635"/>
                  <dgm:constr type="ctrY" for="ch" forName="dot3" refType="h" fact="0.8607"/>
                  <dgm:constr type="w" for="ch" forName="dot3" refType="userD"/>
                  <dgm:constr type="h" for="ch" forName="dot3" refType="userD"/>
                  <dgm:constr type="ctrX" for="ch" forName="dot4" refType="w" fact="0.2313"/>
                  <dgm:constr type="ctrY" for="ch" forName="dot4" refType="h" fact="0.8745"/>
                  <dgm:constr type="w" for="ch" forName="dot4" refType="userD"/>
                  <dgm:constr type="h" for="ch" forName="dot4" refType="userD"/>
                  <dgm:constr type="ctrX" for="ch" forName="dot5" refType="w" fact="0.4675"/>
                  <dgm:constr type="ctrY" for="ch" forName="dot5" refType="h" fact="0.6419"/>
                  <dgm:constr type="w" for="ch" forName="dot5" refType="userD"/>
                  <dgm:constr type="h" for="ch" forName="dot5" refType="userD"/>
                  <dgm:constr type="ctrX" for="ch" forName="dot6" refType="w" fact="0.5486"/>
                  <dgm:constr type="ctrY" for="ch" forName="dot6" refType="h" fact="0.3784"/>
                  <dgm:constr type="w" for="ch" forName="dot6" refType="userD"/>
                  <dgm:constr type="h" for="ch" forName="dot6" refType="userD"/>
                  <dgm:constr type="ctrX" for="ch" forName="dotArrow1" refType="w" fact="0.5267"/>
                  <dgm:constr type="ctrY" for="ch" forName="dotArrow1" refType="h" fact="0.0496"/>
                  <dgm:constr type="w" for="ch" forName="dotArrow1" refType="userD"/>
                  <dgm:constr type="h" for="ch" forName="dotArrow1" refType="userD"/>
                  <dgm:constr type="ctrX" for="ch" forName="dotArrow2" refType="w" fact="0.5462"/>
                  <dgm:constr type="ctrY" for="ch" forName="dotArrow2" refType="h" fact="0.0282"/>
                  <dgm:constr type="w" for="ch" forName="dotArrow2" refType="userD"/>
                  <dgm:constr type="h" for="ch" forName="dotArrow2" refType="userD"/>
                  <dgm:constr type="ctrX" for="ch" forName="dotArrow3" refType="w" fact="0.5657"/>
                  <dgm:constr type="ctrY" for="ch" forName="dotArrow3" refType="h" fact="0.0068"/>
                  <dgm:constr type="w" for="ch" forName="dotArrow3" refType="userD"/>
                  <dgm:constr type="h" for="ch" forName="dotArrow3" refType="userD"/>
                  <dgm:constr type="ctrX" for="ch" forName="dotArrow4" refType="w" fact="0.5851"/>
                  <dgm:constr type="ctrY" for="ch" forName="dotArrow4" refType="h" fact="0.0282"/>
                  <dgm:constr type="w" for="ch" forName="dotArrow4" refType="userD"/>
                  <dgm:constr type="h" for="ch" forName="dotArrow4" refType="userD"/>
                  <dgm:constr type="ctrX" for="ch" forName="dotArrow5" refType="w" fact="0.6046"/>
                  <dgm:constr type="ctrY" for="ch" forName="dotArrow5" refType="h" fact="0.0496"/>
                  <dgm:constr type="w" for="ch" forName="dotArrow5" refType="userD"/>
                  <dgm:constr type="h" for="ch" forName="dotArrow5" refType="userD"/>
                  <dgm:constr type="ctrX" for="ch" forName="dotArrow6" refType="w" fact="0.5657"/>
                  <dgm:constr type="ctrY" for="ch" forName="dotArrow6" refType="h" fact="0.052"/>
                  <dgm:constr type="w" for="ch" forName="dotArrow6" refType="userD"/>
                  <dgm:constr type="h" for="ch" forName="dotArrow6" refType="userD"/>
                  <dgm:constr type="ctrX" for="ch" forName="dotArrow7" refType="w" fact="0.5657"/>
                  <dgm:constr type="ctrY" for="ch" forName="dotArrow7" refType="h" fact="0.0972"/>
                  <dgm:constr type="w" for="ch" forName="dotArrow7" refType="userD"/>
                  <dgm:constr type="h" for="ch" forName="dotArrow7" refType="userD"/>
                  <dgm:constr type="l" for="ch" forName="parTx1" refType="w" fact="0.1466"/>
                  <dgm:constr type="t" for="ch" forName="parTx1" refType="h" fact="0.9095"/>
                  <dgm:constr type="w" for="ch" forName="parTx1" refType="w" fact="0.294"/>
                  <dgm:constr type="h" for="ch" forName="parTx1" refType="h" fact="0.1222"/>
                  <dgm:constr type="ctrX" for="ch" forName="picture1" refType="w" fact="0.1333"/>
                  <dgm:constr type="ctrY" for="ch" forName="picture1" refType="h" fact="0.8922"/>
                  <dgm:constr type="w" for="ch" forName="picture1" refType="w" fact="0.1363"/>
                  <dgm:constr type="h" for="ch" forName="picture1" refType="h" fact="0.2113"/>
                  <dgm:constr type="l" for="ch" forName="desTx1" refType="r" refFor="ch" refForName="parTx1"/>
                  <dgm:constr type="r" for="ch" forName="desTx1" refType="w"/>
                  <dgm:constr type="t" for="ch" forName="desTx1" refType="t" refFor="ch" refForName="parTx1"/>
                  <dgm:constr type="h" for="ch" forName="desTx1" refType="h" refFor="ch" refForName="parTx1"/>
                  <dgm:constr type="l" for="ch" forName="parTx2" refType="w" fact="0.4105"/>
                  <dgm:constr type="t" for="ch" forName="parTx2" refType="h" fact="0.762"/>
                  <dgm:constr type="w" for="ch" forName="parTx2" refType="w" fact="0.294"/>
                  <dgm:constr type="h" for="ch" forName="parTx2" refType="h" fact="0.1222"/>
                  <dgm:constr type="ctrX" for="ch" forName="picture2" refType="w" fact="0.3972"/>
                  <dgm:constr type="ctrY" for="ch" forName="picture2" refType="h" fact="0.7447"/>
                  <dgm:constr type="w" for="ch" forName="picture2" refType="w" fact="0.1363"/>
                  <dgm:constr type="h" for="ch" forName="picture2" refType="h" fact="0.2113"/>
                  <dgm:constr type="l" for="ch" forName="desTx2" refType="r" refFor="ch" refForName="parTx2"/>
                  <dgm:constr type="r" for="ch" forName="desTx2" refType="w"/>
                  <dgm:constr type="t" for="ch" forName="desTx2" refType="t" refFor="ch" refForName="parTx2"/>
                  <dgm:constr type="h" for="ch" forName="desTx2" refType="h" refFor="ch" refForName="parTx2"/>
                  <dgm:constr type="l" for="ch" forName="parTx3" refType="w" fact="0.5229"/>
                  <dgm:constr type="t" for="ch" forName="parTx3" refType="h" fact="0.5294"/>
                  <dgm:constr type="w" for="ch" forName="parTx3" refType="w" fact="0.294"/>
                  <dgm:constr type="h" for="ch" forName="parTx3" refType="h" fact="0.1222"/>
                  <dgm:constr type="ctrX" for="ch" forName="picture3" refType="w" fact="0.5095"/>
                  <dgm:constr type="ctrY" for="ch" forName="picture3" refType="h" fact="0.5121"/>
                  <dgm:constr type="w" for="ch" forName="picture3" refType="w" fact="0.1363"/>
                  <dgm:constr type="h" for="ch" forName="picture3" refType="h" fact="0.2113"/>
                  <dgm:constr type="l" for="ch" forName="desTx3" refType="r" refFor="ch" refForName="parTx3"/>
                  <dgm:constr type="r" for="ch" forName="desTx3" refType="w"/>
                  <dgm:constr type="t" for="ch" forName="desTx3" refType="t" refFor="ch" refForName="parTx3"/>
                  <dgm:constr type="h" for="ch" forName="desTx3" refType="h" refFor="ch" refForName="parTx3"/>
                  <dgm:constr type="l" for="ch" forName="parTx4" refType="w" fact="0.5722"/>
                  <dgm:constr type="t" for="ch" forName="parTx4" refType="h" fact="0.2523"/>
                  <dgm:constr type="w" for="ch" forName="parTx4" refType="w" fact="0.294"/>
                  <dgm:constr type="h" for="ch" forName="parTx4" refType="h" fact="0.1222"/>
                  <dgm:constr type="ctrX" for="ch" forName="picture4" refType="w" fact="0.5588"/>
                  <dgm:constr type="ctrY" for="ch" forName="picture4" refType="h" fact="0.235"/>
                  <dgm:constr type="w" for="ch" forName="picture4" refType="w" fact="0.1363"/>
                  <dgm:constr type="h" for="ch" forName="picture4" refType="h" fact="0.2113"/>
                  <dgm:constr type="l" for="ch" forName="desTx4" refType="r" refFor="ch" refForName="parTx4"/>
                  <dgm:constr type="r" for="ch" forName="desTx4" refType="w"/>
                  <dgm:constr type="t" for="ch" forName="desTx4" refType="t" refFor="ch" refForName="parTx4"/>
                  <dgm:constr type="h" for="ch" forName="desTx4" refType="h" refFor="ch" refForName="parTx4"/>
                </dgm:constrLst>
              </dgm:if>
              <dgm:else name="Name37">
                <dgm:alg type="composite">
                  <dgm:param type="ar" val="1.2675"/>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userD" refType="w" fact="0.0167"/>
                  <dgm:constr type="ctrX" for="ch" forName="dot1" refType="w" fact="0.3978"/>
                  <dgm:constr type="ctrY" for="ch" forName="dot1" refType="h" fact="0.8215"/>
                  <dgm:constr type="w" for="ch" forName="dot1" refType="userD"/>
                  <dgm:constr type="h" for="ch" forName="dot1" refType="userD"/>
                  <dgm:constr type="ctrX" for="ch" forName="dot2" refType="w" fact="0.3606"/>
                  <dgm:constr type="ctrY" for="ch" forName="dot2" refType="h" fact="0.843"/>
                  <dgm:constr type="w" for="ch" forName="dot2" refType="userD"/>
                  <dgm:constr type="h" for="ch" forName="dot2" refType="userD"/>
                  <dgm:constr type="ctrX" for="ch" forName="dot3" refType="w" fact="0.3223"/>
                  <dgm:constr type="ctrY" for="ch" forName="dot3" refType="h" fact="0.8607"/>
                  <dgm:constr type="w" for="ch" forName="dot3" refType="userD"/>
                  <dgm:constr type="h" for="ch" forName="dot3" refType="userD"/>
                  <dgm:constr type="ctrX" for="ch" forName="dot4" refType="w" fact="0.2829"/>
                  <dgm:constr type="ctrY" for="ch" forName="dot4" refType="h" fact="0.8745"/>
                  <dgm:constr type="w" for="ch" forName="dot4" refType="userD"/>
                  <dgm:constr type="h" for="ch" forName="dot4" refType="userD"/>
                  <dgm:constr type="ctrX" for="ch" forName="dot5" refType="w" fact="0.5717"/>
                  <dgm:constr type="ctrY" for="ch" forName="dot5" refType="h" fact="0.6419"/>
                  <dgm:constr type="w" for="ch" forName="dot5" refType="userD"/>
                  <dgm:constr type="h" for="ch" forName="dot5" refType="userD"/>
                  <dgm:constr type="ctrX" for="ch" forName="dot6" refType="w" fact="0.6709"/>
                  <dgm:constr type="ctrY" for="ch" forName="dot6" refType="h" fact="0.3784"/>
                  <dgm:constr type="w" for="ch" forName="dot6" refType="userD"/>
                  <dgm:constr type="h" for="ch" forName="dot6" refType="userD"/>
                  <dgm:constr type="ctrX" for="ch" forName="dotArrow1" refType="w" fact="0.6441"/>
                  <dgm:constr type="ctrY" for="ch" forName="dotArrow1" refType="h" fact="0.0496"/>
                  <dgm:constr type="w" for="ch" forName="dotArrow1" refType="userD"/>
                  <dgm:constr type="h" for="ch" forName="dotArrow1" refType="userD"/>
                  <dgm:constr type="ctrX" for="ch" forName="dotArrow2" refType="w" fact="0.6679"/>
                  <dgm:constr type="ctrY" for="ch" forName="dotArrow2" refType="h" fact="0.0282"/>
                  <dgm:constr type="w" for="ch" forName="dotArrow2" refType="userD"/>
                  <dgm:constr type="h" for="ch" forName="dotArrow2" refType="userD"/>
                  <dgm:constr type="ctrX" for="ch" forName="dotArrow3" refType="w" fact="0.6917"/>
                  <dgm:constr type="ctrY" for="ch" forName="dotArrow3" refType="h" fact="0.0068"/>
                  <dgm:constr type="w" for="ch" forName="dotArrow3" refType="userD"/>
                  <dgm:constr type="h" for="ch" forName="dotArrow3" refType="userD"/>
                  <dgm:constr type="ctrX" for="ch" forName="dotArrow4" refType="w" fact="0.7155"/>
                  <dgm:constr type="ctrY" for="ch" forName="dotArrow4" refType="h" fact="0.0282"/>
                  <dgm:constr type="w" for="ch" forName="dotArrow4" refType="userD"/>
                  <dgm:constr type="h" for="ch" forName="dotArrow4" refType="userD"/>
                  <dgm:constr type="ctrX" for="ch" forName="dotArrow5" refType="w" fact="0.7394"/>
                  <dgm:constr type="ctrY" for="ch" forName="dotArrow5" refType="h" fact="0.0496"/>
                  <dgm:constr type="w" for="ch" forName="dotArrow5" refType="userD"/>
                  <dgm:constr type="h" for="ch" forName="dotArrow5" refType="userD"/>
                  <dgm:constr type="ctrX" for="ch" forName="dotArrow6" refType="w" fact="0.6917"/>
                  <dgm:constr type="ctrY" for="ch" forName="dotArrow6" refType="h" fact="0.052"/>
                  <dgm:constr type="w" for="ch" forName="dotArrow6" refType="userD"/>
                  <dgm:constr type="h" for="ch" forName="dotArrow6" refType="userD"/>
                  <dgm:constr type="ctrX" for="ch" forName="dotArrow7" refType="w" fact="0.6917"/>
                  <dgm:constr type="ctrY" for="ch" forName="dotArrow7" refType="h" fact="0.0972"/>
                  <dgm:constr type="w" for="ch" forName="dotArrow7" refType="userD"/>
                  <dgm:constr type="h" for="ch" forName="dotArrow7" refType="userD"/>
                  <dgm:constr type="l" for="ch" forName="parTx1" refType="w" fact="0.1793"/>
                  <dgm:constr type="t" for="ch" forName="parTx1" refType="h" fact="0.9064"/>
                  <dgm:constr type="w" for="ch" forName="parTx1" refType="w" fact="0.3595"/>
                  <dgm:constr type="h" for="ch" forName="parTx1" refType="h" fact="0.1222"/>
                  <dgm:constr type="ctrX" for="ch" forName="picture1" refType="w" fact="0.163"/>
                  <dgm:constr type="ctrY" for="ch" forName="picture1" refType="h" fact="0.8922"/>
                  <dgm:constr type="w" for="ch" forName="picture1" refType="w" fact="0.1667"/>
                  <dgm:constr type="h" for="ch" forName="picture1" refType="h" fact="0.2113"/>
                  <dgm:constr type="l" for="ch" forName="parTx2" refType="w" fact="0.502"/>
                  <dgm:constr type="t" for="ch" forName="parTx2" refType="h" fact="0.7589"/>
                  <dgm:constr type="w" for="ch" forName="parTx2" refType="w" fact="0.3595"/>
                  <dgm:constr type="h" for="ch" forName="parTx2" refType="h" fact="0.1222"/>
                  <dgm:constr type="ctrX" for="ch" forName="picture2" refType="w" fact="0.4857"/>
                  <dgm:constr type="ctrY" for="ch" forName="picture2" refType="h" fact="0.7447"/>
                  <dgm:constr type="w" for="ch" forName="picture2" refType="w" fact="0.1667"/>
                  <dgm:constr type="h" for="ch" forName="picture2" refType="h" fact="0.2113"/>
                  <dgm:constr type="l" for="ch" forName="parTx3" refType="w" fact="0.6394"/>
                  <dgm:constr type="t" for="ch" forName="parTx3" refType="h" fact="0.5263"/>
                  <dgm:constr type="w" for="ch" forName="parTx3" refType="w" fact="0.3595"/>
                  <dgm:constr type="h" for="ch" forName="parTx3" refType="h" fact="0.1222"/>
                  <dgm:constr type="ctrX" for="ch" forName="picture3" refType="w" fact="0.6231"/>
                  <dgm:constr type="ctrY" for="ch" forName="picture3" refType="h" fact="0.5121"/>
                  <dgm:constr type="w" for="ch" forName="picture3" refType="w" fact="0.1667"/>
                  <dgm:constr type="h" for="ch" forName="picture3" refType="h" fact="0.2113"/>
                  <dgm:constr type="l" for="ch" forName="parTx4" refType="w" fact="0.6997"/>
                  <dgm:constr type="t" for="ch" forName="parTx4" refType="h" fact="0.2492"/>
                  <dgm:constr type="w" for="ch" forName="parTx4" refType="w" fact="0.3595"/>
                  <dgm:constr type="h" for="ch" forName="parTx4" refType="h" fact="0.1222"/>
                  <dgm:constr type="ctrX" for="ch" forName="picture4" refType="w" fact="0.6834"/>
                  <dgm:constr type="ctrY" for="ch" forName="picture4" refType="h" fact="0.235"/>
                  <dgm:constr type="w" for="ch" forName="picture4" refType="w" fact="0.1667"/>
                  <dgm:constr type="h" for="ch" forName="picture4" refType="h" fact="0.2113"/>
                </dgm:constrLst>
              </dgm:else>
            </dgm:choose>
          </dgm:if>
          <dgm:else name="Name38">
            <dgm:choose name="Name39">
              <dgm:if name="Name40" axis="des" func="maxDepth" op="gt" val="1">
                <dgm:alg type="composite">
                  <dgm:param type="ar" val="1.55"/>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desTx1" op="equ" val="65"/>
                  <dgm:constr type="primFontSz" for="ch" forName="desTx2" refType="primFontSz" refFor="ch" refForName="desTx1" op="equ"/>
                  <dgm:constr type="primFontSz" for="ch" forName="desTx3" refType="primFontSz" refFor="ch" refForName="desTx1" op="equ"/>
                  <dgm:constr type="primFontSz" for="ch" forName="desTx4" refType="primFontSz" refFor="ch" refForName="desTx1" op="equ"/>
                  <dgm:constr type="userD" refType="w" fact="0.0136"/>
                  <dgm:constr type="ctrX" for="ch" forName="dot1" refType="w" fact="0.6747"/>
                  <dgm:constr type="ctrY" for="ch" forName="dot1" refType="h" fact="0.8215"/>
                  <dgm:constr type="w" for="ch" forName="dot1" refType="userD"/>
                  <dgm:constr type="h" for="ch" forName="dot1" refType="userD"/>
                  <dgm:constr type="ctrX" for="ch" forName="dot2" refType="w" fact="0.7051"/>
                  <dgm:constr type="ctrY" for="ch" forName="dot2" refType="h" fact="0.843"/>
                  <dgm:constr type="w" for="ch" forName="dot2" refType="userD"/>
                  <dgm:constr type="h" for="ch" forName="dot2" refType="userD"/>
                  <dgm:constr type="ctrX" for="ch" forName="dot3" refType="w" fact="0.7365"/>
                  <dgm:constr type="ctrY" for="ch" forName="dot3" refType="h" fact="0.8607"/>
                  <dgm:constr type="w" for="ch" forName="dot3" refType="userD"/>
                  <dgm:constr type="h" for="ch" forName="dot3" refType="userD"/>
                  <dgm:constr type="ctrX" for="ch" forName="dot4" refType="w" fact="0.7687"/>
                  <dgm:constr type="ctrY" for="ch" forName="dot4" refType="h" fact="0.8745"/>
                  <dgm:constr type="w" for="ch" forName="dot4" refType="userD"/>
                  <dgm:constr type="h" for="ch" forName="dot4" refType="userD"/>
                  <dgm:constr type="ctrX" for="ch" forName="dot5" refType="w" fact="0.5325"/>
                  <dgm:constr type="ctrY" for="ch" forName="dot5" refType="h" fact="0.6419"/>
                  <dgm:constr type="w" for="ch" forName="dot5" refType="userD"/>
                  <dgm:constr type="h" for="ch" forName="dot5" refType="userD"/>
                  <dgm:constr type="ctrX" for="ch" forName="dot6" refType="w" fact="0.4514"/>
                  <dgm:constr type="ctrY" for="ch" forName="dot6" refType="h" fact="0.3784"/>
                  <dgm:constr type="w" for="ch" forName="dot6" refType="userD"/>
                  <dgm:constr type="h" for="ch" forName="dot6" refType="userD"/>
                  <dgm:constr type="ctrX" for="ch" forName="dotArrow1" refType="w" fact="0.4733"/>
                  <dgm:constr type="ctrY" for="ch" forName="dotArrow1" refType="h" fact="0.0496"/>
                  <dgm:constr type="w" for="ch" forName="dotArrow1" refType="userD"/>
                  <dgm:constr type="h" for="ch" forName="dotArrow1" refType="userD"/>
                  <dgm:constr type="ctrX" for="ch" forName="dotArrow2" refType="w" fact="0.4538"/>
                  <dgm:constr type="ctrY" for="ch" forName="dotArrow2" refType="h" fact="0.0282"/>
                  <dgm:constr type="w" for="ch" forName="dotArrow2" refType="userD"/>
                  <dgm:constr type="h" for="ch" forName="dotArrow2" refType="userD"/>
                  <dgm:constr type="ctrX" for="ch" forName="dotArrow3" refType="w" fact="0.4343"/>
                  <dgm:constr type="ctrY" for="ch" forName="dotArrow3" refType="h" fact="0.0068"/>
                  <dgm:constr type="w" for="ch" forName="dotArrow3" refType="userD"/>
                  <dgm:constr type="h" for="ch" forName="dotArrow3" refType="userD"/>
                  <dgm:constr type="ctrX" for="ch" forName="dotArrow4" refType="w" fact="0.4149"/>
                  <dgm:constr type="ctrY" for="ch" forName="dotArrow4" refType="h" fact="0.0282"/>
                  <dgm:constr type="w" for="ch" forName="dotArrow4" refType="userD"/>
                  <dgm:constr type="h" for="ch" forName="dotArrow4" refType="userD"/>
                  <dgm:constr type="ctrX" for="ch" forName="dotArrow5" refType="w" fact="0.3954"/>
                  <dgm:constr type="ctrY" for="ch" forName="dotArrow5" refType="h" fact="0.0496"/>
                  <dgm:constr type="w" for="ch" forName="dotArrow5" refType="userD"/>
                  <dgm:constr type="h" for="ch" forName="dotArrow5" refType="userD"/>
                  <dgm:constr type="ctrX" for="ch" forName="dotArrow6" refType="w" fact="0.4343"/>
                  <dgm:constr type="ctrY" for="ch" forName="dotArrow6" refType="h" fact="0.052"/>
                  <dgm:constr type="w" for="ch" forName="dotArrow6" refType="userD"/>
                  <dgm:constr type="h" for="ch" forName="dotArrow6" refType="userD"/>
                  <dgm:constr type="ctrX" for="ch" forName="dotArrow7" refType="w" fact="0.4343"/>
                  <dgm:constr type="ctrY" for="ch" forName="dotArrow7" refType="h" fact="0.0972"/>
                  <dgm:constr type="w" for="ch" forName="dotArrow7" refType="userD"/>
                  <dgm:constr type="h" for="ch" forName="dotArrow7" refType="userD"/>
                  <dgm:constr type="r" for="ch" forName="parTx1" refType="w" fact="0.8534"/>
                  <dgm:constr type="t" for="ch" forName="parTx1" refType="h" fact="0.9095"/>
                  <dgm:constr type="w" for="ch" forName="parTx1" refType="w" fact="0.294"/>
                  <dgm:constr type="h" for="ch" forName="parTx1" refType="h" fact="0.1222"/>
                  <dgm:constr type="ctrX" for="ch" forName="picture1" refType="w" fact="0.8667"/>
                  <dgm:constr type="ctrY" for="ch" forName="picture1" refType="h" fact="0.8922"/>
                  <dgm:constr type="w" for="ch" forName="picture1" refType="w" fact="0.1363"/>
                  <dgm:constr type="h" for="ch" forName="picture1" refType="h" fact="0.2113"/>
                  <dgm:constr type="r" for="ch" forName="desTx1" refType="l" refFor="ch" refForName="parTx1"/>
                  <dgm:constr type="l" for="ch" forName="desTx1"/>
                  <dgm:constr type="t" for="ch" forName="desTx1" refType="t" refFor="ch" refForName="parTx1"/>
                  <dgm:constr type="h" for="ch" forName="desTx1" refType="h" refFor="ch" refForName="parTx1"/>
                  <dgm:constr type="r" for="ch" forName="parTx2" refType="w" fact="0.5895"/>
                  <dgm:constr type="t" for="ch" forName="parTx2" refType="h" fact="0.762"/>
                  <dgm:constr type="w" for="ch" forName="parTx2" refType="w" fact="0.294"/>
                  <dgm:constr type="h" for="ch" forName="parTx2" refType="h" fact="0.1222"/>
                  <dgm:constr type="ctrX" for="ch" forName="picture2" refType="w" fact="0.6028"/>
                  <dgm:constr type="ctrY" for="ch" forName="picture2" refType="h" fact="0.7447"/>
                  <dgm:constr type="w" for="ch" forName="picture2" refType="w" fact="0.1363"/>
                  <dgm:constr type="h" for="ch" forName="picture2" refType="h" fact="0.2113"/>
                  <dgm:constr type="r" for="ch" forName="desTx2" refType="l" refFor="ch" refForName="parTx2"/>
                  <dgm:constr type="l" for="ch" forName="desTx2"/>
                  <dgm:constr type="t" for="ch" forName="desTx2" refType="t" refFor="ch" refForName="parTx2"/>
                  <dgm:constr type="h" for="ch" forName="desTx2" refType="h" refFor="ch" refForName="parTx2"/>
                  <dgm:constr type="r" for="ch" forName="parTx3" refType="w" fact="0.4771"/>
                  <dgm:constr type="t" for="ch" forName="parTx3" refType="h" fact="0.5294"/>
                  <dgm:constr type="w" for="ch" forName="parTx3" refType="w" fact="0.294"/>
                  <dgm:constr type="h" for="ch" forName="parTx3" refType="h" fact="0.1222"/>
                  <dgm:constr type="ctrX" for="ch" forName="picture3" refType="w" fact="0.4905"/>
                  <dgm:constr type="ctrY" for="ch" forName="picture3" refType="h" fact="0.5121"/>
                  <dgm:constr type="w" for="ch" forName="picture3" refType="w" fact="0.1363"/>
                  <dgm:constr type="h" for="ch" forName="picture3" refType="h" fact="0.2113"/>
                  <dgm:constr type="r" for="ch" forName="desTx3" refType="l" refFor="ch" refForName="parTx3"/>
                  <dgm:constr type="l" for="ch" forName="desTx3"/>
                  <dgm:constr type="t" for="ch" forName="desTx3" refType="t" refFor="ch" refForName="parTx3"/>
                  <dgm:constr type="h" for="ch" forName="desTx3" refType="h" refFor="ch" refForName="parTx3"/>
                  <dgm:constr type="r" for="ch" forName="parTx4" refType="w" fact="0.4278"/>
                  <dgm:constr type="t" for="ch" forName="parTx4" refType="h" fact="0.2523"/>
                  <dgm:constr type="w" for="ch" forName="parTx4" refType="w" fact="0.294"/>
                  <dgm:constr type="h" for="ch" forName="parTx4" refType="h" fact="0.1222"/>
                  <dgm:constr type="ctrX" for="ch" forName="picture4" refType="w" fact="0.4412"/>
                  <dgm:constr type="ctrY" for="ch" forName="picture4" refType="h" fact="0.235"/>
                  <dgm:constr type="w" for="ch" forName="picture4" refType="w" fact="0.1363"/>
                  <dgm:constr type="h" for="ch" forName="picture4" refType="h" fact="0.2113"/>
                  <dgm:constr type="r" for="ch" forName="desTx4" refType="l" refFor="ch" refForName="parTx4"/>
                  <dgm:constr type="l" for="ch" forName="desTx4"/>
                  <dgm:constr type="t" for="ch" forName="desTx4" refType="t" refFor="ch" refForName="parTx4"/>
                  <dgm:constr type="h" for="ch" forName="desTx4" refType="h" refFor="ch" refForName="parTx4"/>
                </dgm:constrLst>
              </dgm:if>
              <dgm:else name="Name41">
                <dgm:alg type="composite">
                  <dgm:param type="ar" val="1.2675"/>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userD" refType="w" fact="0.0167"/>
                  <dgm:constr type="ctrX" for="ch" forName="dot1" refType="w" fact="0.6022"/>
                  <dgm:constr type="ctrY" for="ch" forName="dot1" refType="h" fact="0.8215"/>
                  <dgm:constr type="w" for="ch" forName="dot1" refType="userD"/>
                  <dgm:constr type="h" for="ch" forName="dot1" refType="userD"/>
                  <dgm:constr type="ctrX" for="ch" forName="dot2" refType="w" fact="0.6394"/>
                  <dgm:constr type="ctrY" for="ch" forName="dot2" refType="h" fact="0.843"/>
                  <dgm:constr type="w" for="ch" forName="dot2" refType="userD"/>
                  <dgm:constr type="h" for="ch" forName="dot2" refType="userD"/>
                  <dgm:constr type="ctrX" for="ch" forName="dot3" refType="w" fact="0.6777"/>
                  <dgm:constr type="ctrY" for="ch" forName="dot3" refType="h" fact="0.8607"/>
                  <dgm:constr type="w" for="ch" forName="dot3" refType="userD"/>
                  <dgm:constr type="h" for="ch" forName="dot3" refType="userD"/>
                  <dgm:constr type="ctrX" for="ch" forName="dot4" refType="w" fact="0.7171"/>
                  <dgm:constr type="ctrY" for="ch" forName="dot4" refType="h" fact="0.8745"/>
                  <dgm:constr type="w" for="ch" forName="dot4" refType="userD"/>
                  <dgm:constr type="h" for="ch" forName="dot4" refType="userD"/>
                  <dgm:constr type="ctrX" for="ch" forName="dot5" refType="w" fact="0.4283"/>
                  <dgm:constr type="ctrY" for="ch" forName="dot5" refType="h" fact="0.6419"/>
                  <dgm:constr type="w" for="ch" forName="dot5" refType="userD"/>
                  <dgm:constr type="h" for="ch" forName="dot5" refType="userD"/>
                  <dgm:constr type="ctrX" for="ch" forName="dot6" refType="w" fact="0.3291"/>
                  <dgm:constr type="ctrY" for="ch" forName="dot6" refType="h" fact="0.3784"/>
                  <dgm:constr type="w" for="ch" forName="dot6" refType="userD"/>
                  <dgm:constr type="h" for="ch" forName="dot6" refType="userD"/>
                  <dgm:constr type="ctrX" for="ch" forName="dotArrow1" refType="w" fact="0.3559"/>
                  <dgm:constr type="ctrY" for="ch" forName="dotArrow1" refType="h" fact="0.0496"/>
                  <dgm:constr type="w" for="ch" forName="dotArrow1" refType="userD"/>
                  <dgm:constr type="h" for="ch" forName="dotArrow1" refType="userD"/>
                  <dgm:constr type="ctrX" for="ch" forName="dotArrow2" refType="w" fact="0.3321"/>
                  <dgm:constr type="ctrY" for="ch" forName="dotArrow2" refType="h" fact="0.0282"/>
                  <dgm:constr type="w" for="ch" forName="dotArrow2" refType="userD"/>
                  <dgm:constr type="h" for="ch" forName="dotArrow2" refType="userD"/>
                  <dgm:constr type="ctrX" for="ch" forName="dotArrow3" refType="w" fact="0.3083"/>
                  <dgm:constr type="ctrY" for="ch" forName="dotArrow3" refType="h" fact="0.0068"/>
                  <dgm:constr type="w" for="ch" forName="dotArrow3" refType="userD"/>
                  <dgm:constr type="h" for="ch" forName="dotArrow3" refType="userD"/>
                  <dgm:constr type="ctrX" for="ch" forName="dotArrow4" refType="w" fact="0.2845"/>
                  <dgm:constr type="ctrY" for="ch" forName="dotArrow4" refType="h" fact="0.0282"/>
                  <dgm:constr type="w" for="ch" forName="dotArrow4" refType="userD"/>
                  <dgm:constr type="h" for="ch" forName="dotArrow4" refType="userD"/>
                  <dgm:constr type="ctrX" for="ch" forName="dotArrow5" refType="w" fact="0.2606"/>
                  <dgm:constr type="ctrY" for="ch" forName="dotArrow5" refType="h" fact="0.0496"/>
                  <dgm:constr type="w" for="ch" forName="dotArrow5" refType="userD"/>
                  <dgm:constr type="h" for="ch" forName="dotArrow5" refType="userD"/>
                  <dgm:constr type="ctrX" for="ch" forName="dotArrow6" refType="w" fact="0.3083"/>
                  <dgm:constr type="ctrY" for="ch" forName="dotArrow6" refType="h" fact="0.052"/>
                  <dgm:constr type="w" for="ch" forName="dotArrow6" refType="userD"/>
                  <dgm:constr type="h" for="ch" forName="dotArrow6" refType="userD"/>
                  <dgm:constr type="ctrX" for="ch" forName="dotArrow7" refType="w" fact="0.3083"/>
                  <dgm:constr type="ctrY" for="ch" forName="dotArrow7" refType="h" fact="0.0972"/>
                  <dgm:constr type="w" for="ch" forName="dotArrow7" refType="userD"/>
                  <dgm:constr type="h" for="ch" forName="dotArrow7" refType="userD"/>
                  <dgm:constr type="r" for="ch" forName="parTx1" refType="w" fact="0.8207"/>
                  <dgm:constr type="t" for="ch" forName="parTx1" refType="h" fact="0.9064"/>
                  <dgm:constr type="w" for="ch" forName="parTx1" refType="w" fact="0.3595"/>
                  <dgm:constr type="h" for="ch" forName="parTx1" refType="h" fact="0.1222"/>
                  <dgm:constr type="ctrX" for="ch" forName="picture1" refType="w" fact="0.837"/>
                  <dgm:constr type="ctrY" for="ch" forName="picture1" refType="h" fact="0.8922"/>
                  <dgm:constr type="w" for="ch" forName="picture1" refType="w" fact="0.1667"/>
                  <dgm:constr type="h" for="ch" forName="picture1" refType="h" fact="0.2113"/>
                  <dgm:constr type="r" for="ch" forName="parTx2" refType="w" fact="0.498"/>
                  <dgm:constr type="t" for="ch" forName="parTx2" refType="h" fact="0.7589"/>
                  <dgm:constr type="w" for="ch" forName="parTx2" refType="w" fact="0.3595"/>
                  <dgm:constr type="h" for="ch" forName="parTx2" refType="h" fact="0.1222"/>
                  <dgm:constr type="ctrX" for="ch" forName="picture2" refType="w" fact="0.5143"/>
                  <dgm:constr type="ctrY" for="ch" forName="picture2" refType="h" fact="0.7447"/>
                  <dgm:constr type="w" for="ch" forName="picture2" refType="w" fact="0.1667"/>
                  <dgm:constr type="h" for="ch" forName="picture2" refType="h" fact="0.2113"/>
                  <dgm:constr type="r" for="ch" forName="parTx3" refType="w" fact="0.3606"/>
                  <dgm:constr type="t" for="ch" forName="parTx3" refType="h" fact="0.5263"/>
                  <dgm:constr type="w" for="ch" forName="parTx3" refType="w" fact="0.3595"/>
                  <dgm:constr type="h" for="ch" forName="parTx3" refType="h" fact="0.1222"/>
                  <dgm:constr type="ctrX" for="ch" forName="picture3" refType="w" fact="0.3769"/>
                  <dgm:constr type="ctrY" for="ch" forName="picture3" refType="h" fact="0.5121"/>
                  <dgm:constr type="w" for="ch" forName="picture3" refType="w" fact="0.1667"/>
                  <dgm:constr type="h" for="ch" forName="picture3" refType="h" fact="0.2113"/>
                  <dgm:constr type="r" for="ch" forName="parTx4" refType="w" fact="0.3003"/>
                  <dgm:constr type="t" for="ch" forName="parTx4" refType="h" fact="0.2492"/>
                  <dgm:constr type="w" for="ch" forName="parTx4" refType="w" fact="0.3595"/>
                  <dgm:constr type="h" for="ch" forName="parTx4" refType="h" fact="0.1222"/>
                  <dgm:constr type="ctrX" for="ch" forName="picture4" refType="w" fact="0.3166"/>
                  <dgm:constr type="ctrY" for="ch" forName="picture4" refType="h" fact="0.235"/>
                  <dgm:constr type="w" for="ch" forName="picture4" refType="w" fact="0.1667"/>
                  <dgm:constr type="h" for="ch" forName="picture4" refType="h" fact="0.2113"/>
                </dgm:constrLst>
              </dgm:else>
            </dgm:choose>
          </dgm:else>
        </dgm:choose>
      </dgm:if>
      <dgm:if name="Name42" axis="ch" ptType="node" func="cnt" op="equ" val="5">
        <dgm:choose name="Name43">
          <dgm:if name="Name44" func="var" arg="dir" op="equ" val="norm">
            <dgm:choose name="Name45">
              <dgm:if name="Name46" axis="des" func="maxDepth" op="gt" val="1">
                <dgm:alg type="composite">
                  <dgm:param type="ar" val="1.41"/>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primFontSz" for="ch" forName="desTx1" op="equ" val="65"/>
                  <dgm:constr type="primFontSz" for="ch" forName="desTx2" refType="primFontSz" refFor="ch" refForName="desTx1" op="equ"/>
                  <dgm:constr type="primFontSz" for="ch" forName="desTx3" refType="primFontSz" refFor="ch" refForName="desTx1" op="equ"/>
                  <dgm:constr type="primFontSz" for="ch" forName="desTx4" refType="primFontSz" refFor="ch" refForName="desTx1" op="equ"/>
                  <dgm:constr type="primFontSz" for="ch" forName="desTx5" refType="primFontSz" refFor="ch" refForName="desTx1" op="equ"/>
                  <dgm:constr type="userD" refType="w" fact="0.0118"/>
                  <dgm:constr type="ctrX" for="ch" forName="dot1" refType="w" fact="0.3263"/>
                  <dgm:constr type="ctrY" for="ch" forName="dot1" refType="h" fact="0.8674"/>
                  <dgm:constr type="w" for="ch" forName="dot1" refType="userD"/>
                  <dgm:constr type="h" for="ch" forName="dot1" refType="userD"/>
                  <dgm:constr type="ctrX" for="ch" forName="dot2" refType="w" fact="0.3001"/>
                  <dgm:constr type="ctrY" for="ch" forName="dot2" refType="h" fact="0.8824"/>
                  <dgm:constr type="w" for="ch" forName="dot2" refType="userD"/>
                  <dgm:constr type="h" for="ch" forName="dot2" refType="userD"/>
                  <dgm:constr type="ctrX" for="ch" forName="dot3" refType="w" fact="0.2733"/>
                  <dgm:constr type="ctrY" for="ch" forName="dot3" refType="h" fact="0.8948"/>
                  <dgm:constr type="w" for="ch" forName="dot3" refType="userD"/>
                  <dgm:constr type="h" for="ch" forName="dot3" refType="userD"/>
                  <dgm:constr type="ctrX" for="ch" forName="dot4" refType="w" fact="0.2462"/>
                  <dgm:constr type="ctrY" for="ch" forName="dot4" refType="h" fact="0.9044"/>
                  <dgm:constr type="w" for="ch" forName="dot4" refType="userD"/>
                  <dgm:constr type="h" for="ch" forName="dot4" refType="userD"/>
                  <dgm:constr type="ctrX" for="ch" forName="dot5" refType="w" fact="0.4691"/>
                  <dgm:constr type="ctrY" for="ch" forName="dot5" refType="h" fact="0.7222"/>
                  <dgm:constr type="w" for="ch" forName="dot5" refType="userD"/>
                  <dgm:constr type="h" for="ch" forName="dot5" refType="userD"/>
                  <dgm:constr type="ctrX" for="ch" forName="dot6" refType="w" fact="0.4484"/>
                  <dgm:constr type="ctrY" for="ch" forName="dot6" refType="h" fact="0.7518"/>
                  <dgm:constr type="w" for="ch" forName="dot6" refType="userD"/>
                  <dgm:constr type="h" for="ch" forName="dot6" refType="userD"/>
                  <dgm:constr type="ctrX" for="ch" forName="dot7" refType="w" fact="0.5549"/>
                  <dgm:constr type="ctrY" for="ch" forName="dot7" refType="h" fact="0.5422"/>
                  <dgm:constr type="w" for="ch" forName="dot7" refType="userD"/>
                  <dgm:constr type="h" for="ch" forName="dot7" refType="userD"/>
                  <dgm:constr type="ctrX" for="ch" forName="dot8" refType="w" fact="0.601"/>
                  <dgm:constr type="ctrY" for="ch" forName="dot8" refType="h" fact="0.3229"/>
                  <dgm:constr type="w" for="ch" forName="dot8" refType="userD"/>
                  <dgm:constr type="h" for="ch" forName="dot8" refType="userD"/>
                  <dgm:constr type="ctrX" for="ch" forName="dotArrow1" refType="w" fact="0.5779"/>
                  <dgm:constr type="ctrY" for="ch" forName="dotArrow1" refType="h" fact="0.0635"/>
                  <dgm:constr type="w" for="ch" forName="dotArrow1" refType="userD"/>
                  <dgm:constr type="h" for="ch" forName="dotArrow1" refType="userD"/>
                  <dgm:constr type="ctrX" for="ch" forName="dotArrow2" refType="w" fact="0.5951"/>
                  <dgm:constr type="ctrY" for="ch" forName="dotArrow2" refType="h" fact="0.0448"/>
                  <dgm:constr type="w" for="ch" forName="dotArrow2" refType="userD"/>
                  <dgm:constr type="h" for="ch" forName="dotArrow2" refType="userD"/>
                  <dgm:constr type="ctrX" for="ch" forName="dotArrow3" refType="w" fact="0.6123"/>
                  <dgm:constr type="ctrY" for="ch" forName="dotArrow3" refType="h" fact="0.026"/>
                  <dgm:constr type="w" for="ch" forName="dotArrow3" refType="userD"/>
                  <dgm:constr type="h" for="ch" forName="dotArrow3" refType="userD"/>
                  <dgm:constr type="ctrX" for="ch" forName="dotArrow4" refType="w" fact="0.6295"/>
                  <dgm:constr type="ctrY" for="ch" forName="dotArrow4" refType="h" fact="0.0448"/>
                  <dgm:constr type="w" for="ch" forName="dotArrow4" refType="userD"/>
                  <dgm:constr type="h" for="ch" forName="dotArrow4" refType="userD"/>
                  <dgm:constr type="ctrX" for="ch" forName="dotArrow5" refType="w" fact="0.6467"/>
                  <dgm:constr type="ctrY" for="ch" forName="dotArrow5" refType="h" fact="0.0635"/>
                  <dgm:constr type="w" for="ch" forName="dotArrow5" refType="userD"/>
                  <dgm:constr type="h" for="ch" forName="dotArrow5" refType="userD"/>
                  <dgm:constr type="ctrX" for="ch" forName="dotArrow6" refType="w" fact="0.6123"/>
                  <dgm:constr type="ctrY" for="ch" forName="dotArrow6" refType="h" fact="0.0656"/>
                  <dgm:constr type="w" for="ch" forName="dotArrow6" refType="userD"/>
                  <dgm:constr type="h" for="ch" forName="dotArrow6" refType="userD"/>
                  <dgm:constr type="ctrX" for="ch" forName="dotArrow7" refType="w" fact="0.6123"/>
                  <dgm:constr type="ctrY" for="ch" forName="dotArrow7" refType="h" fact="0.1052"/>
                  <dgm:constr type="w" for="ch" forName="dotArrow7" refType="userD"/>
                  <dgm:constr type="h" for="ch" forName="dotArrow7" refType="userD"/>
                  <dgm:constr type="l" for="ch" forName="parTx1" refType="w" fact="0.1746"/>
                  <dgm:constr type="t" for="ch" forName="parTx1" refType="h" fact="0.9304"/>
                  <dgm:constr type="w" for="ch" forName="parTx1" refType="w" fact="0.2544"/>
                  <dgm:constr type="h" for="ch" forName="parTx1" refType="h" fact="0.0962"/>
                  <dgm:constr type="ctrX" for="ch" forName="picture1" refType="w" fact="0.1631"/>
                  <dgm:constr type="ctrY" for="ch" forName="picture1" refType="h" fact="0.9169"/>
                  <dgm:constr type="w" for="ch" forName="picture1" refType="w" fact="0.118"/>
                  <dgm:constr type="h" for="ch" forName="picture1" refType="h" fact="0.1663"/>
                  <dgm:constr type="l" for="ch" forName="desTx1" refType="r" refFor="ch" refForName="parTx1"/>
                  <dgm:constr type="r" for="ch" forName="desTx1" refType="w"/>
                  <dgm:constr type="t" for="ch" forName="desTx1" refType="t" refFor="ch" refForName="parTx1"/>
                  <dgm:constr type="h" for="ch" forName="desTx1" refType="h" refFor="ch" refForName="parTx1"/>
                  <dgm:constr type="l" for="ch" forName="parTx2" refType="w" fact="0.3982"/>
                  <dgm:constr type="t" for="ch" forName="parTx2" refType="h" fact="0.8167"/>
                  <dgm:constr type="w" for="ch" forName="parTx2" refType="w" fact="0.2544"/>
                  <dgm:constr type="h" for="ch" forName="parTx2" refType="h" fact="0.0962"/>
                  <dgm:constr type="ctrX" for="ch" forName="picture2" refType="w" fact="0.3866"/>
                  <dgm:constr type="ctrY" for="ch" forName="picture2" refType="h" fact="0.8032"/>
                  <dgm:constr type="w" for="ch" forName="picture2" refType="w" fact="0.118"/>
                  <dgm:constr type="h" for="ch" forName="picture2" refType="h" fact="0.1663"/>
                  <dgm:constr type="l" for="ch" forName="desTx2" refType="r" refFor="ch" refForName="parTx2"/>
                  <dgm:constr type="r" for="ch" forName="desTx2" refType="w"/>
                  <dgm:constr type="t" for="ch" forName="desTx2" refType="t" refFor="ch" refForName="parTx2"/>
                  <dgm:constr type="h" for="ch" forName="desTx2" refType="h" refFor="ch" refForName="parTx2"/>
                  <dgm:constr type="l" for="ch" forName="parTx3" refType="w" fact="0.5194"/>
                  <dgm:constr type="t" for="ch" forName="parTx3" refType="h" fact="0.6524"/>
                  <dgm:constr type="w" for="ch" forName="parTx3" refType="w" fact="0.2544"/>
                  <dgm:constr type="h" for="ch" forName="parTx3" refType="h" fact="0.0962"/>
                  <dgm:constr type="ctrX" for="ch" forName="picture3" refType="w" fact="0.5078"/>
                  <dgm:constr type="ctrY" for="ch" forName="picture3" refType="h" fact="0.6389"/>
                  <dgm:constr type="w" for="ch" forName="picture3" refType="w" fact="0.118"/>
                  <dgm:constr type="h" for="ch" forName="picture3" refType="h" fact="0.1663"/>
                  <dgm:constr type="l" for="ch" forName="desTx3" refType="r" refFor="ch" refForName="parTx3"/>
                  <dgm:constr type="r" for="ch" forName="desTx3" refType="w"/>
                  <dgm:constr type="t" for="ch" forName="desTx3" refType="t" refFor="ch" refForName="parTx3"/>
                  <dgm:constr type="h" for="ch" forName="desTx3" refType="h" refFor="ch" refForName="parTx3"/>
                  <dgm:constr type="l" for="ch" forName="parTx4" refType="w" fact="0.5827"/>
                  <dgm:constr type="t" for="ch" forName="parTx4" refType="h" fact="0.4412"/>
                  <dgm:constr type="w" for="ch" forName="parTx4" refType="w" fact="0.2544"/>
                  <dgm:constr type="h" for="ch" forName="parTx4" refType="h" fact="0.0962"/>
                  <dgm:constr type="ctrX" for="ch" forName="picture4" refType="w" fact="0.5712"/>
                  <dgm:constr type="ctrY" for="ch" forName="picture4" refType="h" fact="0.4277"/>
                  <dgm:constr type="w" for="ch" forName="picture4" refType="w" fact="0.118"/>
                  <dgm:constr type="h" for="ch" forName="picture4" refType="h" fact="0.1663"/>
                  <dgm:constr type="l" for="ch" forName="desTx4" refType="r" refFor="ch" refForName="parTx4"/>
                  <dgm:constr type="r" for="ch" forName="desTx4" refType="w"/>
                  <dgm:constr type="t" for="ch" forName="desTx4" refType="t" refFor="ch" refForName="parTx4"/>
                  <dgm:constr type="h" for="ch" forName="desTx4" refType="h" refFor="ch" refForName="parTx4"/>
                  <dgm:constr type="l" for="ch" forName="parTx5" refType="w" fact="0.618"/>
                  <dgm:constr type="t" for="ch" forName="parTx5" refType="h" fact="0.2262"/>
                  <dgm:constr type="w" for="ch" forName="parTx5" refType="w" fact="0.2544"/>
                  <dgm:constr type="h" for="ch" forName="parTx5" refType="h" fact="0.0962"/>
                  <dgm:constr type="ctrX" for="ch" forName="picture5" refType="w" fact="0.6064"/>
                  <dgm:constr type="ctrY" for="ch" forName="picture5" refType="h" fact="0.2127"/>
                  <dgm:constr type="w" for="ch" forName="picture5" refType="w" fact="0.118"/>
                  <dgm:constr type="h" for="ch" forName="picture5" refType="h" fact="0.1663"/>
                  <dgm:constr type="l" for="ch" forName="desTx5" refType="r" refFor="ch" refForName="parTx5"/>
                  <dgm:constr type="r" for="ch" forName="desTx5" refType="w"/>
                  <dgm:constr type="t" for="ch" forName="desTx5" refType="t" refFor="ch" refForName="parTx5"/>
                  <dgm:constr type="h" for="ch" forName="desTx5" refType="h" refFor="ch" refForName="parTx5"/>
                </dgm:constrLst>
              </dgm:if>
              <dgm:else name="Name47">
                <dgm:alg type="composite">
                  <dgm:param type="ar" val="1.1643"/>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userD" refType="w" fact="0.0143"/>
                  <dgm:constr type="ctrX" for="ch" forName="dot1" refType="w" fact="0.3951"/>
                  <dgm:constr type="ctrY" for="ch" forName="dot1" refType="h" fact="0.8674"/>
                  <dgm:constr type="w" for="ch" forName="dot1" refType="userD"/>
                  <dgm:constr type="h" for="ch" forName="dot1" refType="userD"/>
                  <dgm:constr type="ctrX" for="ch" forName="dot2" refType="w" fact="0.3634"/>
                  <dgm:constr type="ctrY" for="ch" forName="dot2" refType="h" fact="0.8824"/>
                  <dgm:constr type="w" for="ch" forName="dot2" refType="userD"/>
                  <dgm:constr type="h" for="ch" forName="dot2" refType="userD"/>
                  <dgm:constr type="ctrX" for="ch" forName="dot3" refType="w" fact="0.331"/>
                  <dgm:constr type="ctrY" for="ch" forName="dot3" refType="h" fact="0.8948"/>
                  <dgm:constr type="w" for="ch" forName="dot3" refType="userD"/>
                  <dgm:constr type="h" for="ch" forName="dot3" refType="userD"/>
                  <dgm:constr type="ctrX" for="ch" forName="dot4" refType="w" fact="0.2981"/>
                  <dgm:constr type="ctrY" for="ch" forName="dot4" refType="h" fact="0.9044"/>
                  <dgm:constr type="w" for="ch" forName="dot4" refType="userD"/>
                  <dgm:constr type="h" for="ch" forName="dot4" refType="userD"/>
                  <dgm:constr type="ctrX" for="ch" forName="dot5" refType="w" fact="0.5681"/>
                  <dgm:constr type="ctrY" for="ch" forName="dot5" refType="h" fact="0.7222"/>
                  <dgm:constr type="w" for="ch" forName="dot5" refType="userD"/>
                  <dgm:constr type="h" for="ch" forName="dot5" refType="userD"/>
                  <dgm:constr type="ctrX" for="ch" forName="dot6" refType="w" fact="0.543"/>
                  <dgm:constr type="ctrY" for="ch" forName="dot6" refType="h" fact="0.7518"/>
                  <dgm:constr type="w" for="ch" forName="dot6" refType="userD"/>
                  <dgm:constr type="h" for="ch" forName="dot6" refType="userD"/>
                  <dgm:constr type="ctrX" for="ch" forName="dot7" refType="w" fact="0.672"/>
                  <dgm:constr type="ctrY" for="ch" forName="dot7" refType="h" fact="0.5422"/>
                  <dgm:constr type="w" for="ch" forName="dot7" refType="userD"/>
                  <dgm:constr type="h" for="ch" forName="dot7" refType="userD"/>
                  <dgm:constr type="ctrX" for="ch" forName="dot8" refType="w" fact="0.7278"/>
                  <dgm:constr type="ctrY" for="ch" forName="dot8" refType="h" fact="0.3229"/>
                  <dgm:constr type="w" for="ch" forName="dot8" refType="userD"/>
                  <dgm:constr type="h" for="ch" forName="dot8" refType="userD"/>
                  <dgm:constr type="ctrX" for="ch" forName="dotArrow1" refType="w" fact="0.6999"/>
                  <dgm:constr type="ctrY" for="ch" forName="dotArrow1" refType="h" fact="0.0635"/>
                  <dgm:constr type="w" for="ch" forName="dotArrow1" refType="userD"/>
                  <dgm:constr type="h" for="ch" forName="dotArrow1" refType="userD"/>
                  <dgm:constr type="ctrX" for="ch" forName="dotArrow2" refType="w" fact="0.7207"/>
                  <dgm:constr type="ctrY" for="ch" forName="dotArrow2" refType="h" fact="0.0448"/>
                  <dgm:constr type="w" for="ch" forName="dotArrow2" refType="userD"/>
                  <dgm:constr type="h" for="ch" forName="dotArrow2" refType="userD"/>
                  <dgm:constr type="ctrX" for="ch" forName="dotArrow3" refType="w" fact="0.7415"/>
                  <dgm:constr type="ctrY" for="ch" forName="dotArrow3" refType="h" fact="0.026"/>
                  <dgm:constr type="w" for="ch" forName="dotArrow3" refType="userD"/>
                  <dgm:constr type="h" for="ch" forName="dotArrow3" refType="userD"/>
                  <dgm:constr type="ctrX" for="ch" forName="dotArrow4" refType="w" fact="0.7624"/>
                  <dgm:constr type="ctrY" for="ch" forName="dotArrow4" refType="h" fact="0.0448"/>
                  <dgm:constr type="w" for="ch" forName="dotArrow4" refType="userD"/>
                  <dgm:constr type="h" for="ch" forName="dotArrow4" refType="userD"/>
                  <dgm:constr type="ctrX" for="ch" forName="dotArrow5" refType="w" fact="0.7832"/>
                  <dgm:constr type="ctrY" for="ch" forName="dotArrow5" refType="h" fact="0.0635"/>
                  <dgm:constr type="w" for="ch" forName="dotArrow5" refType="userD"/>
                  <dgm:constr type="h" for="ch" forName="dotArrow5" refType="userD"/>
                  <dgm:constr type="ctrX" for="ch" forName="dotArrow6" refType="w" fact="0.7415"/>
                  <dgm:constr type="ctrY" for="ch" forName="dotArrow6" refType="h" fact="0.0656"/>
                  <dgm:constr type="w" for="ch" forName="dotArrow6" refType="userD"/>
                  <dgm:constr type="h" for="ch" forName="dotArrow6" refType="userD"/>
                  <dgm:constr type="ctrX" for="ch" forName="dotArrow7" refType="w" fact="0.7415"/>
                  <dgm:constr type="ctrY" for="ch" forName="dotArrow7" refType="h" fact="0.1052"/>
                  <dgm:constr type="w" for="ch" forName="dotArrow7" refType="userD"/>
                  <dgm:constr type="h" for="ch" forName="dotArrow7" refType="userD"/>
                  <dgm:constr type="l" for="ch" forName="parTx1" refType="w" fact="0.2115"/>
                  <dgm:constr type="t" for="ch" forName="parTx1" refType="h" fact="0.928"/>
                  <dgm:constr type="w" for="ch" forName="parTx1" refType="w" fact="0.3081"/>
                  <dgm:constr type="h" for="ch" forName="parTx1" refType="h" fact="0.0962"/>
                  <dgm:constr type="ctrX" for="ch" forName="picture1" refType="w" fact="0.1975"/>
                  <dgm:constr type="ctrY" for="ch" forName="picture1" refType="h" fact="0.9169"/>
                  <dgm:constr type="w" for="ch" forName="picture1" refType="w" fact="0.1429"/>
                  <dgm:constr type="h" for="ch" forName="picture1" refType="h" fact="0.1663"/>
                  <dgm:constr type="l" for="ch" forName="parTx2" refType="w" fact="0.4822"/>
                  <dgm:constr type="t" for="ch" forName="parTx2" refType="h" fact="0.8143"/>
                  <dgm:constr type="w" for="ch" forName="parTx2" refType="w" fact="0.3081"/>
                  <dgm:constr type="h" for="ch" forName="parTx2" refType="h" fact="0.0962"/>
                  <dgm:constr type="ctrX" for="ch" forName="picture2" refType="w" fact="0.4682"/>
                  <dgm:constr type="ctrY" for="ch" forName="picture2" refType="h" fact="0.8032"/>
                  <dgm:constr type="w" for="ch" forName="picture2" refType="w" fact="0.1429"/>
                  <dgm:constr type="h" for="ch" forName="picture2" refType="h" fact="0.1663"/>
                  <dgm:constr type="l" for="ch" forName="parTx3" refType="w" fact="0.629"/>
                  <dgm:constr type="t" for="ch" forName="parTx3" refType="h" fact="0.65"/>
                  <dgm:constr type="w" for="ch" forName="parTx3" refType="w" fact="0.3081"/>
                  <dgm:constr type="h" for="ch" forName="parTx3" refType="h" fact="0.0962"/>
                  <dgm:constr type="ctrX" for="ch" forName="picture3" refType="w" fact="0.615"/>
                  <dgm:constr type="ctrY" for="ch" forName="picture3" refType="h" fact="0.6389"/>
                  <dgm:constr type="w" for="ch" forName="picture3" refType="w" fact="0.1429"/>
                  <dgm:constr type="h" for="ch" forName="picture3" refType="h" fact="0.1663"/>
                  <dgm:constr type="l" for="ch" forName="parTx4" refType="w" fact="0.7057"/>
                  <dgm:constr type="t" for="ch" forName="parTx4" refType="h" fact="0.4388"/>
                  <dgm:constr type="w" for="ch" forName="parTx4" refType="w" fact="0.3081"/>
                  <dgm:constr type="h" for="ch" forName="parTx4" refType="h" fact="0.0962"/>
                  <dgm:constr type="ctrX" for="ch" forName="picture4" refType="w" fact="0.6917"/>
                  <dgm:constr type="ctrY" for="ch" forName="picture4" refType="h" fact="0.4277"/>
                  <dgm:constr type="w" for="ch" forName="picture4" refType="w" fact="0.1429"/>
                  <dgm:constr type="h" for="ch" forName="picture4" refType="h" fact="0.1663"/>
                  <dgm:constr type="l" for="ch" forName="parTx5" refType="w" fact="0.7484"/>
                  <dgm:constr type="t" for="ch" forName="parTx5" refType="h" fact="0.2238"/>
                  <dgm:constr type="w" for="ch" forName="parTx5" refType="w" fact="0.3081"/>
                  <dgm:constr type="h" for="ch" forName="parTx5" refType="h" fact="0.0962"/>
                  <dgm:constr type="ctrX" for="ch" forName="picture5" refType="w" fact="0.7344"/>
                  <dgm:constr type="ctrY" for="ch" forName="picture5" refType="h" fact="0.2127"/>
                  <dgm:constr type="w" for="ch" forName="picture5" refType="w" fact="0.1429"/>
                  <dgm:constr type="h" for="ch" forName="picture5" refType="h" fact="0.1663"/>
                </dgm:constrLst>
              </dgm:else>
            </dgm:choose>
          </dgm:if>
          <dgm:else name="Name48">
            <dgm:choose name="Name49">
              <dgm:if name="Name50" axis="des" func="maxDepth" op="gt" val="1">
                <dgm:alg type="composite">
                  <dgm:param type="ar" val="1.41"/>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primFontSz" for="ch" forName="desTx1" op="equ" val="65"/>
                  <dgm:constr type="primFontSz" for="ch" forName="desTx2" refType="primFontSz" refFor="ch" refForName="desTx1" op="equ"/>
                  <dgm:constr type="primFontSz" for="ch" forName="desTx3" refType="primFontSz" refFor="ch" refForName="desTx1" op="equ"/>
                  <dgm:constr type="primFontSz" for="ch" forName="desTx4" refType="primFontSz" refFor="ch" refForName="desTx1" op="equ"/>
                  <dgm:constr type="primFontSz" for="ch" forName="desTx5" refType="primFontSz" refFor="ch" refForName="desTx1" op="equ"/>
                  <dgm:constr type="userD" refType="w" fact="0.0118"/>
                  <dgm:constr type="ctrX" for="ch" forName="dot1" refType="w" fact="0.6737"/>
                  <dgm:constr type="ctrY" for="ch" forName="dot1" refType="h" fact="0.8674"/>
                  <dgm:constr type="w" for="ch" forName="dot1" refType="userD"/>
                  <dgm:constr type="h" for="ch" forName="dot1" refType="userD"/>
                  <dgm:constr type="ctrX" for="ch" forName="dot2" refType="w" fact="0.6999"/>
                  <dgm:constr type="ctrY" for="ch" forName="dot2" refType="h" fact="0.8824"/>
                  <dgm:constr type="w" for="ch" forName="dot2" refType="userD"/>
                  <dgm:constr type="h" for="ch" forName="dot2" refType="userD"/>
                  <dgm:constr type="ctrX" for="ch" forName="dot3" refType="w" fact="0.7267"/>
                  <dgm:constr type="ctrY" for="ch" forName="dot3" refType="h" fact="0.8948"/>
                  <dgm:constr type="w" for="ch" forName="dot3" refType="userD"/>
                  <dgm:constr type="h" for="ch" forName="dot3" refType="userD"/>
                  <dgm:constr type="ctrX" for="ch" forName="dot4" refType="w" fact="0.7538"/>
                  <dgm:constr type="ctrY" for="ch" forName="dot4" refType="h" fact="0.9044"/>
                  <dgm:constr type="w" for="ch" forName="dot4" refType="userD"/>
                  <dgm:constr type="h" for="ch" forName="dot4" refType="userD"/>
                  <dgm:constr type="ctrX" for="ch" forName="dot5" refType="w" fact="0.5309"/>
                  <dgm:constr type="ctrY" for="ch" forName="dot5" refType="h" fact="0.7222"/>
                  <dgm:constr type="w" for="ch" forName="dot5" refType="userD"/>
                  <dgm:constr type="h" for="ch" forName="dot5" refType="userD"/>
                  <dgm:constr type="ctrX" for="ch" forName="dot6" refType="w" fact="0.5516"/>
                  <dgm:constr type="ctrY" for="ch" forName="dot6" refType="h" fact="0.7518"/>
                  <dgm:constr type="w" for="ch" forName="dot6" refType="userD"/>
                  <dgm:constr type="h" for="ch" forName="dot6" refType="userD"/>
                  <dgm:constr type="ctrX" for="ch" forName="dot7" refType="w" fact="0.4451"/>
                  <dgm:constr type="ctrY" for="ch" forName="dot7" refType="h" fact="0.5422"/>
                  <dgm:constr type="w" for="ch" forName="dot7" refType="userD"/>
                  <dgm:constr type="h" for="ch" forName="dot7" refType="userD"/>
                  <dgm:constr type="ctrX" for="ch" forName="dot8" refType="w" fact="0.399"/>
                  <dgm:constr type="ctrY" for="ch" forName="dot8" refType="h" fact="0.3229"/>
                  <dgm:constr type="w" for="ch" forName="dot8" refType="userD"/>
                  <dgm:constr type="h" for="ch" forName="dot8" refType="userD"/>
                  <dgm:constr type="ctrX" for="ch" forName="dotArrow1" refType="w" fact="0.4221"/>
                  <dgm:constr type="ctrY" for="ch" forName="dotArrow1" refType="h" fact="0.0635"/>
                  <dgm:constr type="w" for="ch" forName="dotArrow1" refType="userD"/>
                  <dgm:constr type="h" for="ch" forName="dotArrow1" refType="userD"/>
                  <dgm:constr type="ctrX" for="ch" forName="dotArrow2" refType="w" fact="0.4049"/>
                  <dgm:constr type="ctrY" for="ch" forName="dotArrow2" refType="h" fact="0.0448"/>
                  <dgm:constr type="w" for="ch" forName="dotArrow2" refType="userD"/>
                  <dgm:constr type="h" for="ch" forName="dotArrow2" refType="userD"/>
                  <dgm:constr type="ctrX" for="ch" forName="dotArrow3" refType="w" fact="0.3877"/>
                  <dgm:constr type="ctrY" for="ch" forName="dotArrow3" refType="h" fact="0.026"/>
                  <dgm:constr type="w" for="ch" forName="dotArrow3" refType="userD"/>
                  <dgm:constr type="h" for="ch" forName="dotArrow3" refType="userD"/>
                  <dgm:constr type="ctrX" for="ch" forName="dotArrow4" refType="w" fact="0.3705"/>
                  <dgm:constr type="ctrY" for="ch" forName="dotArrow4" refType="h" fact="0.0448"/>
                  <dgm:constr type="w" for="ch" forName="dotArrow4" refType="userD"/>
                  <dgm:constr type="h" for="ch" forName="dotArrow4" refType="userD"/>
                  <dgm:constr type="ctrX" for="ch" forName="dotArrow5" refType="w" fact="0.3533"/>
                  <dgm:constr type="ctrY" for="ch" forName="dotArrow5" refType="h" fact="0.0635"/>
                  <dgm:constr type="w" for="ch" forName="dotArrow5" refType="userD"/>
                  <dgm:constr type="h" for="ch" forName="dotArrow5" refType="userD"/>
                  <dgm:constr type="ctrX" for="ch" forName="dotArrow6" refType="w" fact="0.3877"/>
                  <dgm:constr type="ctrY" for="ch" forName="dotArrow6" refType="h" fact="0.0656"/>
                  <dgm:constr type="w" for="ch" forName="dotArrow6" refType="userD"/>
                  <dgm:constr type="h" for="ch" forName="dotArrow6" refType="userD"/>
                  <dgm:constr type="ctrX" for="ch" forName="dotArrow7" refType="w" fact="0.3877"/>
                  <dgm:constr type="ctrY" for="ch" forName="dotArrow7" refType="h" fact="0.1052"/>
                  <dgm:constr type="w" for="ch" forName="dotArrow7" refType="userD"/>
                  <dgm:constr type="h" for="ch" forName="dotArrow7" refType="userD"/>
                  <dgm:constr type="r" for="ch" forName="parTx1" refType="w" fact="0.8254"/>
                  <dgm:constr type="t" for="ch" forName="parTx1" refType="h" fact="0.9304"/>
                  <dgm:constr type="w" for="ch" forName="parTx1" refType="w" fact="0.2544"/>
                  <dgm:constr type="h" for="ch" forName="parTx1" refType="h" fact="0.0962"/>
                  <dgm:constr type="ctrX" for="ch" forName="picture1" refType="w" fact="0.8369"/>
                  <dgm:constr type="ctrY" for="ch" forName="picture1" refType="h" fact="0.9169"/>
                  <dgm:constr type="w" for="ch" forName="picture1" refType="w" fact="0.118"/>
                  <dgm:constr type="h" for="ch" forName="picture1" refType="h" fact="0.1663"/>
                  <dgm:constr type="r" for="ch" forName="desTx1" refType="l" refFor="ch" refForName="parTx1"/>
                  <dgm:constr type="l" for="ch" forName="desTx1"/>
                  <dgm:constr type="t" for="ch" forName="desTx1" refType="t" refFor="ch" refForName="parTx1"/>
                  <dgm:constr type="h" for="ch" forName="desTx1" refType="h" refFor="ch" refForName="parTx1"/>
                  <dgm:constr type="r" for="ch" forName="parTx2" refType="w" fact="0.6018"/>
                  <dgm:constr type="t" for="ch" forName="parTx2" refType="h" fact="0.8167"/>
                  <dgm:constr type="w" for="ch" forName="parTx2" refType="w" fact="0.2544"/>
                  <dgm:constr type="h" for="ch" forName="parTx2" refType="h" fact="0.0962"/>
                  <dgm:constr type="ctrX" for="ch" forName="picture2" refType="w" fact="0.6134"/>
                  <dgm:constr type="ctrY" for="ch" forName="picture2" refType="h" fact="0.8032"/>
                  <dgm:constr type="w" for="ch" forName="picture2" refType="w" fact="0.118"/>
                  <dgm:constr type="h" for="ch" forName="picture2" refType="h" fact="0.1663"/>
                  <dgm:constr type="r" for="ch" forName="desTx2" refType="l" refFor="ch" refForName="parTx2"/>
                  <dgm:constr type="l" for="ch" forName="desTx2"/>
                  <dgm:constr type="t" for="ch" forName="desTx2" refType="t" refFor="ch" refForName="parTx2"/>
                  <dgm:constr type="h" for="ch" forName="desTx2" refType="h" refFor="ch" refForName="parTx2"/>
                  <dgm:constr type="r" for="ch" forName="parTx3" refType="w" fact="0.4806"/>
                  <dgm:constr type="t" for="ch" forName="parTx3" refType="h" fact="0.6524"/>
                  <dgm:constr type="w" for="ch" forName="parTx3" refType="w" fact="0.2544"/>
                  <dgm:constr type="h" for="ch" forName="parTx3" refType="h" fact="0.0962"/>
                  <dgm:constr type="ctrX" for="ch" forName="picture3" refType="w" fact="0.4922"/>
                  <dgm:constr type="ctrY" for="ch" forName="picture3" refType="h" fact="0.6389"/>
                  <dgm:constr type="w" for="ch" forName="picture3" refType="w" fact="0.118"/>
                  <dgm:constr type="h" for="ch" forName="picture3" refType="h" fact="0.1663"/>
                  <dgm:constr type="r" for="ch" forName="desTx3" refType="l" refFor="ch" refForName="parTx3"/>
                  <dgm:constr type="l" for="ch" forName="desTx3"/>
                  <dgm:constr type="t" for="ch" forName="desTx3" refType="t" refFor="ch" refForName="parTx3"/>
                  <dgm:constr type="h" for="ch" forName="desTx3" refType="h" refFor="ch" refForName="parTx3"/>
                  <dgm:constr type="r" for="ch" forName="parTx4" refType="w" fact="0.4173"/>
                  <dgm:constr type="t" for="ch" forName="parTx4" refType="h" fact="0.4412"/>
                  <dgm:constr type="w" for="ch" forName="parTx4" refType="w" fact="0.2544"/>
                  <dgm:constr type="h" for="ch" forName="parTx4" refType="h" fact="0.0962"/>
                  <dgm:constr type="ctrX" for="ch" forName="picture4" refType="w" fact="0.4288"/>
                  <dgm:constr type="ctrY" for="ch" forName="picture4" refType="h" fact="0.4277"/>
                  <dgm:constr type="w" for="ch" forName="picture4" refType="w" fact="0.118"/>
                  <dgm:constr type="h" for="ch" forName="picture4" refType="h" fact="0.1663"/>
                  <dgm:constr type="r" for="ch" forName="desTx4" refType="l" refFor="ch" refForName="parTx4"/>
                  <dgm:constr type="l" for="ch" forName="desTx4"/>
                  <dgm:constr type="t" for="ch" forName="desTx4" refType="t" refFor="ch" refForName="parTx4"/>
                  <dgm:constr type="h" for="ch" forName="desTx4" refType="h" refFor="ch" refForName="parTx4"/>
                  <dgm:constr type="r" for="ch" forName="parTx5" refType="w" fact="0.382"/>
                  <dgm:constr type="t" for="ch" forName="parTx5" refType="h" fact="0.2262"/>
                  <dgm:constr type="w" for="ch" forName="parTx5" refType="w" fact="0.2544"/>
                  <dgm:constr type="h" for="ch" forName="parTx5" refType="h" fact="0.0962"/>
                  <dgm:constr type="ctrX" for="ch" forName="picture5" refType="w" fact="0.3936"/>
                  <dgm:constr type="ctrY" for="ch" forName="picture5" refType="h" fact="0.2127"/>
                  <dgm:constr type="w" for="ch" forName="picture5" refType="w" fact="0.118"/>
                  <dgm:constr type="h" for="ch" forName="picture5" refType="h" fact="0.1663"/>
                  <dgm:constr type="r" for="ch" forName="desTx5" refType="l" refFor="ch" refForName="parTx5"/>
                  <dgm:constr type="l" for="ch" forName="desTx5"/>
                  <dgm:constr type="t" for="ch" forName="desTx5" refType="t" refFor="ch" refForName="parTx5"/>
                  <dgm:constr type="h" for="ch" forName="desTx5" refType="h" refFor="ch" refForName="parTx5"/>
                </dgm:constrLst>
              </dgm:if>
              <dgm:else name="Name51">
                <dgm:alg type="composite">
                  <dgm:param type="ar" val="1.1643"/>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userD" refType="w" fact="0.0143"/>
                  <dgm:constr type="ctrX" for="ch" forName="dot1" refType="w" fact="0.6049"/>
                  <dgm:constr type="ctrY" for="ch" forName="dot1" refType="h" fact="0.8674"/>
                  <dgm:constr type="w" for="ch" forName="dot1" refType="userD"/>
                  <dgm:constr type="h" for="ch" forName="dot1" refType="userD"/>
                  <dgm:constr type="ctrX" for="ch" forName="dot2" refType="w" fact="0.6366"/>
                  <dgm:constr type="ctrY" for="ch" forName="dot2" refType="h" fact="0.8824"/>
                  <dgm:constr type="w" for="ch" forName="dot2" refType="userD"/>
                  <dgm:constr type="h" for="ch" forName="dot2" refType="userD"/>
                  <dgm:constr type="ctrX" for="ch" forName="dot3" refType="w" fact="0.669"/>
                  <dgm:constr type="ctrY" for="ch" forName="dot3" refType="h" fact="0.8948"/>
                  <dgm:constr type="w" for="ch" forName="dot3" refType="userD"/>
                  <dgm:constr type="h" for="ch" forName="dot3" refType="userD"/>
                  <dgm:constr type="ctrX" for="ch" forName="dot4" refType="w" fact="0.7019"/>
                  <dgm:constr type="ctrY" for="ch" forName="dot4" refType="h" fact="0.9044"/>
                  <dgm:constr type="w" for="ch" forName="dot4" refType="userD"/>
                  <dgm:constr type="h" for="ch" forName="dot4" refType="userD"/>
                  <dgm:constr type="ctrX" for="ch" forName="dot5" refType="w" fact="0.4319"/>
                  <dgm:constr type="ctrY" for="ch" forName="dot5" refType="h" fact="0.7222"/>
                  <dgm:constr type="w" for="ch" forName="dot5" refType="userD"/>
                  <dgm:constr type="h" for="ch" forName="dot5" refType="userD"/>
                  <dgm:constr type="ctrX" for="ch" forName="dot6" refType="w" fact="0.457"/>
                  <dgm:constr type="ctrY" for="ch" forName="dot6" refType="h" fact="0.7518"/>
                  <dgm:constr type="w" for="ch" forName="dot6" refType="userD"/>
                  <dgm:constr type="h" for="ch" forName="dot6" refType="userD"/>
                  <dgm:constr type="ctrX" for="ch" forName="dot7" refType="w" fact="0.328"/>
                  <dgm:constr type="ctrY" for="ch" forName="dot7" refType="h" fact="0.5422"/>
                  <dgm:constr type="w" for="ch" forName="dot7" refType="userD"/>
                  <dgm:constr type="h" for="ch" forName="dot7" refType="userD"/>
                  <dgm:constr type="ctrX" for="ch" forName="dot8" refType="w" fact="0.2722"/>
                  <dgm:constr type="ctrY" for="ch" forName="dot8" refType="h" fact="0.3229"/>
                  <dgm:constr type="w" for="ch" forName="dot8" refType="userD"/>
                  <dgm:constr type="h" for="ch" forName="dot8" refType="userD"/>
                  <dgm:constr type="ctrX" for="ch" forName="dotArrow1" refType="w" fact="0.3001"/>
                  <dgm:constr type="ctrY" for="ch" forName="dotArrow1" refType="h" fact="0.0635"/>
                  <dgm:constr type="w" for="ch" forName="dotArrow1" refType="userD"/>
                  <dgm:constr type="h" for="ch" forName="dotArrow1" refType="userD"/>
                  <dgm:constr type="ctrX" for="ch" forName="dotArrow2" refType="w" fact="0.2793"/>
                  <dgm:constr type="ctrY" for="ch" forName="dotArrow2" refType="h" fact="0.0448"/>
                  <dgm:constr type="w" for="ch" forName="dotArrow2" refType="userD"/>
                  <dgm:constr type="h" for="ch" forName="dotArrow2" refType="userD"/>
                  <dgm:constr type="ctrX" for="ch" forName="dotArrow3" refType="w" fact="0.2585"/>
                  <dgm:constr type="ctrY" for="ch" forName="dotArrow3" refType="h" fact="0.026"/>
                  <dgm:constr type="w" for="ch" forName="dotArrow3" refType="userD"/>
                  <dgm:constr type="h" for="ch" forName="dotArrow3" refType="userD"/>
                  <dgm:constr type="ctrX" for="ch" forName="dotArrow4" refType="w" fact="0.2376"/>
                  <dgm:constr type="ctrY" for="ch" forName="dotArrow4" refType="h" fact="0.0448"/>
                  <dgm:constr type="w" for="ch" forName="dotArrow4" refType="userD"/>
                  <dgm:constr type="h" for="ch" forName="dotArrow4" refType="userD"/>
                  <dgm:constr type="ctrX" for="ch" forName="dotArrow5" refType="w" fact="0.2168"/>
                  <dgm:constr type="ctrY" for="ch" forName="dotArrow5" refType="h" fact="0.0635"/>
                  <dgm:constr type="w" for="ch" forName="dotArrow5" refType="userD"/>
                  <dgm:constr type="h" for="ch" forName="dotArrow5" refType="userD"/>
                  <dgm:constr type="ctrX" for="ch" forName="dotArrow6" refType="w" fact="0.2585"/>
                  <dgm:constr type="ctrY" for="ch" forName="dotArrow6" refType="h" fact="0.0656"/>
                  <dgm:constr type="w" for="ch" forName="dotArrow6" refType="userD"/>
                  <dgm:constr type="h" for="ch" forName="dotArrow6" refType="userD"/>
                  <dgm:constr type="ctrX" for="ch" forName="dotArrow7" refType="w" fact="0.2585"/>
                  <dgm:constr type="ctrY" for="ch" forName="dotArrow7" refType="h" fact="0.1052"/>
                  <dgm:constr type="w" for="ch" forName="dotArrow7" refType="userD"/>
                  <dgm:constr type="h" for="ch" forName="dotArrow7" refType="userD"/>
                  <dgm:constr type="r" for="ch" forName="parTx1" refType="w" fact="0.7885"/>
                  <dgm:constr type="t" for="ch" forName="parTx1" refType="h" fact="0.928"/>
                  <dgm:constr type="w" for="ch" forName="parTx1" refType="w" fact="0.3081"/>
                  <dgm:constr type="h" for="ch" forName="parTx1" refType="h" fact="0.0962"/>
                  <dgm:constr type="ctrX" for="ch" forName="picture1" refType="w" fact="0.8025"/>
                  <dgm:constr type="ctrY" for="ch" forName="picture1" refType="h" fact="0.9169"/>
                  <dgm:constr type="w" for="ch" forName="picture1" refType="w" fact="0.1429"/>
                  <dgm:constr type="h" for="ch" forName="picture1" refType="h" fact="0.1663"/>
                  <dgm:constr type="r" for="ch" forName="parTx2" refType="w" fact="0.5178"/>
                  <dgm:constr type="t" for="ch" forName="parTx2" refType="h" fact="0.8143"/>
                  <dgm:constr type="w" for="ch" forName="parTx2" refType="w" fact="0.3081"/>
                  <dgm:constr type="h" for="ch" forName="parTx2" refType="h" fact="0.0962"/>
                  <dgm:constr type="ctrX" for="ch" forName="picture2" refType="w" fact="0.5318"/>
                  <dgm:constr type="ctrY" for="ch" forName="picture2" refType="h" fact="0.8032"/>
                  <dgm:constr type="w" for="ch" forName="picture2" refType="w" fact="0.1429"/>
                  <dgm:constr type="h" for="ch" forName="picture2" refType="h" fact="0.1663"/>
                  <dgm:constr type="r" for="ch" forName="parTx3" refType="w" fact="0.371"/>
                  <dgm:constr type="t" for="ch" forName="parTx3" refType="h" fact="0.65"/>
                  <dgm:constr type="w" for="ch" forName="parTx3" refType="w" fact="0.3081"/>
                  <dgm:constr type="h" for="ch" forName="parTx3" refType="h" fact="0.0962"/>
                  <dgm:constr type="ctrX" for="ch" forName="picture3" refType="w" fact="0.385"/>
                  <dgm:constr type="ctrY" for="ch" forName="picture3" refType="h" fact="0.6389"/>
                  <dgm:constr type="w" for="ch" forName="picture3" refType="w" fact="0.1429"/>
                  <dgm:constr type="h" for="ch" forName="picture3" refType="h" fact="0.1663"/>
                  <dgm:constr type="r" for="ch" forName="parTx4" refType="w" fact="0.2943"/>
                  <dgm:constr type="t" for="ch" forName="parTx4" refType="h" fact="0.4388"/>
                  <dgm:constr type="w" for="ch" forName="parTx4" refType="w" fact="0.3081"/>
                  <dgm:constr type="h" for="ch" forName="parTx4" refType="h" fact="0.0962"/>
                  <dgm:constr type="ctrX" for="ch" forName="picture4" refType="w" fact="0.3083"/>
                  <dgm:constr type="ctrY" for="ch" forName="picture4" refType="h" fact="0.4277"/>
                  <dgm:constr type="w" for="ch" forName="picture4" refType="w" fact="0.1429"/>
                  <dgm:constr type="h" for="ch" forName="picture4" refType="h" fact="0.1663"/>
                  <dgm:constr type="r" for="ch" forName="parTx5" refType="w" fact="0.2516"/>
                  <dgm:constr type="t" for="ch" forName="parTx5" refType="h" fact="0.2238"/>
                  <dgm:constr type="w" for="ch" forName="parTx5" refType="w" fact="0.3081"/>
                  <dgm:constr type="h" for="ch" forName="parTx5" refType="h" fact="0.0962"/>
                  <dgm:constr type="ctrX" for="ch" forName="picture5" refType="w" fact="0.2656"/>
                  <dgm:constr type="ctrY" for="ch" forName="picture5" refType="h" fact="0.2127"/>
                  <dgm:constr type="w" for="ch" forName="picture5" refType="w" fact="0.1429"/>
                  <dgm:constr type="h" for="ch" forName="picture5" refType="h" fact="0.1663"/>
                </dgm:constrLst>
              </dgm:else>
            </dgm:choose>
          </dgm:else>
        </dgm:choose>
      </dgm:if>
      <dgm:if name="Name52" axis="ch" ptType="node" func="cnt" op="equ" val="6">
        <dgm:choose name="Name53">
          <dgm:if name="Name54" func="var" arg="dir" op="equ" val="norm">
            <dgm:choose name="Name55">
              <dgm:if name="Name56" axis="des" func="maxDepth" op="gt" val="1">
                <dgm:alg type="composite">
                  <dgm:param type="ar" val="1.33"/>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primFontSz" for="ch" forName="parTx6" refType="primFontSz" refFor="ch" refForName="parTx1" op="equ"/>
                  <dgm:constr type="primFontSz" for="ch" forName="desTx1" op="equ" val="65"/>
                  <dgm:constr type="primFontSz" for="ch" forName="desTx2" refType="primFontSz" refFor="ch" refForName="desTx1" op="equ"/>
                  <dgm:constr type="primFontSz" for="ch" forName="desTx3" refType="primFontSz" refFor="ch" refForName="desTx1" op="equ"/>
                  <dgm:constr type="primFontSz" for="ch" forName="desTx4" refType="primFontSz" refFor="ch" refForName="desTx1" op="equ"/>
                  <dgm:constr type="primFontSz" for="ch" forName="desTx5" refType="primFontSz" refFor="ch" refForName="desTx1" op="equ"/>
                  <dgm:constr type="primFontSz" for="ch" forName="desTx6" refType="primFontSz" refFor="ch" refForName="desTx1" op="equ"/>
                  <dgm:constr type="userD" refType="w" fact="0.0105"/>
                  <dgm:constr type="ctrX" for="ch" forName="dot1" refType="w" fact="0.3608"/>
                  <dgm:constr type="ctrY" for="ch" forName="dot1" refType="h" fact="0.8839"/>
                  <dgm:constr type="w" for="ch" forName="dot1" refType="userD"/>
                  <dgm:constr type="h" for="ch" forName="dot1" refType="userD"/>
                  <dgm:constr type="ctrX" for="ch" forName="dot2" refType="w" fact="0.3384"/>
                  <dgm:constr type="ctrY" for="ch" forName="dot2" refType="h" fact="0.8967"/>
                  <dgm:constr type="w" for="ch" forName="dot2" refType="userD"/>
                  <dgm:constr type="h" for="ch" forName="dot2" refType="userD"/>
                  <dgm:constr type="ctrX" for="ch" forName="dot3" refType="w" fact="0.3155"/>
                  <dgm:constr type="ctrY" for="ch" forName="dot3" refType="h" fact="0.9076"/>
                  <dgm:constr type="w" for="ch" forName="dot3" refType="userD"/>
                  <dgm:constr type="h" for="ch" forName="dot3" refType="userD"/>
                  <dgm:constr type="ctrX" for="ch" forName="dot4" refType="w" fact="0.2923"/>
                  <dgm:constr type="ctrY" for="ch" forName="dot4" refType="h" fact="0.9165"/>
                  <dgm:constr type="w" for="ch" forName="dot4" refType="userD"/>
                  <dgm:constr type="h" for="ch" forName="dot4" refType="userD"/>
                  <dgm:constr type="ctrX" for="ch" forName="dot5" refType="w" fact="0.2688"/>
                  <dgm:constr type="ctrY" for="ch" forName="dot5" refType="h" fact="0.9234"/>
                  <dgm:constr type="w" for="ch" forName="dot5" refType="userD"/>
                  <dgm:constr type="h" for="ch" forName="dot5" refType="userD"/>
                  <dgm:constr type="ctrX" for="ch" forName="dot6" refType="w" fact="0.4883"/>
                  <dgm:constr type="ctrY" for="ch" forName="dot6" refType="h" fact="0.764"/>
                  <dgm:constr type="w" for="ch" forName="dot6" refType="userD"/>
                  <dgm:constr type="h" for="ch" forName="dot6" refType="userD"/>
                  <dgm:constr type="ctrX" for="ch" forName="dot7" refType="w" fact="0.4695"/>
                  <dgm:constr type="ctrY" for="ch" forName="dot7" refType="h" fact="0.7878"/>
                  <dgm:constr type="w" for="ch" forName="dot7" refType="userD"/>
                  <dgm:constr type="h" for="ch" forName="dot7" refType="userD"/>
                  <dgm:constr type="ctrX" for="ch" forName="dot8" refType="w" fact="0.5696"/>
                  <dgm:constr type="ctrY" for="ch" forName="dot8" refType="h" fact="0.6227"/>
                  <dgm:constr type="w" for="ch" forName="dot8" refType="userD"/>
                  <dgm:constr type="h" for="ch" forName="dot8" refType="userD"/>
                  <dgm:constr type="ctrX" for="ch" forName="dot9" refType="w" fact="0.6247"/>
                  <dgm:constr type="ctrY" for="ch" forName="dot9" refType="h" fact="0.4556"/>
                  <dgm:constr type="w" for="ch" forName="dot9" refType="userD"/>
                  <dgm:constr type="h" for="ch" forName="dot9" refType="userD"/>
                  <dgm:constr type="ctrX" for="ch" forName="dot10" refType="w" fact="0.6509"/>
                  <dgm:constr type="ctrY" for="ch" forName="dot10" refType="h" fact="0.2816"/>
                  <dgm:constr type="w" for="ch" forName="dot10" refType="userD"/>
                  <dgm:constr type="h" for="ch" forName="dot10" refType="userD"/>
                  <dgm:constr type="ctrX" for="ch" forName="dotArrow1" refType="w" fact="0.6281"/>
                  <dgm:constr type="ctrY" for="ch" forName="dotArrow1" refType="h" fact="0.0748"/>
                  <dgm:constr type="w" for="ch" forName="dotArrow1" refType="userD"/>
                  <dgm:constr type="h" for="ch" forName="dotArrow1" refType="userD"/>
                  <dgm:constr type="ctrX" for="ch" forName="dotArrow2" refType="w" fact="0.6437"/>
                  <dgm:constr type="ctrY" for="ch" forName="dotArrow2" refType="h" fact="0.0581"/>
                  <dgm:constr type="w" for="ch" forName="dotArrow2" refType="userD"/>
                  <dgm:constr type="h" for="ch" forName="dotArrow2" refType="userD"/>
                  <dgm:constr type="ctrX" for="ch" forName="dotArrow3" refType="w" fact="0.6593"/>
                  <dgm:constr type="ctrY" for="ch" forName="dotArrow3" refType="h" fact="0.0414"/>
                  <dgm:constr type="w" for="ch" forName="dotArrow3" refType="userD"/>
                  <dgm:constr type="h" for="ch" forName="dotArrow3" refType="userD"/>
                  <dgm:constr type="ctrX" for="ch" forName="dotArrow4" refType="w" fact="0.675"/>
                  <dgm:constr type="ctrY" for="ch" forName="dotArrow4" refType="h" fact="0.0581"/>
                  <dgm:constr type="w" for="ch" forName="dotArrow4" refType="userD"/>
                  <dgm:constr type="h" for="ch" forName="dotArrow4" refType="userD"/>
                  <dgm:constr type="ctrX" for="ch" forName="dotArrow5" refType="w" fact="0.6906"/>
                  <dgm:constr type="ctrY" for="ch" forName="dotArrow5" refType="h" fact="0.0748"/>
                  <dgm:constr type="w" for="ch" forName="dotArrow5" refType="userD"/>
                  <dgm:constr type="h" for="ch" forName="dotArrow5" refType="userD"/>
                  <dgm:constr type="ctrX" for="ch" forName="dotArrow6" refType="w" fact="0.6593"/>
                  <dgm:constr type="ctrY" for="ch" forName="dotArrow6" refType="h" fact="0.0766"/>
                  <dgm:constr type="w" for="ch" forName="dotArrow6" refType="userD"/>
                  <dgm:constr type="h" for="ch" forName="dotArrow6" refType="userD"/>
                  <dgm:constr type="ctrX" for="ch" forName="dotArrow7" refType="w" fact="0.6593"/>
                  <dgm:constr type="ctrY" for="ch" forName="dotArrow7" refType="h" fact="0.1118"/>
                  <dgm:constr type="w" for="ch" forName="dotArrow7" refType="userD"/>
                  <dgm:constr type="h" for="ch" forName="dotArrow7" refType="userD"/>
                  <dgm:constr type="l" for="ch" forName="parTx1" refType="w" fact="0.2091"/>
                  <dgm:constr type="t" for="ch" forName="parTx1" refType="h" fact="0.9433"/>
                  <dgm:constr type="w" for="ch" forName="parTx1" refType="w" fact="0.2275"/>
                  <dgm:constr type="h" for="ch" forName="parTx1" refType="h" fact="0.0811"/>
                  <dgm:constr type="ctrX" for="ch" forName="picture1" refType="w" fact="0.1988"/>
                  <dgm:constr type="ctrY" for="ch" forName="picture1" refType="h" fact="0.9322"/>
                  <dgm:constr type="w" for="ch" forName="picture1" refType="w" fact="0.1055"/>
                  <dgm:constr type="h" for="ch" forName="picture1" refType="h" fact="0.1403"/>
                  <dgm:constr type="l" for="ch" forName="desTx1" refType="r" refFor="ch" refForName="parTx1"/>
                  <dgm:constr type="r" for="ch" forName="desTx1" refType="w"/>
                  <dgm:constr type="t" for="ch" forName="desTx1" refType="t" refFor="ch" refForName="parTx1"/>
                  <dgm:constr type="h" for="ch" forName="desTx1" refType="h" refFor="ch" refForName="parTx1"/>
                  <dgm:constr type="l" for="ch" forName="parTx2" refType="w" fact="0.4273"/>
                  <dgm:constr type="t" for="ch" forName="parTx2" refType="h" fact="0.8468"/>
                  <dgm:constr type="w" for="ch" forName="parTx2" refType="w" fact="0.2275"/>
                  <dgm:constr type="h" for="ch" forName="parTx2" refType="h" fact="0.0811"/>
                  <dgm:constr type="ctrX" for="ch" forName="picture2" refType="w" fact="0.4169"/>
                  <dgm:constr type="ctrY" for="ch" forName="picture2" refType="h" fact="0.8357"/>
                  <dgm:constr type="w" for="ch" forName="picture2" refType="w" fact="0.1055"/>
                  <dgm:constr type="h" for="ch" forName="picture2" refType="h" fact="0.1403"/>
                  <dgm:constr type="l" for="ch" forName="desTx2" refType="r" refFor="ch" refForName="parTx2"/>
                  <dgm:constr type="r" for="ch" forName="desTx2" refType="w"/>
                  <dgm:constr type="t" for="ch" forName="desTx2" refType="t" refFor="ch" refForName="parTx2"/>
                  <dgm:constr type="h" for="ch" forName="desTx2" refType="h" refFor="ch" refForName="parTx2"/>
                  <dgm:constr type="l" for="ch" forName="parTx3" refType="w" fact="0.5349"/>
                  <dgm:constr type="t" for="ch" forName="parTx3" refType="h" fact="0.7023"/>
                  <dgm:constr type="w" for="ch" forName="parTx3" refType="w" fact="0.2275"/>
                  <dgm:constr type="h" for="ch" forName="parTx3" refType="h" fact="0.0811"/>
                  <dgm:constr type="ctrX" for="ch" forName="picture3" refType="w" fact="0.5245"/>
                  <dgm:constr type="ctrY" for="ch" forName="picture3" refType="h" fact="0.6912"/>
                  <dgm:constr type="w" for="ch" forName="picture3" refType="w" fact="0.1055"/>
                  <dgm:constr type="h" for="ch" forName="picture3" refType="h" fact="0.1403"/>
                  <dgm:constr type="l" for="ch" forName="desTx3" refType="r" refFor="ch" refForName="parTx3"/>
                  <dgm:constr type="r" for="ch" forName="desTx3" refType="w"/>
                  <dgm:constr type="t" for="ch" forName="desTx3" refType="t" refFor="ch" refForName="parTx3"/>
                  <dgm:constr type="h" for="ch" forName="desTx3" refType="h" refFor="ch" refForName="parTx3"/>
                  <dgm:constr type="l" for="ch" forName="parTx4" refType="w" fact="0.5998"/>
                  <dgm:constr type="t" for="ch" forName="parTx4" refType="h" fact="0.5441"/>
                  <dgm:constr type="w" for="ch" forName="parTx4" refType="w" fact="0.2275"/>
                  <dgm:constr type="h" for="ch" forName="parTx4" refType="h" fact="0.0811"/>
                  <dgm:constr type="ctrX" for="ch" forName="picture4" refType="w" fact="0.5894"/>
                  <dgm:constr type="ctrY" for="ch" forName="picture4" refType="h" fact="0.533"/>
                  <dgm:constr type="w" for="ch" forName="picture4" refType="w" fact="0.1055"/>
                  <dgm:constr type="h" for="ch" forName="picture4" refType="h" fact="0.1403"/>
                  <dgm:constr type="l" for="ch" forName="desTx4" refType="r" refFor="ch" refForName="parTx4"/>
                  <dgm:constr type="r" for="ch" forName="desTx4" refType="w"/>
                  <dgm:constr type="t" for="ch" forName="desTx4" refType="t" refFor="ch" refForName="parTx4"/>
                  <dgm:constr type="h" for="ch" forName="desTx4" refType="h" refFor="ch" refForName="parTx4"/>
                  <dgm:constr type="l" for="ch" forName="parTx5" refType="w" fact="0.6416"/>
                  <dgm:constr type="t" for="ch" forName="parTx5" refType="h" fact="0.3737"/>
                  <dgm:constr type="w" for="ch" forName="parTx5" refType="w" fact="0.2275"/>
                  <dgm:constr type="h" for="ch" forName="parTx5" refType="h" fact="0.0811"/>
                  <dgm:constr type="ctrX" for="ch" forName="picture5" refType="w" fact="0.6313"/>
                  <dgm:constr type="ctrY" for="ch" forName="picture5" refType="h" fact="0.3626"/>
                  <dgm:constr type="w" for="ch" forName="picture5" refType="w" fact="0.1055"/>
                  <dgm:constr type="h" for="ch" forName="picture5" refType="h" fact="0.1403"/>
                  <dgm:constr type="l" for="ch" forName="desTx5" refType="r" refFor="ch" refForName="parTx5"/>
                  <dgm:constr type="r" for="ch" forName="desTx5" refType="w"/>
                  <dgm:constr type="t" for="ch" forName="desTx5" refType="t" refFor="ch" refForName="parTx5"/>
                  <dgm:constr type="h" for="ch" forName="desTx5" refType="h" refFor="ch" refForName="parTx5"/>
                  <dgm:constr type="l" for="ch" forName="parTx6" refType="w" fact="0.6644"/>
                  <dgm:constr type="t" for="ch" forName="parTx6" refType="h" fact="0.2061"/>
                  <dgm:constr type="w" for="ch" forName="parTx6" refType="w" fact="0.2275"/>
                  <dgm:constr type="h" for="ch" forName="parTx6" refType="h" fact="0.0811"/>
                  <dgm:constr type="ctrX" for="ch" forName="picture6" refType="w" fact="0.6541"/>
                  <dgm:constr type="ctrY" for="ch" forName="picture6" refType="h" fact="0.195"/>
                  <dgm:constr type="w" for="ch" forName="picture6" refType="w" fact="0.1055"/>
                  <dgm:constr type="h" for="ch" forName="picture6" refType="h" fact="0.1403"/>
                  <dgm:constr type="l" for="ch" forName="desTx6" refType="r" refFor="ch" refForName="parTx6"/>
                  <dgm:constr type="r" for="ch" forName="desTx6" refType="w"/>
                  <dgm:constr type="t" for="ch" forName="desTx6" refType="t" refFor="ch" refForName="parTx6"/>
                  <dgm:constr type="h" for="ch" forName="desTx6" refType="h" refFor="ch" refForName="parTx6"/>
                </dgm:constrLst>
              </dgm:if>
              <dgm:else name="Name57">
                <dgm:alg type="composite">
                  <dgm:param type="ar" val="1.1223"/>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primFontSz" for="ch" forName="parTx6" refType="primFontSz" refFor="ch" refForName="parTx1" op="equ"/>
                  <dgm:constr type="userD" refType="w" fact="0.0125"/>
                  <dgm:constr type="ctrX" for="ch" forName="dot1" refType="w" fact="0.4276"/>
                  <dgm:constr type="ctrY" for="ch" forName="dot1" refType="h" fact="0.8839"/>
                  <dgm:constr type="w" for="ch" forName="dot1" refType="userD"/>
                  <dgm:constr type="h" for="ch" forName="dot1" refType="userD"/>
                  <dgm:constr type="ctrX" for="ch" forName="dot2" refType="w" fact="0.401"/>
                  <dgm:constr type="ctrY" for="ch" forName="dot2" refType="h" fact="0.8967"/>
                  <dgm:constr type="w" for="ch" forName="dot2" refType="userD"/>
                  <dgm:constr type="h" for="ch" forName="dot2" refType="userD"/>
                  <dgm:constr type="ctrX" for="ch" forName="dot3" refType="w" fact="0.3739"/>
                  <dgm:constr type="ctrY" for="ch" forName="dot3" refType="h" fact="0.9076"/>
                  <dgm:constr type="w" for="ch" forName="dot3" refType="userD"/>
                  <dgm:constr type="h" for="ch" forName="dot3" refType="userD"/>
                  <dgm:constr type="ctrX" for="ch" forName="dot4" refType="w" fact="0.3464"/>
                  <dgm:constr type="ctrY" for="ch" forName="dot4" refType="h" fact="0.9165"/>
                  <dgm:constr type="w" for="ch" forName="dot4" refType="userD"/>
                  <dgm:constr type="h" for="ch" forName="dot4" refType="userD"/>
                  <dgm:constr type="ctrX" for="ch" forName="dot5" refType="w" fact="0.3186"/>
                  <dgm:constr type="ctrY" for="ch" forName="dot5" refType="h" fact="0.9234"/>
                  <dgm:constr type="w" for="ch" forName="dot5" refType="userD"/>
                  <dgm:constr type="h" for="ch" forName="dot5" refType="userD"/>
                  <dgm:constr type="ctrX" for="ch" forName="dot6" refType="w" fact="0.5786"/>
                  <dgm:constr type="ctrY" for="ch" forName="dot6" refType="h" fact="0.764"/>
                  <dgm:constr type="w" for="ch" forName="dot6" refType="userD"/>
                  <dgm:constr type="h" for="ch" forName="dot6" refType="userD"/>
                  <dgm:constr type="ctrX" for="ch" forName="dot7" refType="w" fact="0.5564"/>
                  <dgm:constr type="ctrY" for="ch" forName="dot7" refType="h" fact="0.7878"/>
                  <dgm:constr type="w" for="ch" forName="dot7" refType="userD"/>
                  <dgm:constr type="h" for="ch" forName="dot7" refType="userD"/>
                  <dgm:constr type="ctrX" for="ch" forName="dot8" refType="w" fact="0.675"/>
                  <dgm:constr type="ctrY" for="ch" forName="dot8" refType="h" fact="0.6227"/>
                  <dgm:constr type="w" for="ch" forName="dot8" refType="userD"/>
                  <dgm:constr type="h" for="ch" forName="dot8" refType="userD"/>
                  <dgm:constr type="ctrX" for="ch" forName="dot9" refType="w" fact="0.7403"/>
                  <dgm:constr type="ctrY" for="ch" forName="dot9" refType="h" fact="0.4556"/>
                  <dgm:constr type="w" for="ch" forName="dot9" refType="userD"/>
                  <dgm:constr type="h" for="ch" forName="dot9" refType="userD"/>
                  <dgm:constr type="ctrX" for="ch" forName="dot10" refType="w" fact="0.7714"/>
                  <dgm:constr type="ctrY" for="ch" forName="dot10" refType="h" fact="0.2816"/>
                  <dgm:constr type="w" for="ch" forName="dot10" refType="userD"/>
                  <dgm:constr type="h" for="ch" forName="dot10" refType="userD"/>
                  <dgm:constr type="ctrX" for="ch" forName="dotArrow1" refType="w" fact="0.7443"/>
                  <dgm:constr type="ctrY" for="ch" forName="dotArrow1" refType="h" fact="0.0748"/>
                  <dgm:constr type="w" for="ch" forName="dotArrow1" refType="userD"/>
                  <dgm:constr type="h" for="ch" forName="dotArrow1" refType="userD"/>
                  <dgm:constr type="ctrX" for="ch" forName="dotArrow2" refType="w" fact="0.7628"/>
                  <dgm:constr type="ctrY" for="ch" forName="dotArrow2" refType="h" fact="0.0581"/>
                  <dgm:constr type="w" for="ch" forName="dotArrow2" refType="userD"/>
                  <dgm:constr type="h" for="ch" forName="dotArrow2" refType="userD"/>
                  <dgm:constr type="ctrX" for="ch" forName="dotArrow3" refType="w" fact="0.7814"/>
                  <dgm:constr type="ctrY" for="ch" forName="dotArrow3" refType="h" fact="0.0414"/>
                  <dgm:constr type="w" for="ch" forName="dotArrow3" refType="userD"/>
                  <dgm:constr type="h" for="ch" forName="dotArrow3" refType="userD"/>
                  <dgm:constr type="ctrX" for="ch" forName="dotArrow4" refType="w" fact="0.7999"/>
                  <dgm:constr type="ctrY" for="ch" forName="dotArrow4" refType="h" fact="0.0581"/>
                  <dgm:constr type="w" for="ch" forName="dotArrow4" refType="userD"/>
                  <dgm:constr type="h" for="ch" forName="dotArrow4" refType="userD"/>
                  <dgm:constr type="ctrX" for="ch" forName="dotArrow5" refType="w" fact="0.8184"/>
                  <dgm:constr type="ctrY" for="ch" forName="dotArrow5" refType="h" fact="0.0748"/>
                  <dgm:constr type="w" for="ch" forName="dotArrow5" refType="userD"/>
                  <dgm:constr type="h" for="ch" forName="dotArrow5" refType="userD"/>
                  <dgm:constr type="ctrX" for="ch" forName="dotArrow6" refType="w" fact="0.7814"/>
                  <dgm:constr type="ctrY" for="ch" forName="dotArrow6" refType="h" fact="0.0766"/>
                  <dgm:constr type="w" for="ch" forName="dotArrow6" refType="userD"/>
                  <dgm:constr type="h" for="ch" forName="dotArrow6" refType="userD"/>
                  <dgm:constr type="ctrX" for="ch" forName="dotArrow7" refType="w" fact="0.7814"/>
                  <dgm:constr type="ctrY" for="ch" forName="dotArrow7" refType="h" fact="0.1118"/>
                  <dgm:constr type="w" for="ch" forName="dotArrow7" refType="userD"/>
                  <dgm:constr type="h" for="ch" forName="dotArrow7" refType="userD"/>
                  <dgm:constr type="l" for="ch" forName="parTx1" refType="w" fact="0.2479"/>
                  <dgm:constr type="t" for="ch" forName="parTx1" refType="h" fact="0.9416"/>
                  <dgm:constr type="w" for="ch" forName="parTx1" refType="w" fact="0.2696"/>
                  <dgm:constr type="h" for="ch" forName="parTx1" refType="h" fact="0.0811"/>
                  <dgm:constr type="ctrX" for="ch" forName="picture1" refType="w" fact="0.2356"/>
                  <dgm:constr type="ctrY" for="ch" forName="picture1" refType="h" fact="0.9322"/>
                  <dgm:constr type="w" for="ch" forName="picture1" refType="w" fact="0.125"/>
                  <dgm:constr type="h" for="ch" forName="picture1" refType="h" fact="0.1403"/>
                  <dgm:constr type="l" for="ch" forName="parTx2" refType="w" fact="0.5064"/>
                  <dgm:constr type="t" for="ch" forName="parTx2" refType="h" fact="0.8451"/>
                  <dgm:constr type="w" for="ch" forName="parTx2" refType="w" fact="0.2696"/>
                  <dgm:constr type="h" for="ch" forName="parTx2" refType="h" fact="0.0811"/>
                  <dgm:constr type="ctrX" for="ch" forName="picture2" refType="w" fact="0.4941"/>
                  <dgm:constr type="ctrY" for="ch" forName="picture2" refType="h" fact="0.8357"/>
                  <dgm:constr type="w" for="ch" forName="picture2" refType="w" fact="0.125"/>
                  <dgm:constr type="h" for="ch" forName="picture2" refType="h" fact="0.1403"/>
                  <dgm:constr type="l" for="ch" forName="parTx3" refType="w" fact="0.6339"/>
                  <dgm:constr type="t" for="ch" forName="parTx3" refType="h" fact="0.7006"/>
                  <dgm:constr type="w" for="ch" forName="parTx3" refType="w" fact="0.2696"/>
                  <dgm:constr type="h" for="ch" forName="parTx3" refType="h" fact="0.0811"/>
                  <dgm:constr type="ctrX" for="ch" forName="picture3" refType="w" fact="0.6216"/>
                  <dgm:constr type="ctrY" for="ch" forName="picture3" refType="h" fact="0.6912"/>
                  <dgm:constr type="w" for="ch" forName="picture3" refType="w" fact="0.125"/>
                  <dgm:constr type="h" for="ch" forName="picture3" refType="h" fact="0.1403"/>
                  <dgm:constr type="l" for="ch" forName="parTx4" refType="w" fact="0.7108"/>
                  <dgm:constr type="t" for="ch" forName="parTx4" refType="h" fact="0.5424"/>
                  <dgm:constr type="w" for="ch" forName="parTx4" refType="w" fact="0.2696"/>
                  <dgm:constr type="h" for="ch" forName="parTx4" refType="h" fact="0.0811"/>
                  <dgm:constr type="ctrX" for="ch" forName="picture4" refType="w" fact="0.6985"/>
                  <dgm:constr type="ctrY" for="ch" forName="picture4" refType="h" fact="0.533"/>
                  <dgm:constr type="w" for="ch" forName="picture4" refType="w" fact="0.125"/>
                  <dgm:constr type="h" for="ch" forName="picture4" refType="h" fact="0.1403"/>
                  <dgm:constr type="l" for="ch" forName="parTx5" refType="w" fact="0.7604"/>
                  <dgm:constr type="t" for="ch" forName="parTx5" refType="h" fact="0.372"/>
                  <dgm:constr type="w" for="ch" forName="parTx5" refType="w" fact="0.2696"/>
                  <dgm:constr type="h" for="ch" forName="parTx5" refType="h" fact="0.0811"/>
                  <dgm:constr type="ctrX" for="ch" forName="picture5" refType="w" fact="0.7481"/>
                  <dgm:constr type="ctrY" for="ch" forName="picture5" refType="h" fact="0.3626"/>
                  <dgm:constr type="w" for="ch" forName="picture5" refType="w" fact="0.125"/>
                  <dgm:constr type="h" for="ch" forName="picture5" refType="h" fact="0.1403"/>
                  <dgm:constr type="l" for="ch" forName="parTx6" refType="w" fact="0.7874"/>
                  <dgm:constr type="t" for="ch" forName="parTx6" refType="h" fact="0.2044"/>
                  <dgm:constr type="w" for="ch" forName="parTx6" refType="w" fact="0.2696"/>
                  <dgm:constr type="h" for="ch" forName="parTx6" refType="h" fact="0.0811"/>
                  <dgm:constr type="ctrX" for="ch" forName="picture6" refType="w" fact="0.7751"/>
                  <dgm:constr type="ctrY" for="ch" forName="picture6" refType="h" fact="0.195"/>
                  <dgm:constr type="w" for="ch" forName="picture6" refType="w" fact="0.125"/>
                  <dgm:constr type="h" for="ch" forName="picture6" refType="h" fact="0.1403"/>
                </dgm:constrLst>
              </dgm:else>
            </dgm:choose>
          </dgm:if>
          <dgm:else name="Name58">
            <dgm:choose name="Name59">
              <dgm:if name="Name60" axis="des" func="maxDepth" op="gt" val="1">
                <dgm:alg type="composite">
                  <dgm:param type="ar" val="1.33"/>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primFontSz" for="ch" forName="parTx6" refType="primFontSz" refFor="ch" refForName="parTx1" op="equ"/>
                  <dgm:constr type="primFontSz" for="ch" forName="desTx1" op="equ" val="65"/>
                  <dgm:constr type="primFontSz" for="ch" forName="desTx2" refType="primFontSz" refFor="ch" refForName="desTx1" op="equ"/>
                  <dgm:constr type="primFontSz" for="ch" forName="desTx3" refType="primFontSz" refFor="ch" refForName="desTx1" op="equ"/>
                  <dgm:constr type="primFontSz" for="ch" forName="desTx4" refType="primFontSz" refFor="ch" refForName="desTx1" op="equ"/>
                  <dgm:constr type="primFontSz" for="ch" forName="desTx5" refType="primFontSz" refFor="ch" refForName="desTx1" op="equ"/>
                  <dgm:constr type="primFontSz" for="ch" forName="desTx6" refType="primFontSz" refFor="ch" refForName="desTx1" op="equ"/>
                  <dgm:constr type="userD" refType="w" fact="0.0105"/>
                  <dgm:constr type="ctrX" for="ch" forName="dot1" refType="w" fact="0.6392"/>
                  <dgm:constr type="ctrY" for="ch" forName="dot1" refType="h" fact="0.8839"/>
                  <dgm:constr type="w" for="ch" forName="dot1" refType="userD"/>
                  <dgm:constr type="h" for="ch" forName="dot1" refType="userD"/>
                  <dgm:constr type="ctrX" for="ch" forName="dot2" refType="w" fact="0.6616"/>
                  <dgm:constr type="ctrY" for="ch" forName="dot2" refType="h" fact="0.8967"/>
                  <dgm:constr type="w" for="ch" forName="dot2" refType="userD"/>
                  <dgm:constr type="h" for="ch" forName="dot2" refType="userD"/>
                  <dgm:constr type="ctrX" for="ch" forName="dot3" refType="w" fact="0.6845"/>
                  <dgm:constr type="ctrY" for="ch" forName="dot3" refType="h" fact="0.9076"/>
                  <dgm:constr type="w" for="ch" forName="dot3" refType="userD"/>
                  <dgm:constr type="h" for="ch" forName="dot3" refType="userD"/>
                  <dgm:constr type="ctrX" for="ch" forName="dot4" refType="w" fact="0.7077"/>
                  <dgm:constr type="ctrY" for="ch" forName="dot4" refType="h" fact="0.9165"/>
                  <dgm:constr type="w" for="ch" forName="dot4" refType="userD"/>
                  <dgm:constr type="h" for="ch" forName="dot4" refType="userD"/>
                  <dgm:constr type="ctrX" for="ch" forName="dot5" refType="w" fact="0.7312"/>
                  <dgm:constr type="ctrY" for="ch" forName="dot5" refType="h" fact="0.9234"/>
                  <dgm:constr type="w" for="ch" forName="dot5" refType="userD"/>
                  <dgm:constr type="h" for="ch" forName="dot5" refType="userD"/>
                  <dgm:constr type="ctrX" for="ch" forName="dot6" refType="w" fact="0.5117"/>
                  <dgm:constr type="ctrY" for="ch" forName="dot6" refType="h" fact="0.764"/>
                  <dgm:constr type="w" for="ch" forName="dot6" refType="userD"/>
                  <dgm:constr type="h" for="ch" forName="dot6" refType="userD"/>
                  <dgm:constr type="ctrX" for="ch" forName="dot7" refType="w" fact="0.5305"/>
                  <dgm:constr type="ctrY" for="ch" forName="dot7" refType="h" fact="0.7878"/>
                  <dgm:constr type="w" for="ch" forName="dot7" refType="userD"/>
                  <dgm:constr type="h" for="ch" forName="dot7" refType="userD"/>
                  <dgm:constr type="ctrX" for="ch" forName="dot8" refType="w" fact="0.4304"/>
                  <dgm:constr type="ctrY" for="ch" forName="dot8" refType="h" fact="0.6227"/>
                  <dgm:constr type="w" for="ch" forName="dot8" refType="userD"/>
                  <dgm:constr type="h" for="ch" forName="dot8" refType="userD"/>
                  <dgm:constr type="ctrX" for="ch" forName="dot9" refType="w" fact="0.3753"/>
                  <dgm:constr type="ctrY" for="ch" forName="dot9" refType="h" fact="0.4556"/>
                  <dgm:constr type="w" for="ch" forName="dot9" refType="userD"/>
                  <dgm:constr type="h" for="ch" forName="dot9" refType="userD"/>
                  <dgm:constr type="ctrX" for="ch" forName="dot10" refType="w" fact="0.3491"/>
                  <dgm:constr type="ctrY" for="ch" forName="dot10" refType="h" fact="0.2816"/>
                  <dgm:constr type="w" for="ch" forName="dot10" refType="userD"/>
                  <dgm:constr type="h" for="ch" forName="dot10" refType="userD"/>
                  <dgm:constr type="ctrX" for="ch" forName="dotArrow1" refType="w" fact="0.3719"/>
                  <dgm:constr type="ctrY" for="ch" forName="dotArrow1" refType="h" fact="0.0748"/>
                  <dgm:constr type="w" for="ch" forName="dotArrow1" refType="userD"/>
                  <dgm:constr type="h" for="ch" forName="dotArrow1" refType="userD"/>
                  <dgm:constr type="ctrX" for="ch" forName="dotArrow2" refType="w" fact="0.3563"/>
                  <dgm:constr type="ctrY" for="ch" forName="dotArrow2" refType="h" fact="0.0581"/>
                  <dgm:constr type="w" for="ch" forName="dotArrow2" refType="userD"/>
                  <dgm:constr type="h" for="ch" forName="dotArrow2" refType="userD"/>
                  <dgm:constr type="ctrX" for="ch" forName="dotArrow3" refType="w" fact="0.3407"/>
                  <dgm:constr type="ctrY" for="ch" forName="dotArrow3" refType="h" fact="0.0414"/>
                  <dgm:constr type="w" for="ch" forName="dotArrow3" refType="userD"/>
                  <dgm:constr type="h" for="ch" forName="dotArrow3" refType="userD"/>
                  <dgm:constr type="ctrX" for="ch" forName="dotArrow4" refType="w" fact="0.325"/>
                  <dgm:constr type="ctrY" for="ch" forName="dotArrow4" refType="h" fact="0.0581"/>
                  <dgm:constr type="w" for="ch" forName="dotArrow4" refType="userD"/>
                  <dgm:constr type="h" for="ch" forName="dotArrow4" refType="userD"/>
                  <dgm:constr type="ctrX" for="ch" forName="dotArrow5" refType="w" fact="0.3094"/>
                  <dgm:constr type="ctrY" for="ch" forName="dotArrow5" refType="h" fact="0.0748"/>
                  <dgm:constr type="w" for="ch" forName="dotArrow5" refType="userD"/>
                  <dgm:constr type="h" for="ch" forName="dotArrow5" refType="userD"/>
                  <dgm:constr type="ctrX" for="ch" forName="dotArrow6" refType="w" fact="0.3407"/>
                  <dgm:constr type="ctrY" for="ch" forName="dotArrow6" refType="h" fact="0.0766"/>
                  <dgm:constr type="w" for="ch" forName="dotArrow6" refType="userD"/>
                  <dgm:constr type="h" for="ch" forName="dotArrow6" refType="userD"/>
                  <dgm:constr type="ctrX" for="ch" forName="dotArrow7" refType="w" fact="0.3407"/>
                  <dgm:constr type="ctrY" for="ch" forName="dotArrow7" refType="h" fact="0.1118"/>
                  <dgm:constr type="w" for="ch" forName="dotArrow7" refType="userD"/>
                  <dgm:constr type="h" for="ch" forName="dotArrow7" refType="userD"/>
                  <dgm:constr type="r" for="ch" forName="parTx1" refType="w" fact="0.7909"/>
                  <dgm:constr type="t" for="ch" forName="parTx1" refType="h" fact="0.9433"/>
                  <dgm:constr type="w" for="ch" forName="parTx1" refType="w" fact="0.2275"/>
                  <dgm:constr type="h" for="ch" forName="parTx1" refType="h" fact="0.0811"/>
                  <dgm:constr type="ctrX" for="ch" forName="picture1" refType="w" fact="0.8012"/>
                  <dgm:constr type="ctrY" for="ch" forName="picture1" refType="h" fact="0.9322"/>
                  <dgm:constr type="w" for="ch" forName="picture1" refType="w" fact="0.1055"/>
                  <dgm:constr type="h" for="ch" forName="picture1" refType="h" fact="0.1403"/>
                  <dgm:constr type="r" for="ch" forName="desTx1" refType="l" refFor="ch" refForName="parTx1"/>
                  <dgm:constr type="l" for="ch" forName="desTx1"/>
                  <dgm:constr type="t" for="ch" forName="desTx1" refType="t" refFor="ch" refForName="parTx1"/>
                  <dgm:constr type="h" for="ch" forName="desTx1" refType="h" refFor="ch" refForName="parTx1"/>
                  <dgm:constr type="r" for="ch" forName="parTx2" refType="w" fact="0.5727"/>
                  <dgm:constr type="t" for="ch" forName="parTx2" refType="h" fact="0.8468"/>
                  <dgm:constr type="w" for="ch" forName="parTx2" refType="w" fact="0.2275"/>
                  <dgm:constr type="h" for="ch" forName="parTx2" refType="h" fact="0.0811"/>
                  <dgm:constr type="ctrX" for="ch" forName="picture2" refType="w" fact="0.5831"/>
                  <dgm:constr type="ctrY" for="ch" forName="picture2" refType="h" fact="0.8357"/>
                  <dgm:constr type="w" for="ch" forName="picture2" refType="w" fact="0.1055"/>
                  <dgm:constr type="h" for="ch" forName="picture2" refType="h" fact="0.1403"/>
                  <dgm:constr type="r" for="ch" forName="desTx2" refType="l" refFor="ch" refForName="parTx2"/>
                  <dgm:constr type="l" for="ch" forName="desTx2"/>
                  <dgm:constr type="t" for="ch" forName="desTx2" refType="t" refFor="ch" refForName="parTx2"/>
                  <dgm:constr type="h" for="ch" forName="desTx2" refType="h" refFor="ch" refForName="parTx2"/>
                  <dgm:constr type="r" for="ch" forName="parTx3" refType="w" fact="0.4651"/>
                  <dgm:constr type="t" for="ch" forName="parTx3" refType="h" fact="0.7023"/>
                  <dgm:constr type="w" for="ch" forName="parTx3" refType="w" fact="0.2275"/>
                  <dgm:constr type="h" for="ch" forName="parTx3" refType="h" fact="0.0811"/>
                  <dgm:constr type="ctrX" for="ch" forName="picture3" refType="w" fact="0.4755"/>
                  <dgm:constr type="ctrY" for="ch" forName="picture3" refType="h" fact="0.6912"/>
                  <dgm:constr type="w" for="ch" forName="picture3" refType="w" fact="0.1055"/>
                  <dgm:constr type="h" for="ch" forName="picture3" refType="h" fact="0.1403"/>
                  <dgm:constr type="r" for="ch" forName="desTx3" refType="l" refFor="ch" refForName="parTx3"/>
                  <dgm:constr type="l" for="ch" forName="desTx3"/>
                  <dgm:constr type="t" for="ch" forName="desTx3" refType="t" refFor="ch" refForName="parTx3"/>
                  <dgm:constr type="h" for="ch" forName="desTx3" refType="h" refFor="ch" refForName="parTx3"/>
                  <dgm:constr type="r" for="ch" forName="parTx4" refType="w" fact="0.4002"/>
                  <dgm:constr type="t" for="ch" forName="parTx4" refType="h" fact="0.5441"/>
                  <dgm:constr type="w" for="ch" forName="parTx4" refType="w" fact="0.2275"/>
                  <dgm:constr type="h" for="ch" forName="parTx4" refType="h" fact="0.0811"/>
                  <dgm:constr type="ctrX" for="ch" forName="picture4" refType="w" fact="0.4106"/>
                  <dgm:constr type="ctrY" for="ch" forName="picture4" refType="h" fact="0.533"/>
                  <dgm:constr type="w" for="ch" forName="picture4" refType="w" fact="0.1055"/>
                  <dgm:constr type="h" for="ch" forName="picture4" refType="h" fact="0.1403"/>
                  <dgm:constr type="r" for="ch" forName="desTx4" refType="l" refFor="ch" refForName="parTx4"/>
                  <dgm:constr type="l" for="ch" forName="desTx4"/>
                  <dgm:constr type="t" for="ch" forName="desTx4" refType="t" refFor="ch" refForName="parTx4"/>
                  <dgm:constr type="h" for="ch" forName="desTx4" refType="h" refFor="ch" refForName="parTx4"/>
                  <dgm:constr type="r" for="ch" forName="parTx5" refType="w" fact="0.3584"/>
                  <dgm:constr type="t" for="ch" forName="parTx5" refType="h" fact="0.3737"/>
                  <dgm:constr type="w" for="ch" forName="parTx5" refType="w" fact="0.2275"/>
                  <dgm:constr type="h" for="ch" forName="parTx5" refType="h" fact="0.0811"/>
                  <dgm:constr type="ctrX" for="ch" forName="picture5" refType="w" fact="0.3687"/>
                  <dgm:constr type="ctrY" for="ch" forName="picture5" refType="h" fact="0.3626"/>
                  <dgm:constr type="w" for="ch" forName="picture5" refType="w" fact="0.1055"/>
                  <dgm:constr type="h" for="ch" forName="picture5" refType="h" fact="0.1403"/>
                  <dgm:constr type="r" for="ch" forName="desTx5" refType="l" refFor="ch" refForName="parTx5"/>
                  <dgm:constr type="l" for="ch" forName="desTx5"/>
                  <dgm:constr type="t" for="ch" forName="desTx5" refType="t" refFor="ch" refForName="parTx5"/>
                  <dgm:constr type="h" for="ch" forName="desTx5" refType="h" refFor="ch" refForName="parTx5"/>
                  <dgm:constr type="r" for="ch" forName="parTx6" refType="w" fact="0.3356"/>
                  <dgm:constr type="t" for="ch" forName="parTx6" refType="h" fact="0.2061"/>
                  <dgm:constr type="w" for="ch" forName="parTx6" refType="w" fact="0.2275"/>
                  <dgm:constr type="h" for="ch" forName="parTx6" refType="h" fact="0.0811"/>
                  <dgm:constr type="ctrX" for="ch" forName="picture6" refType="w" fact="0.3459"/>
                  <dgm:constr type="ctrY" for="ch" forName="picture6" refType="h" fact="0.195"/>
                  <dgm:constr type="w" for="ch" forName="picture6" refType="w" fact="0.1055"/>
                  <dgm:constr type="h" for="ch" forName="picture6" refType="h" fact="0.1403"/>
                  <dgm:constr type="r" for="ch" forName="desTx6" refType="l" refFor="ch" refForName="parTx6"/>
                  <dgm:constr type="l" for="ch" forName="desTx6"/>
                  <dgm:constr type="t" for="ch" forName="desTx6" refType="t" refFor="ch" refForName="parTx6"/>
                  <dgm:constr type="h" for="ch" forName="desTx6" refType="h" refFor="ch" refForName="parTx6"/>
                </dgm:constrLst>
              </dgm:if>
              <dgm:else name="Name61">
                <dgm:alg type="composite">
                  <dgm:param type="ar" val="1.1223"/>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primFontSz" for="ch" forName="parTx6" refType="primFontSz" refFor="ch" refForName="parTx1" op="equ"/>
                  <dgm:constr type="userD" refType="w" fact="0.0125"/>
                  <dgm:constr type="ctrX" for="ch" forName="dot1" refType="w" fact="0.5724"/>
                  <dgm:constr type="ctrY" for="ch" forName="dot1" refType="h" fact="0.8839"/>
                  <dgm:constr type="w" for="ch" forName="dot1" refType="userD"/>
                  <dgm:constr type="h" for="ch" forName="dot1" refType="userD"/>
                  <dgm:constr type="ctrX" for="ch" forName="dot2" refType="w" fact="0.599"/>
                  <dgm:constr type="ctrY" for="ch" forName="dot2" refType="h" fact="0.8967"/>
                  <dgm:constr type="w" for="ch" forName="dot2" refType="userD"/>
                  <dgm:constr type="h" for="ch" forName="dot2" refType="userD"/>
                  <dgm:constr type="ctrX" for="ch" forName="dot3" refType="w" fact="0.6261"/>
                  <dgm:constr type="ctrY" for="ch" forName="dot3" refType="h" fact="0.9076"/>
                  <dgm:constr type="w" for="ch" forName="dot3" refType="userD"/>
                  <dgm:constr type="h" for="ch" forName="dot3" refType="userD"/>
                  <dgm:constr type="ctrX" for="ch" forName="dot4" refType="w" fact="0.6536"/>
                  <dgm:constr type="ctrY" for="ch" forName="dot4" refType="h" fact="0.9165"/>
                  <dgm:constr type="w" for="ch" forName="dot4" refType="userD"/>
                  <dgm:constr type="h" for="ch" forName="dot4" refType="userD"/>
                  <dgm:constr type="ctrX" for="ch" forName="dot5" refType="w" fact="0.6814"/>
                  <dgm:constr type="ctrY" for="ch" forName="dot5" refType="h" fact="0.9234"/>
                  <dgm:constr type="w" for="ch" forName="dot5" refType="userD"/>
                  <dgm:constr type="h" for="ch" forName="dot5" refType="userD"/>
                  <dgm:constr type="ctrX" for="ch" forName="dot6" refType="w" fact="0.4214"/>
                  <dgm:constr type="ctrY" for="ch" forName="dot6" refType="h" fact="0.764"/>
                  <dgm:constr type="w" for="ch" forName="dot6" refType="userD"/>
                  <dgm:constr type="h" for="ch" forName="dot6" refType="userD"/>
                  <dgm:constr type="ctrX" for="ch" forName="dot7" refType="w" fact="0.4436"/>
                  <dgm:constr type="ctrY" for="ch" forName="dot7" refType="h" fact="0.7878"/>
                  <dgm:constr type="w" for="ch" forName="dot7" refType="userD"/>
                  <dgm:constr type="h" for="ch" forName="dot7" refType="userD"/>
                  <dgm:constr type="ctrX" for="ch" forName="dot8" refType="w" fact="0.325"/>
                  <dgm:constr type="ctrY" for="ch" forName="dot8" refType="h" fact="0.6227"/>
                  <dgm:constr type="w" for="ch" forName="dot8" refType="userD"/>
                  <dgm:constr type="h" for="ch" forName="dot8" refType="userD"/>
                  <dgm:constr type="ctrX" for="ch" forName="dot9" refType="w" fact="0.2597"/>
                  <dgm:constr type="ctrY" for="ch" forName="dot9" refType="h" fact="0.4556"/>
                  <dgm:constr type="w" for="ch" forName="dot9" refType="userD"/>
                  <dgm:constr type="h" for="ch" forName="dot9" refType="userD"/>
                  <dgm:constr type="ctrX" for="ch" forName="dot10" refType="w" fact="0.2286"/>
                  <dgm:constr type="ctrY" for="ch" forName="dot10" refType="h" fact="0.2816"/>
                  <dgm:constr type="w" for="ch" forName="dot10" refType="userD"/>
                  <dgm:constr type="h" for="ch" forName="dot10" refType="userD"/>
                  <dgm:constr type="ctrX" for="ch" forName="dotArrow1" refType="w" fact="0.2557"/>
                  <dgm:constr type="ctrY" for="ch" forName="dotArrow1" refType="h" fact="0.0748"/>
                  <dgm:constr type="w" for="ch" forName="dotArrow1" refType="userD"/>
                  <dgm:constr type="h" for="ch" forName="dotArrow1" refType="userD"/>
                  <dgm:constr type="ctrX" for="ch" forName="dotArrow2" refType="w" fact="0.2372"/>
                  <dgm:constr type="ctrY" for="ch" forName="dotArrow2" refType="h" fact="0.0581"/>
                  <dgm:constr type="w" for="ch" forName="dotArrow2" refType="userD"/>
                  <dgm:constr type="h" for="ch" forName="dotArrow2" refType="userD"/>
                  <dgm:constr type="ctrX" for="ch" forName="dotArrow3" refType="w" fact="0.2187"/>
                  <dgm:constr type="ctrY" for="ch" forName="dotArrow3" refType="h" fact="0.0414"/>
                  <dgm:constr type="w" for="ch" forName="dotArrow3" refType="userD"/>
                  <dgm:constr type="h" for="ch" forName="dotArrow3" refType="userD"/>
                  <dgm:constr type="ctrX" for="ch" forName="dotArrow4" refType="w" fact="0.2001"/>
                  <dgm:constr type="ctrY" for="ch" forName="dotArrow4" refType="h" fact="0.0581"/>
                  <dgm:constr type="w" for="ch" forName="dotArrow4" refType="userD"/>
                  <dgm:constr type="h" for="ch" forName="dotArrow4" refType="userD"/>
                  <dgm:constr type="ctrX" for="ch" forName="dotArrow5" refType="w" fact="0.1816"/>
                  <dgm:constr type="ctrY" for="ch" forName="dotArrow5" refType="h" fact="0.0748"/>
                  <dgm:constr type="w" for="ch" forName="dotArrow5" refType="userD"/>
                  <dgm:constr type="h" for="ch" forName="dotArrow5" refType="userD"/>
                  <dgm:constr type="ctrX" for="ch" forName="dotArrow6" refType="w" fact="0.2187"/>
                  <dgm:constr type="ctrY" for="ch" forName="dotArrow6" refType="h" fact="0.0766"/>
                  <dgm:constr type="w" for="ch" forName="dotArrow6" refType="userD"/>
                  <dgm:constr type="h" for="ch" forName="dotArrow6" refType="userD"/>
                  <dgm:constr type="ctrX" for="ch" forName="dotArrow7" refType="w" fact="0.2187"/>
                  <dgm:constr type="ctrY" for="ch" forName="dotArrow7" refType="h" fact="0.1118"/>
                  <dgm:constr type="w" for="ch" forName="dotArrow7" refType="userD"/>
                  <dgm:constr type="h" for="ch" forName="dotArrow7" refType="userD"/>
                  <dgm:constr type="r" for="ch" forName="parTx1" refType="w" fact="0.7522"/>
                  <dgm:constr type="t" for="ch" forName="parTx1" refType="h" fact="0.9416"/>
                  <dgm:constr type="w" for="ch" forName="parTx1" refType="w" fact="0.2696"/>
                  <dgm:constr type="h" for="ch" forName="parTx1" refType="h" fact="0.0811"/>
                  <dgm:constr type="ctrX" for="ch" forName="picture1" refType="w" fact="0.7644"/>
                  <dgm:constr type="ctrY" for="ch" forName="picture1" refType="h" fact="0.9322"/>
                  <dgm:constr type="w" for="ch" forName="picture1" refType="w" fact="0.125"/>
                  <dgm:constr type="h" for="ch" forName="picture1" refType="h" fact="0.1403"/>
                  <dgm:constr type="r" for="ch" forName="parTx2" refType="w" fact="0.4937"/>
                  <dgm:constr type="t" for="ch" forName="parTx2" refType="h" fact="0.8451"/>
                  <dgm:constr type="w" for="ch" forName="parTx2" refType="w" fact="0.2696"/>
                  <dgm:constr type="h" for="ch" forName="parTx2" refType="h" fact="0.0811"/>
                  <dgm:constr type="ctrX" for="ch" forName="picture2" refType="w" fact="0.5059"/>
                  <dgm:constr type="ctrY" for="ch" forName="picture2" refType="h" fact="0.8357"/>
                  <dgm:constr type="w" for="ch" forName="picture2" refType="w" fact="0.125"/>
                  <dgm:constr type="h" for="ch" forName="picture2" refType="h" fact="0.1403"/>
                  <dgm:constr type="r" for="ch" forName="parTx3" refType="w" fact="0.3662"/>
                  <dgm:constr type="t" for="ch" forName="parTx3" refType="h" fact="0.7006"/>
                  <dgm:constr type="w" for="ch" forName="parTx3" refType="w" fact="0.2696"/>
                  <dgm:constr type="h" for="ch" forName="parTx3" refType="h" fact="0.0811"/>
                  <dgm:constr type="ctrX" for="ch" forName="picture3" refType="w" fact="0.3784"/>
                  <dgm:constr type="ctrY" for="ch" forName="picture3" refType="h" fact="0.6912"/>
                  <dgm:constr type="w" for="ch" forName="picture3" refType="w" fact="0.125"/>
                  <dgm:constr type="h" for="ch" forName="picture3" refType="h" fact="0.1403"/>
                  <dgm:constr type="r" for="ch" forName="parTx4" refType="w" fact="0.2893"/>
                  <dgm:constr type="t" for="ch" forName="parTx4" refType="h" fact="0.5424"/>
                  <dgm:constr type="w" for="ch" forName="parTx4" refType="w" fact="0.2696"/>
                  <dgm:constr type="h" for="ch" forName="parTx4" refType="h" fact="0.0811"/>
                  <dgm:constr type="ctrX" for="ch" forName="picture4" refType="w" fact="0.3015"/>
                  <dgm:constr type="ctrY" for="ch" forName="picture4" refType="h" fact="0.533"/>
                  <dgm:constr type="w" for="ch" forName="picture4" refType="w" fact="0.125"/>
                  <dgm:constr type="h" for="ch" forName="picture4" refType="h" fact="0.1403"/>
                  <dgm:constr type="r" for="ch" forName="parTx5" refType="w" fact="0.2397"/>
                  <dgm:constr type="t" for="ch" forName="parTx5" refType="h" fact="0.372"/>
                  <dgm:constr type="w" for="ch" forName="parTx5" refType="w" fact="0.2696"/>
                  <dgm:constr type="h" for="ch" forName="parTx5" refType="h" fact="0.0811"/>
                  <dgm:constr type="ctrX" for="ch" forName="picture5" refType="w" fact="0.2519"/>
                  <dgm:constr type="ctrY" for="ch" forName="picture5" refType="h" fact="0.3626"/>
                  <dgm:constr type="w" for="ch" forName="picture5" refType="w" fact="0.125"/>
                  <dgm:constr type="h" for="ch" forName="picture5" refType="h" fact="0.1403"/>
                  <dgm:constr type="r" for="ch" forName="parTx6" refType="w" fact="0.2127"/>
                  <dgm:constr type="t" for="ch" forName="parTx6" refType="h" fact="0.2044"/>
                  <dgm:constr type="w" for="ch" forName="parTx6" refType="w" fact="0.2696"/>
                  <dgm:constr type="h" for="ch" forName="parTx6" refType="h" fact="0.0811"/>
                  <dgm:constr type="ctrX" for="ch" forName="picture6" refType="w" fact="0.2249"/>
                  <dgm:constr type="ctrY" for="ch" forName="picture6" refType="h" fact="0.195"/>
                  <dgm:constr type="w" for="ch" forName="picture6" refType="w" fact="0.125"/>
                  <dgm:constr type="h" for="ch" forName="picture6" refType="h" fact="0.1403"/>
                </dgm:constrLst>
              </dgm:else>
            </dgm:choose>
          </dgm:else>
        </dgm:choose>
      </dgm:if>
      <dgm:else name="Name62">
        <dgm:choose name="Name63">
          <dgm:if name="Name64" func="var" arg="dir" op="equ" val="norm">
            <dgm:choose name="Name65">
              <dgm:if name="Name66" axis="des" func="maxDepth" op="gt" val="1">
                <dgm:alg type="composite">
                  <dgm:param type="ar" val="1.25"/>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primFontSz" for="ch" forName="parTx6" refType="primFontSz" refFor="ch" refForName="parTx1" op="equ"/>
                  <dgm:constr type="primFontSz" for="ch" forName="parTx7" refType="primFontSz" refFor="ch" refForName="parTx1" op="equ"/>
                  <dgm:constr type="primFontSz" for="ch" forName="desTx1" op="equ" val="65"/>
                  <dgm:constr type="primFontSz" for="ch" forName="desTx2" refType="primFontSz" refFor="ch" refForName="desTx1" op="equ"/>
                  <dgm:constr type="primFontSz" for="ch" forName="desTx3" refType="primFontSz" refFor="ch" refForName="desTx1" op="equ"/>
                  <dgm:constr type="primFontSz" for="ch" forName="desTx4" refType="primFontSz" refFor="ch" refForName="desTx1" op="equ"/>
                  <dgm:constr type="primFontSz" for="ch" forName="desTx5" refType="primFontSz" refFor="ch" refForName="desTx1" op="equ"/>
                  <dgm:constr type="primFontSz" for="ch" forName="desTx6" refType="primFontSz" refFor="ch" refForName="desTx1" op="equ"/>
                  <dgm:constr type="primFontSz" for="ch" forName="desTx7" refType="primFontSz" refFor="ch" refForName="desTx1" op="equ"/>
                  <dgm:constr type="userD" refType="w" fact="0.0097"/>
                  <dgm:constr type="ctrX" for="ch" forName="dot1" refType="w" fact="0.3909"/>
                  <dgm:constr type="ctrY" for="ch" forName="dot1" refType="h" fact="0.8342"/>
                  <dgm:constr type="w" for="ch" forName="dot1" refType="userD"/>
                  <dgm:constr type="h" for="ch" forName="dot1" refType="userD"/>
                  <dgm:constr type="ctrX" for="ch" forName="dot2" refType="w" fact="0.3721"/>
                  <dgm:constr type="ctrY" for="ch" forName="dot2" refType="h" fact="0.8448"/>
                  <dgm:constr type="w" for="ch" forName="dot2" refType="userD"/>
                  <dgm:constr type="h" for="ch" forName="dot2" refType="userD"/>
                  <dgm:constr type="ctrX" for="ch" forName="dot3" refType="w" fact="0.353"/>
                  <dgm:constr type="ctrY" for="ch" forName="dot3" refType="h" fact="0.8539"/>
                  <dgm:constr type="w" for="ch" forName="dot3" refType="userD"/>
                  <dgm:constr type="h" for="ch" forName="dot3" refType="userD"/>
                  <dgm:constr type="ctrX" for="ch" forName="dot4" refType="w" fact="0.3337"/>
                  <dgm:constr type="ctrY" for="ch" forName="dot4" refType="h" fact="0.8615"/>
                  <dgm:constr type="w" for="ch" forName="dot4" refType="userD"/>
                  <dgm:constr type="h" for="ch" forName="dot4" refType="userD"/>
                  <dgm:constr type="ctrX" for="ch" forName="dot5" refType="w" fact="0.3142"/>
                  <dgm:constr type="ctrY" for="ch" forName="dot5" refType="h" fact="0.8676"/>
                  <dgm:constr type="w" for="ch" forName="dot5" refType="userD"/>
                  <dgm:constr type="h" for="ch" forName="dot5" refType="userD"/>
                  <dgm:constr type="ctrX" for="ch" forName="dot6" refType="w" fact="0.5088"/>
                  <dgm:constr type="ctrY" for="ch" forName="dot6" refType="h" fact="0.7255"/>
                  <dgm:constr type="w" for="ch" forName="dot6" refType="userD"/>
                  <dgm:constr type="h" for="ch" forName="dot6" refType="userD"/>
                  <dgm:constr type="ctrX" for="ch" forName="dot7" refType="w" fact="0.4926"/>
                  <dgm:constr type="ctrY" for="ch" forName="dot7" refType="h" fact="0.7454"/>
                  <dgm:constr type="w" for="ch" forName="dot7" refType="userD"/>
                  <dgm:constr type="h" for="ch" forName="dot7" refType="userD"/>
                  <dgm:constr type="ctrX" for="ch" forName="dot8" refType="w" fact="0.5836"/>
                  <dgm:constr type="ctrY" for="ch" forName="dot8" refType="h" fact="0.6026"/>
                  <dgm:constr type="w" for="ch" forName="dot8" refType="userD"/>
                  <dgm:constr type="h" for="ch" forName="dot8" refType="userD"/>
                  <dgm:constr type="ctrX" for="ch" forName="dot9" refType="w" fact="0.6371"/>
                  <dgm:constr type="ctrY" for="ch" forName="dot9" refType="h" fact="0.4632"/>
                  <dgm:constr type="w" for="ch" forName="dot9" refType="userD"/>
                  <dgm:constr type="h" for="ch" forName="dot9" refType="userD"/>
                  <dgm:constr type="ctrX" for="ch" forName="dot10" refType="w" fact="0.6701"/>
                  <dgm:constr type="ctrY" for="ch" forName="dot10" refType="h" fact="0.3187"/>
                  <dgm:constr type="w" for="ch" forName="dot10" refType="userD"/>
                  <dgm:constr type="h" for="ch" forName="dot10" refType="userD"/>
                  <dgm:constr type="ctrX" for="ch" forName="dot11" refType="w" fact="0.6853"/>
                  <dgm:constr type="ctrY" for="ch" forName="dot11" refType="h" fact="0.1763"/>
                  <dgm:constr type="w" for="ch" forName="dot11" refType="userD"/>
                  <dgm:constr type="h" for="ch" forName="dot11" refType="userD"/>
                  <dgm:constr type="ctrX" for="ch" forName="dotArrow1" refType="w" fact="0.6627"/>
                  <dgm:constr type="ctrY" for="ch" forName="dotArrow1" refType="h" fact="-0.0099"/>
                  <dgm:constr type="w" for="ch" forName="dotArrow1" refType="userD"/>
                  <dgm:constr type="h" for="ch" forName="dotArrow1" refType="userD"/>
                  <dgm:constr type="ctrX" for="ch" forName="dotArrow2" refType="w" fact="0.6773"/>
                  <dgm:constr type="ctrY" for="ch" forName="dotArrow2" refType="h" fact="-0.0239"/>
                  <dgm:constr type="w" for="ch" forName="dotArrow2" refType="userD"/>
                  <dgm:constr type="h" for="ch" forName="dotArrow2" refType="userD"/>
                  <dgm:constr type="ctrX" for="ch" forName="dotArrow3" refType="w" fact="0.6919"/>
                  <dgm:constr type="ctrY" for="ch" forName="dotArrow3" refType="h" fact="-0.0378"/>
                  <dgm:constr type="w" for="ch" forName="dotArrow3" refType="userD"/>
                  <dgm:constr type="h" for="ch" forName="dotArrow3" refType="userD"/>
                  <dgm:constr type="ctrX" for="ch" forName="dotArrow4" refType="w" fact="0.7065"/>
                  <dgm:constr type="ctrY" for="ch" forName="dotArrow4" refType="h" fact="-0.0239"/>
                  <dgm:constr type="w" for="ch" forName="dotArrow4" refType="userD"/>
                  <dgm:constr type="h" for="ch" forName="dotArrow4" refType="userD"/>
                  <dgm:constr type="ctrX" for="ch" forName="dotArrow5" refType="w" fact="0.7212"/>
                  <dgm:constr type="ctrY" for="ch" forName="dotArrow5" refType="h" fact="-0.0099"/>
                  <dgm:constr type="w" for="ch" forName="dotArrow5" refType="userD"/>
                  <dgm:constr type="h" for="ch" forName="dotArrow5" refType="userD"/>
                  <dgm:constr type="ctrX" for="ch" forName="dotArrow6" refType="w" fact="0.6919"/>
                  <dgm:constr type="ctrY" for="ch" forName="dotArrow6" refType="h" fact="-0.0084"/>
                  <dgm:constr type="w" for="ch" forName="dotArrow6" refType="userD"/>
                  <dgm:constr type="h" for="ch" forName="dotArrow6" refType="userD"/>
                  <dgm:constr type="ctrX" for="ch" forName="dotArrow7" refType="w" fact="0.6919"/>
                  <dgm:constr type="ctrY" for="ch" forName="dotArrow7" refType="h" fact="0.0211"/>
                  <dgm:constr type="w" for="ch" forName="dotArrow7" refType="userD"/>
                  <dgm:constr type="h" for="ch" forName="dotArrow7" refType="userD"/>
                  <dgm:constr type="l" for="ch" forName="parTx1" refType="w" fact="0.2556"/>
                  <dgm:constr type="t" for="ch" forName="parTx1" refType="h" fact="0.8856"/>
                  <dgm:constr type="w" for="ch" forName="parTx1" refType="w" fact="0.2101"/>
                  <dgm:constr type="h" for="ch" forName="parTx1" refType="h" fact="0.0704"/>
                  <dgm:constr type="ctrX" for="ch" forName="picture1" refType="w" fact="0.246"/>
                  <dgm:constr type="ctrY" for="ch" forName="picture1" refType="h" fact="0.8769"/>
                  <dgm:constr type="w" for="ch" forName="picture1" refType="w" fact="0.0974"/>
                  <dgm:constr type="h" for="ch" forName="picture1" refType="h" fact="0.1218"/>
                  <dgm:constr type="l" for="ch" forName="desTx1" refType="r" refFor="ch" refForName="parTx1"/>
                  <dgm:constr type="r" for="ch" forName="desTx1" refType="w"/>
                  <dgm:constr type="t" for="ch" forName="desTx1" refType="t" refFor="ch" refForName="parTx1"/>
                  <dgm:constr type="h" for="ch" forName="desTx1" refType="h" refFor="ch" refForName="parTx1"/>
                  <dgm:constr type="l" for="ch" forName="parTx2" refType="w" fact="0.4535"/>
                  <dgm:constr type="t" for="ch" forName="parTx2" refType="h" fact="0.7956"/>
                  <dgm:constr type="w" for="ch" forName="parTx2" refType="w" fact="0.2101"/>
                  <dgm:constr type="h" for="ch" forName="parTx2" refType="h" fact="0.0704"/>
                  <dgm:constr type="ctrX" for="ch" forName="picture2" refType="w" fact="0.4439"/>
                  <dgm:constr type="ctrY" for="ch" forName="picture2" refType="h" fact="0.787"/>
                  <dgm:constr type="w" for="ch" forName="picture2" refType="w" fact="0.0974"/>
                  <dgm:constr type="h" for="ch" forName="picture2" refType="h" fact="0.1218"/>
                  <dgm:constr type="l" for="ch" forName="desTx2" refType="r" refFor="ch" refForName="parTx2"/>
                  <dgm:constr type="r" for="ch" forName="desTx2" refType="w"/>
                  <dgm:constr type="t" for="ch" forName="desTx2" refType="t" refFor="ch" refForName="parTx2"/>
                  <dgm:constr type="h" for="ch" forName="desTx2" refType="h" refFor="ch" refForName="parTx2"/>
                  <dgm:constr type="l" for="ch" forName="parTx3" refType="w" fact="0.5511"/>
                  <dgm:constr type="t" for="ch" forName="parTx3" refType="h" fact="0.673"/>
                  <dgm:constr type="w" for="ch" forName="parTx3" refType="w" fact="0.2101"/>
                  <dgm:constr type="h" for="ch" forName="parTx3" refType="h" fact="0.0704"/>
                  <dgm:constr type="ctrX" for="ch" forName="picture3" refType="w" fact="0.5415"/>
                  <dgm:constr type="ctrY" for="ch" forName="picture3" refType="h" fact="0.6644"/>
                  <dgm:constr type="w" for="ch" forName="picture3" refType="w" fact="0.0974"/>
                  <dgm:constr type="h" for="ch" forName="picture3" refType="h" fact="0.1218"/>
                  <dgm:constr type="l" for="ch" forName="desTx3" refType="r" refFor="ch" refForName="parTx3"/>
                  <dgm:constr type="r" for="ch" forName="desTx3" refType="w"/>
                  <dgm:constr type="t" for="ch" forName="desTx3" refType="t" refFor="ch" refForName="parTx3"/>
                  <dgm:constr type="h" for="ch" forName="desTx3" refType="h" refFor="ch" refForName="parTx3"/>
                  <dgm:constr type="l" for="ch" forName="parTx4" refType="w" fact="0.6132"/>
                  <dgm:constr type="t" for="ch" forName="parTx4" refType="h" fact="0.538"/>
                  <dgm:constr type="w" for="ch" forName="parTx4" refType="w" fact="0.2101"/>
                  <dgm:constr type="h" for="ch" forName="parTx4" refType="h" fact="0.0704"/>
                  <dgm:constr type="ctrX" for="ch" forName="picture4" refType="w" fact="0.6037"/>
                  <dgm:constr type="ctrY" for="ch" forName="picture4" refType="h" fact="0.5294"/>
                  <dgm:constr type="w" for="ch" forName="picture4" refType="w" fact="0.0974"/>
                  <dgm:constr type="h" for="ch" forName="picture4" refType="h" fact="0.1218"/>
                  <dgm:constr type="l" for="ch" forName="desTx4" refType="r" refFor="ch" refForName="parTx4"/>
                  <dgm:constr type="r" for="ch" forName="desTx4" refType="w"/>
                  <dgm:constr type="t" for="ch" forName="desTx4" refType="t" refFor="ch" refForName="parTx4"/>
                  <dgm:constr type="h" for="ch" forName="desTx4" refType="h" refFor="ch" refForName="parTx4"/>
                  <dgm:constr type="l" for="ch" forName="parTx5" refType="w" fact="0.6576"/>
                  <dgm:constr type="t" for="ch" forName="parTx5" refType="h" fact="0.3951"/>
                  <dgm:constr type="w" for="ch" forName="parTx5" refType="w" fact="0.2101"/>
                  <dgm:constr type="h" for="ch" forName="parTx5" refType="h" fact="0.0704"/>
                  <dgm:constr type="ctrX" for="ch" forName="picture5" refType="w" fact="0.648"/>
                  <dgm:constr type="ctrY" for="ch" forName="picture5" refType="h" fact="0.3864"/>
                  <dgm:constr type="w" for="ch" forName="picture5" refType="w" fact="0.0974"/>
                  <dgm:constr type="h" for="ch" forName="picture5" refType="h" fact="0.1218"/>
                  <dgm:constr type="l" for="ch" forName="desTx5" refType="r" refFor="ch" refForName="parTx5"/>
                  <dgm:constr type="r" for="ch" forName="desTx5" refType="w"/>
                  <dgm:constr type="t" for="ch" forName="desTx5" refType="t" refFor="ch" refForName="parTx5"/>
                  <dgm:constr type="h" for="ch" forName="desTx5" refType="h" refFor="ch" refForName="parTx5"/>
                  <dgm:constr type="l" for="ch" forName="parTx6" refType="w" fact="0.6828"/>
                  <dgm:constr type="t" for="ch" forName="parTx6" refType="h" fact="0.2531"/>
                  <dgm:constr type="w" for="ch" forName="parTx6" refType="w" fact="0.2101"/>
                  <dgm:constr type="h" for="ch" forName="parTx6" refType="h" fact="0.0704"/>
                  <dgm:constr type="ctrX" for="ch" forName="picture6" refType="w" fact="0.6733"/>
                  <dgm:constr type="ctrY" for="ch" forName="picture6" refType="h" fact="0.2444"/>
                  <dgm:constr type="w" for="ch" forName="picture6" refType="w" fact="0.0974"/>
                  <dgm:constr type="h" for="ch" forName="picture6" refType="h" fact="0.1218"/>
                  <dgm:constr type="l" for="ch" forName="desTx6" refType="r" refFor="ch" refForName="parTx6"/>
                  <dgm:constr type="r" for="ch" forName="desTx6" refType="w"/>
                  <dgm:constr type="t" for="ch" forName="desTx6" refType="t" refFor="ch" refForName="parTx6"/>
                  <dgm:constr type="h" for="ch" forName="desTx6" refType="h" refFor="ch" refForName="parTx6"/>
                  <dgm:constr type="l" for="ch" forName="parTx7" refType="w" fact="0.6966"/>
                  <dgm:constr type="t" for="ch" forName="parTx7" refType="h" fact="0.1162"/>
                  <dgm:constr type="w" for="ch" forName="parTx7" refType="w" fact="0.2101"/>
                  <dgm:constr type="h" for="ch" forName="parTx7" refType="h" fact="0.0704"/>
                  <dgm:constr type="ctrX" for="ch" forName="picture7" refType="w" fact="0.6871"/>
                  <dgm:constr type="ctrY" for="ch" forName="picture7" refType="h" fact="0.1075"/>
                  <dgm:constr type="w" for="ch" forName="picture7" refType="w" fact="0.0974"/>
                  <dgm:constr type="h" for="ch" forName="picture7" refType="h" fact="0.1218"/>
                  <dgm:constr type="l" for="ch" forName="desTx7" refType="r" refFor="ch" refForName="parTx7"/>
                  <dgm:constr type="r" for="ch" forName="desTx7" refType="w"/>
                  <dgm:constr type="t" for="ch" forName="desTx7" refType="t" refFor="ch" refForName="parTx7"/>
                  <dgm:constr type="h" for="ch" forName="desTx7" refType="h" refFor="ch" refForName="parTx7"/>
                </dgm:constrLst>
              </dgm:if>
              <dgm:else name="Name67">
                <dgm:alg type="composite">
                  <dgm:param type="ar" val="1.096"/>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primFontSz" for="ch" forName="parTx6" refType="primFontSz" refFor="ch" refForName="parTx1" op="equ"/>
                  <dgm:constr type="primFontSz" for="ch" forName="parTx7" refType="primFontSz" refFor="ch" refForName="parTx1" op="equ"/>
                  <dgm:constr type="userD" refType="w" fact="0.0111"/>
                  <dgm:constr type="ctrX" for="ch" forName="dot1" refType="w" fact="0.4459"/>
                  <dgm:constr type="ctrY" for="ch" forName="dot1" refType="h" fact="0.8342"/>
                  <dgm:constr type="w" for="ch" forName="dot1" refType="userD"/>
                  <dgm:constr type="h" for="ch" forName="dot1" refType="userD"/>
                  <dgm:constr type="ctrX" for="ch" forName="dot2" refType="w" fact="0.4244"/>
                  <dgm:constr type="ctrY" for="ch" forName="dot2" refType="h" fact="0.8448"/>
                  <dgm:constr type="w" for="ch" forName="dot2" refType="userD"/>
                  <dgm:constr type="h" for="ch" forName="dot2" refType="userD"/>
                  <dgm:constr type="ctrX" for="ch" forName="dot3" refType="w" fact="0.4026"/>
                  <dgm:constr type="ctrY" for="ch" forName="dot3" refType="h" fact="0.8539"/>
                  <dgm:constr type="w" for="ch" forName="dot3" refType="userD"/>
                  <dgm:constr type="h" for="ch" forName="dot3" refType="userD"/>
                  <dgm:constr type="ctrX" for="ch" forName="dot4" refType="w" fact="0.3806"/>
                  <dgm:constr type="ctrY" for="ch" forName="dot4" refType="h" fact="0.8615"/>
                  <dgm:constr type="w" for="ch" forName="dot4" refType="userD"/>
                  <dgm:constr type="h" for="ch" forName="dot4" refType="userD"/>
                  <dgm:constr type="ctrX" for="ch" forName="dot5" refType="w" fact="0.3584"/>
                  <dgm:constr type="ctrY" for="ch" forName="dot5" refType="h" fact="0.8676"/>
                  <dgm:constr type="w" for="ch" forName="dot5" refType="userD"/>
                  <dgm:constr type="h" for="ch" forName="dot5" refType="userD"/>
                  <dgm:constr type="ctrX" for="ch" forName="dot6" refType="w" fact="0.5803"/>
                  <dgm:constr type="ctrY" for="ch" forName="dot6" refType="h" fact="0.7255"/>
                  <dgm:constr type="w" for="ch" forName="dot6" refType="userD"/>
                  <dgm:constr type="h" for="ch" forName="dot6" refType="userD"/>
                  <dgm:constr type="ctrX" for="ch" forName="dot7" refType="w" fact="0.5618"/>
                  <dgm:constr type="ctrY" for="ch" forName="dot7" refType="h" fact="0.7454"/>
                  <dgm:constr type="w" for="ch" forName="dot7" refType="userD"/>
                  <dgm:constr type="h" for="ch" forName="dot7" refType="userD"/>
                  <dgm:constr type="ctrX" for="ch" forName="dot8" refType="w" fact="0.6656"/>
                  <dgm:constr type="ctrY" for="ch" forName="dot8" refType="h" fact="0.6026"/>
                  <dgm:constr type="w" for="ch" forName="dot8" refType="userD"/>
                  <dgm:constr type="h" for="ch" forName="dot8" refType="userD"/>
                  <dgm:constr type="ctrX" for="ch" forName="dot9" refType="w" fact="0.7266"/>
                  <dgm:constr type="ctrY" for="ch" forName="dot9" refType="h" fact="0.4632"/>
                  <dgm:constr type="w" for="ch" forName="dot9" refType="userD"/>
                  <dgm:constr type="h" for="ch" forName="dot9" refType="userD"/>
                  <dgm:constr type="ctrX" for="ch" forName="dot10" refType="w" fact="0.7643"/>
                  <dgm:constr type="ctrY" for="ch" forName="dot10" refType="h" fact="0.3187"/>
                  <dgm:constr type="w" for="ch" forName="dot10" refType="userD"/>
                  <dgm:constr type="h" for="ch" forName="dot10" refType="userD"/>
                  <dgm:constr type="ctrX" for="ch" forName="dot11" refType="w" fact="0.7816"/>
                  <dgm:constr type="ctrY" for="ch" forName="dot11" refType="h" fact="0.1763"/>
                  <dgm:constr type="w" for="ch" forName="dot11" refType="userD"/>
                  <dgm:constr type="h" for="ch" forName="dot11" refType="userD"/>
                  <dgm:constr type="ctrX" for="ch" forName="dotArrow1" refType="w" fact="0.7558"/>
                  <dgm:constr type="ctrY" for="ch" forName="dotArrow1" refType="h" fact="-0.0099"/>
                  <dgm:constr type="w" for="ch" forName="dotArrow1" refType="userD"/>
                  <dgm:constr type="h" for="ch" forName="dotArrow1" refType="userD"/>
                  <dgm:constr type="ctrX" for="ch" forName="dotArrow2" refType="w" fact="0.7725"/>
                  <dgm:constr type="ctrY" for="ch" forName="dotArrow2" refType="h" fact="-0.0239"/>
                  <dgm:constr type="w" for="ch" forName="dotArrow2" refType="userD"/>
                  <dgm:constr type="h" for="ch" forName="dotArrow2" refType="userD"/>
                  <dgm:constr type="ctrX" for="ch" forName="dotArrow3" refType="w" fact="0.7892"/>
                  <dgm:constr type="ctrY" for="ch" forName="dotArrow3" refType="h" fact="-0.0378"/>
                  <dgm:constr type="w" for="ch" forName="dotArrow3" refType="userD"/>
                  <dgm:constr type="h" for="ch" forName="dotArrow3" refType="userD"/>
                  <dgm:constr type="ctrX" for="ch" forName="dotArrow4" refType="w" fact="0.8058"/>
                  <dgm:constr type="ctrY" for="ch" forName="dotArrow4" refType="h" fact="-0.0239"/>
                  <dgm:constr type="w" for="ch" forName="dotArrow4" refType="userD"/>
                  <dgm:constr type="h" for="ch" forName="dotArrow4" refType="userD"/>
                  <dgm:constr type="ctrX" for="ch" forName="dotArrow5" refType="w" fact="0.8225"/>
                  <dgm:constr type="ctrY" for="ch" forName="dotArrow5" refType="h" fact="-0.0099"/>
                  <dgm:constr type="w" for="ch" forName="dotArrow5" refType="userD"/>
                  <dgm:constr type="h" for="ch" forName="dotArrow5" refType="userD"/>
                  <dgm:constr type="ctrX" for="ch" forName="dotArrow6" refType="w" fact="0.7892"/>
                  <dgm:constr type="ctrY" for="ch" forName="dotArrow6" refType="h" fact="-0.0084"/>
                  <dgm:constr type="w" for="ch" forName="dotArrow6" refType="userD"/>
                  <dgm:constr type="h" for="ch" forName="dotArrow6" refType="userD"/>
                  <dgm:constr type="ctrX" for="ch" forName="dotArrow7" refType="w" fact="0.7892"/>
                  <dgm:constr type="ctrY" for="ch" forName="dotArrow7" refType="h" fact="0.0211"/>
                  <dgm:constr type="w" for="ch" forName="dotArrow7" refType="userD"/>
                  <dgm:constr type="h" for="ch" forName="dotArrow7" refType="userD"/>
                  <dgm:constr type="l" for="ch" forName="parTx1" refType="w" fact="0.2915"/>
                  <dgm:constr type="t" for="ch" forName="parTx1" refType="h" fact="0.8845"/>
                  <dgm:constr type="w" for="ch" forName="parTx1" refType="w" fact="0.2396"/>
                  <dgm:constr type="h" for="ch" forName="parTx1" refType="h" fact="0.0704"/>
                  <dgm:constr type="ctrX" for="ch" forName="picture1" refType="w" fact="0.2806"/>
                  <dgm:constr type="ctrY" for="ch" forName="picture1" refType="h" fact="0.8769"/>
                  <dgm:constr type="w" for="ch" forName="picture1" refType="w" fact="0.1111"/>
                  <dgm:constr type="h" for="ch" forName="picture1" refType="h" fact="0.1218"/>
                  <dgm:constr type="l" for="ch" forName="parTx2" refType="w" fact="0.5172"/>
                  <dgm:constr type="t" for="ch" forName="parTx2" refType="h" fact="0.7946"/>
                  <dgm:constr type="w" for="ch" forName="parTx2" refType="w" fact="0.2396"/>
                  <dgm:constr type="h" for="ch" forName="parTx2" refType="h" fact="0.0704"/>
                  <dgm:constr type="ctrX" for="ch" forName="picture2" refType="w" fact="0.5063"/>
                  <dgm:constr type="ctrY" for="ch" forName="picture2" refType="h" fact="0.787"/>
                  <dgm:constr type="w" for="ch" forName="picture2" refType="w" fact="0.1111"/>
                  <dgm:constr type="h" for="ch" forName="picture2" refType="h" fact="0.1218"/>
                  <dgm:constr type="l" for="ch" forName="parTx3" refType="w" fact="0.6285"/>
                  <dgm:constr type="t" for="ch" forName="parTx3" refType="h" fact="0.672"/>
                  <dgm:constr type="w" for="ch" forName="parTx3" refType="w" fact="0.2396"/>
                  <dgm:constr type="h" for="ch" forName="parTx3" refType="h" fact="0.0704"/>
                  <dgm:constr type="ctrX" for="ch" forName="picture3" refType="w" fact="0.6176"/>
                  <dgm:constr type="ctrY" for="ch" forName="picture3" refType="h" fact="0.6644"/>
                  <dgm:constr type="w" for="ch" forName="picture3" refType="w" fact="0.1111"/>
                  <dgm:constr type="h" for="ch" forName="picture3" refType="h" fact="0.1218"/>
                  <dgm:constr type="l" for="ch" forName="parTx4" refType="w" fact="0.6994"/>
                  <dgm:constr type="t" for="ch" forName="parTx4" refType="h" fact="0.5369"/>
                  <dgm:constr type="w" for="ch" forName="parTx4" refType="w" fact="0.2396"/>
                  <dgm:constr type="h" for="ch" forName="parTx4" refType="h" fact="0.0704"/>
                  <dgm:constr type="ctrX" for="ch" forName="picture4" refType="w" fact="0.6885"/>
                  <dgm:constr type="ctrY" for="ch" forName="picture4" refType="h" fact="0.5294"/>
                  <dgm:constr type="w" for="ch" forName="picture4" refType="w" fact="0.1111"/>
                  <dgm:constr type="h" for="ch" forName="picture4" refType="h" fact="0.1218"/>
                  <dgm:constr type="l" for="ch" forName="parTx5" refType="w" fact="0.75"/>
                  <dgm:constr type="t" for="ch" forName="parTx5" refType="h" fact="0.394"/>
                  <dgm:constr type="w" for="ch" forName="parTx5" refType="w" fact="0.2396"/>
                  <dgm:constr type="h" for="ch" forName="parTx5" refType="h" fact="0.0704"/>
                  <dgm:constr type="ctrX" for="ch" forName="picture5" refType="w" fact="0.7391"/>
                  <dgm:constr type="ctrY" for="ch" forName="picture5" refType="h" fact="0.3864"/>
                  <dgm:constr type="w" for="ch" forName="picture5" refType="w" fact="0.1111"/>
                  <dgm:constr type="h" for="ch" forName="picture5" refType="h" fact="0.1218"/>
                  <dgm:constr type="l" for="ch" forName="parTx6" refType="w" fact="0.7788"/>
                  <dgm:constr type="t" for="ch" forName="parTx6" refType="h" fact="0.252"/>
                  <dgm:constr type="w" for="ch" forName="parTx6" refType="w" fact="0.2396"/>
                  <dgm:constr type="h" for="ch" forName="parTx6" refType="h" fact="0.0704"/>
                  <dgm:constr type="ctrX" for="ch" forName="picture6" refType="w" fact="0.7679"/>
                  <dgm:constr type="ctrY" for="ch" forName="picture6" refType="h" fact="0.2444"/>
                  <dgm:constr type="w" for="ch" forName="picture6" refType="w" fact="0.1111"/>
                  <dgm:constr type="h" for="ch" forName="picture6" refType="h" fact="0.1218"/>
                  <dgm:constr type="l" for="ch" forName="parTx7" refType="w" fact="0.7945"/>
                  <dgm:constr type="t" for="ch" forName="parTx7" refType="h" fact="0.1151"/>
                  <dgm:constr type="w" for="ch" forName="parTx7" refType="w" fact="0.2396"/>
                  <dgm:constr type="h" for="ch" forName="parTx7" refType="h" fact="0.0704"/>
                  <dgm:constr type="ctrX" for="ch" forName="picture7" refType="w" fact="0.7836"/>
                  <dgm:constr type="ctrY" for="ch" forName="picture7" refType="h" fact="0.1075"/>
                  <dgm:constr type="w" for="ch" forName="picture7" refType="w" fact="0.1111"/>
                  <dgm:constr type="h" for="ch" forName="picture7" refType="h" fact="0.1218"/>
                </dgm:constrLst>
              </dgm:else>
            </dgm:choose>
          </dgm:if>
          <dgm:else name="Name68">
            <dgm:choose name="Name69">
              <dgm:if name="Name70" axis="des" func="maxDepth" op="gt" val="1">
                <dgm:alg type="composite">
                  <dgm:param type="ar" val="1.25"/>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primFontSz" for="ch" forName="parTx6" refType="primFontSz" refFor="ch" refForName="parTx1" op="equ"/>
                  <dgm:constr type="primFontSz" for="ch" forName="parTx7" refType="primFontSz" refFor="ch" refForName="parTx1" op="equ"/>
                  <dgm:constr type="primFontSz" for="ch" forName="desTx1" op="equ" val="65"/>
                  <dgm:constr type="primFontSz" for="ch" forName="desTx2" refType="primFontSz" refFor="ch" refForName="desTx1" op="equ"/>
                  <dgm:constr type="primFontSz" for="ch" forName="desTx3" refType="primFontSz" refFor="ch" refForName="desTx1" op="equ"/>
                  <dgm:constr type="primFontSz" for="ch" forName="desTx4" refType="primFontSz" refFor="ch" refForName="desTx1" op="equ"/>
                  <dgm:constr type="primFontSz" for="ch" forName="desTx5" refType="primFontSz" refFor="ch" refForName="desTx1" op="equ"/>
                  <dgm:constr type="primFontSz" for="ch" forName="desTx6" refType="primFontSz" refFor="ch" refForName="desTx1" op="equ"/>
                  <dgm:constr type="primFontSz" for="ch" forName="desTx7" refType="primFontSz" refFor="ch" refForName="desTx1" op="equ"/>
                  <dgm:constr type="userD" refType="w" fact="0.0097"/>
                  <dgm:constr type="ctrX" for="ch" forName="dot1" refType="w" fact="0.6091"/>
                  <dgm:constr type="ctrY" for="ch" forName="dot1" refType="h" fact="0.8342"/>
                  <dgm:constr type="w" for="ch" forName="dot1" refType="userD"/>
                  <dgm:constr type="h" for="ch" forName="dot1" refType="userD"/>
                  <dgm:constr type="ctrX" for="ch" forName="dot2" refType="w" fact="0.6279"/>
                  <dgm:constr type="ctrY" for="ch" forName="dot2" refType="h" fact="0.8448"/>
                  <dgm:constr type="w" for="ch" forName="dot2" refType="userD"/>
                  <dgm:constr type="h" for="ch" forName="dot2" refType="userD"/>
                  <dgm:constr type="ctrX" for="ch" forName="dot3" refType="w" fact="0.647"/>
                  <dgm:constr type="ctrY" for="ch" forName="dot3" refType="h" fact="0.8539"/>
                  <dgm:constr type="w" for="ch" forName="dot3" refType="userD"/>
                  <dgm:constr type="h" for="ch" forName="dot3" refType="userD"/>
                  <dgm:constr type="ctrX" for="ch" forName="dot4" refType="w" fact="0.6663"/>
                  <dgm:constr type="ctrY" for="ch" forName="dot4" refType="h" fact="0.8615"/>
                  <dgm:constr type="w" for="ch" forName="dot4" refType="userD"/>
                  <dgm:constr type="h" for="ch" forName="dot4" refType="userD"/>
                  <dgm:constr type="ctrX" for="ch" forName="dot5" refType="w" fact="0.6858"/>
                  <dgm:constr type="ctrY" for="ch" forName="dot5" refType="h" fact="0.8676"/>
                  <dgm:constr type="w" for="ch" forName="dot5" refType="userD"/>
                  <dgm:constr type="h" for="ch" forName="dot5" refType="userD"/>
                  <dgm:constr type="ctrX" for="ch" forName="dot6" refType="w" fact="0.4912"/>
                  <dgm:constr type="ctrY" for="ch" forName="dot6" refType="h" fact="0.7255"/>
                  <dgm:constr type="w" for="ch" forName="dot6" refType="userD"/>
                  <dgm:constr type="h" for="ch" forName="dot6" refType="userD"/>
                  <dgm:constr type="ctrX" for="ch" forName="dot7" refType="w" fact="0.5074"/>
                  <dgm:constr type="ctrY" for="ch" forName="dot7" refType="h" fact="0.7454"/>
                  <dgm:constr type="w" for="ch" forName="dot7" refType="userD"/>
                  <dgm:constr type="h" for="ch" forName="dot7" refType="userD"/>
                  <dgm:constr type="ctrX" for="ch" forName="dot8" refType="w" fact="0.4164"/>
                  <dgm:constr type="ctrY" for="ch" forName="dot8" refType="h" fact="0.6026"/>
                  <dgm:constr type="w" for="ch" forName="dot8" refType="userD"/>
                  <dgm:constr type="h" for="ch" forName="dot8" refType="userD"/>
                  <dgm:constr type="ctrX" for="ch" forName="dot9" refType="w" fact="0.3629"/>
                  <dgm:constr type="ctrY" for="ch" forName="dot9" refType="h" fact="0.4632"/>
                  <dgm:constr type="w" for="ch" forName="dot9" refType="userD"/>
                  <dgm:constr type="h" for="ch" forName="dot9" refType="userD"/>
                  <dgm:constr type="ctrX" for="ch" forName="dot10" refType="w" fact="0.3299"/>
                  <dgm:constr type="ctrY" for="ch" forName="dot10" refType="h" fact="0.3187"/>
                  <dgm:constr type="w" for="ch" forName="dot10" refType="userD"/>
                  <dgm:constr type="h" for="ch" forName="dot10" refType="userD"/>
                  <dgm:constr type="ctrX" for="ch" forName="dot11" refType="w" fact="0.3147"/>
                  <dgm:constr type="ctrY" for="ch" forName="dot11" refType="h" fact="0.1763"/>
                  <dgm:constr type="w" for="ch" forName="dot11" refType="userD"/>
                  <dgm:constr type="h" for="ch" forName="dot11" refType="userD"/>
                  <dgm:constr type="ctrX" for="ch" forName="dotArrow1" refType="w" fact="0.3373"/>
                  <dgm:constr type="ctrY" for="ch" forName="dotArrow1" refType="h" fact="-0.0099"/>
                  <dgm:constr type="w" for="ch" forName="dotArrow1" refType="userD"/>
                  <dgm:constr type="h" for="ch" forName="dotArrow1" refType="userD"/>
                  <dgm:constr type="ctrX" for="ch" forName="dotArrow2" refType="w" fact="0.3227"/>
                  <dgm:constr type="ctrY" for="ch" forName="dotArrow2" refType="h" fact="-0.0239"/>
                  <dgm:constr type="w" for="ch" forName="dotArrow2" refType="userD"/>
                  <dgm:constr type="h" for="ch" forName="dotArrow2" refType="userD"/>
                  <dgm:constr type="ctrX" for="ch" forName="dotArrow3" refType="w" fact="0.3081"/>
                  <dgm:constr type="ctrY" for="ch" forName="dotArrow3" refType="h" fact="-0.0378"/>
                  <dgm:constr type="w" for="ch" forName="dotArrow3" refType="userD"/>
                  <dgm:constr type="h" for="ch" forName="dotArrow3" refType="userD"/>
                  <dgm:constr type="ctrX" for="ch" forName="dotArrow4" refType="w" fact="0.2935"/>
                  <dgm:constr type="ctrY" for="ch" forName="dotArrow4" refType="h" fact="-0.0239"/>
                  <dgm:constr type="w" for="ch" forName="dotArrow4" refType="userD"/>
                  <dgm:constr type="h" for="ch" forName="dotArrow4" refType="userD"/>
                  <dgm:constr type="ctrX" for="ch" forName="dotArrow5" refType="w" fact="0.2788"/>
                  <dgm:constr type="ctrY" for="ch" forName="dotArrow5" refType="h" fact="-0.0099"/>
                  <dgm:constr type="w" for="ch" forName="dotArrow5" refType="userD"/>
                  <dgm:constr type="h" for="ch" forName="dotArrow5" refType="userD"/>
                  <dgm:constr type="ctrX" for="ch" forName="dotArrow6" refType="w" fact="0.3081"/>
                  <dgm:constr type="ctrY" for="ch" forName="dotArrow6" refType="h" fact="-0.0084"/>
                  <dgm:constr type="w" for="ch" forName="dotArrow6" refType="userD"/>
                  <dgm:constr type="h" for="ch" forName="dotArrow6" refType="userD"/>
                  <dgm:constr type="ctrX" for="ch" forName="dotArrow7" refType="w" fact="0.3081"/>
                  <dgm:constr type="ctrY" for="ch" forName="dotArrow7" refType="h" fact="0.0211"/>
                  <dgm:constr type="w" for="ch" forName="dotArrow7" refType="userD"/>
                  <dgm:constr type="h" for="ch" forName="dotArrow7" refType="userD"/>
                  <dgm:constr type="r" for="ch" forName="parTx1" refType="w" fact="0.7444"/>
                  <dgm:constr type="t" for="ch" forName="parTx1" refType="h" fact="0.8856"/>
                  <dgm:constr type="w" for="ch" forName="parTx1" refType="w" fact="0.2101"/>
                  <dgm:constr type="h" for="ch" forName="parTx1" refType="h" fact="0.0704"/>
                  <dgm:constr type="ctrX" for="ch" forName="picture1" refType="w" fact="0.754"/>
                  <dgm:constr type="ctrY" for="ch" forName="picture1" refType="h" fact="0.8769"/>
                  <dgm:constr type="w" for="ch" forName="picture1" refType="w" fact="0.0974"/>
                  <dgm:constr type="h" for="ch" forName="picture1" refType="h" fact="0.1218"/>
                  <dgm:constr type="r" for="ch" forName="desTx1" refType="l" refFor="ch" refForName="parTx1"/>
                  <dgm:constr type="l" for="ch" forName="desTx1"/>
                  <dgm:constr type="t" for="ch" forName="desTx1" refType="t" refFor="ch" refForName="parTx1"/>
                  <dgm:constr type="h" for="ch" forName="desTx1" refType="h" refFor="ch" refForName="parTx1"/>
                  <dgm:constr type="r" for="ch" forName="parTx2" refType="w" fact="0.5465"/>
                  <dgm:constr type="t" for="ch" forName="parTx2" refType="h" fact="0.7956"/>
                  <dgm:constr type="w" for="ch" forName="parTx2" refType="w" fact="0.2101"/>
                  <dgm:constr type="h" for="ch" forName="parTx2" refType="h" fact="0.0704"/>
                  <dgm:constr type="ctrX" for="ch" forName="picture2" refType="w" fact="0.5561"/>
                  <dgm:constr type="ctrY" for="ch" forName="picture2" refType="h" fact="0.787"/>
                  <dgm:constr type="w" for="ch" forName="picture2" refType="w" fact="0.0974"/>
                  <dgm:constr type="h" for="ch" forName="picture2" refType="h" fact="0.1218"/>
                  <dgm:constr type="r" for="ch" forName="desTx2" refType="l" refFor="ch" refForName="parTx2"/>
                  <dgm:constr type="l" for="ch" forName="desTx2"/>
                  <dgm:constr type="t" for="ch" forName="desTx2" refType="t" refFor="ch" refForName="parTx2"/>
                  <dgm:constr type="h" for="ch" forName="desTx2" refType="h" refFor="ch" refForName="parTx2"/>
                  <dgm:constr type="r" for="ch" forName="parTx3" refType="w" fact="0.4489"/>
                  <dgm:constr type="t" for="ch" forName="parTx3" refType="h" fact="0.673"/>
                  <dgm:constr type="w" for="ch" forName="parTx3" refType="w" fact="0.2101"/>
                  <dgm:constr type="h" for="ch" forName="parTx3" refType="h" fact="0.0704"/>
                  <dgm:constr type="ctrX" for="ch" forName="picture3" refType="w" fact="0.4585"/>
                  <dgm:constr type="ctrY" for="ch" forName="picture3" refType="h" fact="0.6644"/>
                  <dgm:constr type="w" for="ch" forName="picture3" refType="w" fact="0.0974"/>
                  <dgm:constr type="h" for="ch" forName="picture3" refType="h" fact="0.1218"/>
                  <dgm:constr type="r" for="ch" forName="desTx3" refType="l" refFor="ch" refForName="parTx3"/>
                  <dgm:constr type="l" for="ch" forName="desTx3"/>
                  <dgm:constr type="t" for="ch" forName="desTx3" refType="t" refFor="ch" refForName="parTx3"/>
                  <dgm:constr type="h" for="ch" forName="desTx3" refType="h" refFor="ch" refForName="parTx3"/>
                  <dgm:constr type="r" for="ch" forName="parTx4" refType="w" fact="0.3868"/>
                  <dgm:constr type="t" for="ch" forName="parTx4" refType="h" fact="0.538"/>
                  <dgm:constr type="w" for="ch" forName="parTx4" refType="w" fact="0.2101"/>
                  <dgm:constr type="h" for="ch" forName="parTx4" refType="h" fact="0.0704"/>
                  <dgm:constr type="ctrX" for="ch" forName="picture4" refType="w" fact="0.3963"/>
                  <dgm:constr type="ctrY" for="ch" forName="picture4" refType="h" fact="0.5294"/>
                  <dgm:constr type="w" for="ch" forName="picture4" refType="w" fact="0.0974"/>
                  <dgm:constr type="h" for="ch" forName="picture4" refType="h" fact="0.1218"/>
                  <dgm:constr type="r" for="ch" forName="desTx4" refType="l" refFor="ch" refForName="parTx4"/>
                  <dgm:constr type="l" for="ch" forName="desTx4"/>
                  <dgm:constr type="t" for="ch" forName="desTx4" refType="t" refFor="ch" refForName="parTx4"/>
                  <dgm:constr type="h" for="ch" forName="desTx4" refType="h" refFor="ch" refForName="parTx4"/>
                  <dgm:constr type="r" for="ch" forName="parTx5" refType="w" fact="0.3424"/>
                  <dgm:constr type="t" for="ch" forName="parTx5" refType="h" fact="0.3951"/>
                  <dgm:constr type="w" for="ch" forName="parTx5" refType="w" fact="0.2101"/>
                  <dgm:constr type="h" for="ch" forName="parTx5" refType="h" fact="0.0704"/>
                  <dgm:constr type="ctrX" for="ch" forName="picture5" refType="w" fact="0.352"/>
                  <dgm:constr type="ctrY" for="ch" forName="picture5" refType="h" fact="0.3864"/>
                  <dgm:constr type="w" for="ch" forName="picture5" refType="w" fact="0.0974"/>
                  <dgm:constr type="h" for="ch" forName="picture5" refType="h" fact="0.1218"/>
                  <dgm:constr type="r" for="ch" forName="desTx5" refType="l" refFor="ch" refForName="parTx5"/>
                  <dgm:constr type="l" for="ch" forName="desTx5"/>
                  <dgm:constr type="t" for="ch" forName="desTx5" refType="t" refFor="ch" refForName="parTx5"/>
                  <dgm:constr type="h" for="ch" forName="desTx5" refType="h" refFor="ch" refForName="parTx5"/>
                  <dgm:constr type="r" for="ch" forName="parTx6" refType="w" fact="0.3172"/>
                  <dgm:constr type="t" for="ch" forName="parTx6" refType="h" fact="0.2531"/>
                  <dgm:constr type="w" for="ch" forName="parTx6" refType="w" fact="0.2101"/>
                  <dgm:constr type="h" for="ch" forName="parTx6" refType="h" fact="0.0704"/>
                  <dgm:constr type="ctrX" for="ch" forName="picture6" refType="w" fact="0.3267"/>
                  <dgm:constr type="ctrY" for="ch" forName="picture6" refType="h" fact="0.2444"/>
                  <dgm:constr type="w" for="ch" forName="picture6" refType="w" fact="0.0974"/>
                  <dgm:constr type="h" for="ch" forName="picture6" refType="h" fact="0.1218"/>
                  <dgm:constr type="r" for="ch" forName="desTx6" refType="l" refFor="ch" refForName="parTx6"/>
                  <dgm:constr type="l" for="ch" forName="desTx6"/>
                  <dgm:constr type="t" for="ch" forName="desTx6" refType="t" refFor="ch" refForName="parTx6"/>
                  <dgm:constr type="h" for="ch" forName="desTx6" refType="h" refFor="ch" refForName="parTx6"/>
                  <dgm:constr type="r" for="ch" forName="parTx7" refType="w" fact="0.3034"/>
                  <dgm:constr type="t" for="ch" forName="parTx7" refType="h" fact="0.1162"/>
                  <dgm:constr type="w" for="ch" forName="parTx7" refType="w" fact="0.2101"/>
                  <dgm:constr type="h" for="ch" forName="parTx7" refType="h" fact="0.0704"/>
                  <dgm:constr type="ctrX" for="ch" forName="picture7" refType="w" fact="0.3129"/>
                  <dgm:constr type="ctrY" for="ch" forName="picture7" refType="h" fact="0.1075"/>
                  <dgm:constr type="w" for="ch" forName="picture7" refType="w" fact="0.0974"/>
                  <dgm:constr type="h" for="ch" forName="picture7" refType="h" fact="0.1218"/>
                  <dgm:constr type="r" for="ch" forName="desTx7" refType="l" refFor="ch" refForName="parTx7"/>
                  <dgm:constr type="l" for="ch" forName="desTx7"/>
                  <dgm:constr type="t" for="ch" forName="desTx7" refType="t" refFor="ch" refForName="parTx7"/>
                  <dgm:constr type="h" for="ch" forName="desTx7" refType="h" refFor="ch" refForName="parTx7"/>
                </dgm:constrLst>
              </dgm:if>
              <dgm:else name="Name71">
                <dgm:alg type="composite">
                  <dgm:param type="ar" val="1.096"/>
                </dgm:alg>
                <dgm:constrLst>
                  <dgm:constr type="primFontSz" for="ch" forName="parTx1" op="equ" val="65"/>
                  <dgm:constr type="primFontSz" for="ch" forName="parTx2" refType="primFontSz" refFor="ch" refForName="parTx1" op="equ"/>
                  <dgm:constr type="primFontSz" for="ch" forName="parTx3" refType="primFontSz" refFor="ch" refForName="parTx1" op="equ"/>
                  <dgm:constr type="primFontSz" for="ch" forName="parTx4" refType="primFontSz" refFor="ch" refForName="parTx1" op="equ"/>
                  <dgm:constr type="primFontSz" for="ch" forName="parTx5" refType="primFontSz" refFor="ch" refForName="parTx1" op="equ"/>
                  <dgm:constr type="primFontSz" for="ch" forName="parTx6" refType="primFontSz" refFor="ch" refForName="parTx1" op="equ"/>
                  <dgm:constr type="primFontSz" for="ch" forName="parTx7" refType="primFontSz" refFor="ch" refForName="parTx1" op="equ"/>
                  <dgm:constr type="userD" refType="w" fact="0.0111"/>
                  <dgm:constr type="ctrX" for="ch" forName="dot1" refType="w" fact="0.5541"/>
                  <dgm:constr type="ctrY" for="ch" forName="dot1" refType="h" fact="0.8342"/>
                  <dgm:constr type="w" for="ch" forName="dot1" refType="userD"/>
                  <dgm:constr type="h" for="ch" forName="dot1" refType="userD"/>
                  <dgm:constr type="ctrX" for="ch" forName="dot2" refType="w" fact="0.5756"/>
                  <dgm:constr type="ctrY" for="ch" forName="dot2" refType="h" fact="0.8448"/>
                  <dgm:constr type="w" for="ch" forName="dot2" refType="userD"/>
                  <dgm:constr type="h" for="ch" forName="dot2" refType="userD"/>
                  <dgm:constr type="ctrX" for="ch" forName="dot3" refType="w" fact="0.5974"/>
                  <dgm:constr type="ctrY" for="ch" forName="dot3" refType="h" fact="0.8539"/>
                  <dgm:constr type="w" for="ch" forName="dot3" refType="userD"/>
                  <dgm:constr type="h" for="ch" forName="dot3" refType="userD"/>
                  <dgm:constr type="ctrX" for="ch" forName="dot4" refType="w" fact="0.6194"/>
                  <dgm:constr type="ctrY" for="ch" forName="dot4" refType="h" fact="0.8615"/>
                  <dgm:constr type="w" for="ch" forName="dot4" refType="userD"/>
                  <dgm:constr type="h" for="ch" forName="dot4" refType="userD"/>
                  <dgm:constr type="ctrX" for="ch" forName="dot5" refType="w" fact="0.6416"/>
                  <dgm:constr type="ctrY" for="ch" forName="dot5" refType="h" fact="0.8676"/>
                  <dgm:constr type="w" for="ch" forName="dot5" refType="userD"/>
                  <dgm:constr type="h" for="ch" forName="dot5" refType="userD"/>
                  <dgm:constr type="ctrX" for="ch" forName="dot6" refType="w" fact="0.4197"/>
                  <dgm:constr type="ctrY" for="ch" forName="dot6" refType="h" fact="0.7255"/>
                  <dgm:constr type="w" for="ch" forName="dot6" refType="userD"/>
                  <dgm:constr type="h" for="ch" forName="dot6" refType="userD"/>
                  <dgm:constr type="ctrX" for="ch" forName="dot7" refType="w" fact="0.4382"/>
                  <dgm:constr type="ctrY" for="ch" forName="dot7" refType="h" fact="0.7454"/>
                  <dgm:constr type="w" for="ch" forName="dot7" refType="userD"/>
                  <dgm:constr type="h" for="ch" forName="dot7" refType="userD"/>
                  <dgm:constr type="ctrX" for="ch" forName="dot8" refType="w" fact="0.3344"/>
                  <dgm:constr type="ctrY" for="ch" forName="dot8" refType="h" fact="0.6026"/>
                  <dgm:constr type="w" for="ch" forName="dot8" refType="userD"/>
                  <dgm:constr type="h" for="ch" forName="dot8" refType="userD"/>
                  <dgm:constr type="ctrX" for="ch" forName="dot9" refType="w" fact="0.2734"/>
                  <dgm:constr type="ctrY" for="ch" forName="dot9" refType="h" fact="0.4632"/>
                  <dgm:constr type="w" for="ch" forName="dot9" refType="userD"/>
                  <dgm:constr type="h" for="ch" forName="dot9" refType="userD"/>
                  <dgm:constr type="ctrX" for="ch" forName="dot10" refType="w" fact="0.2357"/>
                  <dgm:constr type="ctrY" for="ch" forName="dot10" refType="h" fact="0.3187"/>
                  <dgm:constr type="w" for="ch" forName="dot10" refType="userD"/>
                  <dgm:constr type="h" for="ch" forName="dot10" refType="userD"/>
                  <dgm:constr type="ctrX" for="ch" forName="dot11" refType="w" fact="0.2184"/>
                  <dgm:constr type="ctrY" for="ch" forName="dot11" refType="h" fact="0.1763"/>
                  <dgm:constr type="w" for="ch" forName="dot11" refType="userD"/>
                  <dgm:constr type="h" for="ch" forName="dot11" refType="userD"/>
                  <dgm:constr type="ctrX" for="ch" forName="dotArrow1" refType="w" fact="0.2442"/>
                  <dgm:constr type="ctrY" for="ch" forName="dotArrow1" refType="h" fact="-0.0099"/>
                  <dgm:constr type="w" for="ch" forName="dotArrow1" refType="userD"/>
                  <dgm:constr type="h" for="ch" forName="dotArrow1" refType="userD"/>
                  <dgm:constr type="ctrX" for="ch" forName="dotArrow2" refType="w" fact="0.2275"/>
                  <dgm:constr type="ctrY" for="ch" forName="dotArrow2" refType="h" fact="-0.0239"/>
                  <dgm:constr type="w" for="ch" forName="dotArrow2" refType="userD"/>
                  <dgm:constr type="h" for="ch" forName="dotArrow2" refType="userD"/>
                  <dgm:constr type="ctrX" for="ch" forName="dotArrow3" refType="w" fact="0.2108"/>
                  <dgm:constr type="ctrY" for="ch" forName="dotArrow3" refType="h" fact="-0.0378"/>
                  <dgm:constr type="w" for="ch" forName="dotArrow3" refType="userD"/>
                  <dgm:constr type="h" for="ch" forName="dotArrow3" refType="userD"/>
                  <dgm:constr type="ctrX" for="ch" forName="dotArrow4" refType="w" fact="0.1942"/>
                  <dgm:constr type="ctrY" for="ch" forName="dotArrow4" refType="h" fact="-0.0239"/>
                  <dgm:constr type="w" for="ch" forName="dotArrow4" refType="userD"/>
                  <dgm:constr type="h" for="ch" forName="dotArrow4" refType="userD"/>
                  <dgm:constr type="ctrX" for="ch" forName="dotArrow5" refType="w" fact="0.1775"/>
                  <dgm:constr type="ctrY" for="ch" forName="dotArrow5" refType="h" fact="-0.0099"/>
                  <dgm:constr type="w" for="ch" forName="dotArrow5" refType="userD"/>
                  <dgm:constr type="h" for="ch" forName="dotArrow5" refType="userD"/>
                  <dgm:constr type="ctrX" for="ch" forName="dotArrow6" refType="w" fact="0.2108"/>
                  <dgm:constr type="ctrY" for="ch" forName="dotArrow6" refType="h" fact="-0.0084"/>
                  <dgm:constr type="w" for="ch" forName="dotArrow6" refType="userD"/>
                  <dgm:constr type="h" for="ch" forName="dotArrow6" refType="userD"/>
                  <dgm:constr type="ctrX" for="ch" forName="dotArrow7" refType="w" fact="0.2108"/>
                  <dgm:constr type="ctrY" for="ch" forName="dotArrow7" refType="h" fact="0.0211"/>
                  <dgm:constr type="w" for="ch" forName="dotArrow7" refType="userD"/>
                  <dgm:constr type="h" for="ch" forName="dotArrow7" refType="userD"/>
                  <dgm:constr type="r" for="ch" forName="parTx1" refType="w" fact="0.7085"/>
                  <dgm:constr type="t" for="ch" forName="parTx1" refType="h" fact="0.8845"/>
                  <dgm:constr type="w" for="ch" forName="parTx1" refType="w" fact="0.2396"/>
                  <dgm:constr type="h" for="ch" forName="parTx1" refType="h" fact="0.0704"/>
                  <dgm:constr type="ctrX" for="ch" forName="picture1" refType="w" fact="0.7194"/>
                  <dgm:constr type="ctrY" for="ch" forName="picture1" refType="h" fact="0.8769"/>
                  <dgm:constr type="w" for="ch" forName="picture1" refType="w" fact="0.1111"/>
                  <dgm:constr type="h" for="ch" forName="picture1" refType="h" fact="0.1218"/>
                  <dgm:constr type="r" for="ch" forName="parTx2" refType="w" fact="0.4828"/>
                  <dgm:constr type="t" for="ch" forName="parTx2" refType="h" fact="0.7946"/>
                  <dgm:constr type="w" for="ch" forName="parTx2" refType="w" fact="0.2396"/>
                  <dgm:constr type="h" for="ch" forName="parTx2" refType="h" fact="0.0704"/>
                  <dgm:constr type="ctrX" for="ch" forName="picture2" refType="w" fact="0.4937"/>
                  <dgm:constr type="ctrY" for="ch" forName="picture2" refType="h" fact="0.787"/>
                  <dgm:constr type="w" for="ch" forName="picture2" refType="w" fact="0.1111"/>
                  <dgm:constr type="h" for="ch" forName="picture2" refType="h" fact="0.1218"/>
                  <dgm:constr type="r" for="ch" forName="parTx3" refType="w" fact="0.3715"/>
                  <dgm:constr type="t" for="ch" forName="parTx3" refType="h" fact="0.672"/>
                  <dgm:constr type="w" for="ch" forName="parTx3" refType="w" fact="0.2396"/>
                  <dgm:constr type="h" for="ch" forName="parTx3" refType="h" fact="0.0704"/>
                  <dgm:constr type="ctrX" for="ch" forName="picture3" refType="w" fact="0.3824"/>
                  <dgm:constr type="ctrY" for="ch" forName="picture3" refType="h" fact="0.6644"/>
                  <dgm:constr type="w" for="ch" forName="picture3" refType="w" fact="0.1111"/>
                  <dgm:constr type="h" for="ch" forName="picture3" refType="h" fact="0.1218"/>
                  <dgm:constr type="r" for="ch" forName="parTx4" refType="w" fact="0.3006"/>
                  <dgm:constr type="t" for="ch" forName="parTx4" refType="h" fact="0.5369"/>
                  <dgm:constr type="w" for="ch" forName="parTx4" refType="w" fact="0.2396"/>
                  <dgm:constr type="h" for="ch" forName="parTx4" refType="h" fact="0.0704"/>
                  <dgm:constr type="ctrX" for="ch" forName="picture4" refType="w" fact="0.3115"/>
                  <dgm:constr type="ctrY" for="ch" forName="picture4" refType="h" fact="0.5294"/>
                  <dgm:constr type="w" for="ch" forName="picture4" refType="w" fact="0.1111"/>
                  <dgm:constr type="h" for="ch" forName="picture4" refType="h" fact="0.1218"/>
                  <dgm:constr type="r" for="ch" forName="parTx5" refType="w" fact="0.25"/>
                  <dgm:constr type="t" for="ch" forName="parTx5" refType="h" fact="0.394"/>
                  <dgm:constr type="w" for="ch" forName="parTx5" refType="w" fact="0.2396"/>
                  <dgm:constr type="h" for="ch" forName="parTx5" refType="h" fact="0.0704"/>
                  <dgm:constr type="ctrX" for="ch" forName="picture5" refType="w" fact="0.2609"/>
                  <dgm:constr type="ctrY" for="ch" forName="picture5" refType="h" fact="0.3864"/>
                  <dgm:constr type="w" for="ch" forName="picture5" refType="w" fact="0.1111"/>
                  <dgm:constr type="h" for="ch" forName="picture5" refType="h" fact="0.1218"/>
                  <dgm:constr type="r" for="ch" forName="parTx6" refType="w" fact="0.2212"/>
                  <dgm:constr type="t" for="ch" forName="parTx6" refType="h" fact="0.252"/>
                  <dgm:constr type="w" for="ch" forName="parTx6" refType="w" fact="0.2396"/>
                  <dgm:constr type="h" for="ch" forName="parTx6" refType="h" fact="0.0704"/>
                  <dgm:constr type="ctrX" for="ch" forName="picture6" refType="w" fact="0.2321"/>
                  <dgm:constr type="ctrY" for="ch" forName="picture6" refType="h" fact="0.2444"/>
                  <dgm:constr type="w" for="ch" forName="picture6" refType="w" fact="0.1111"/>
                  <dgm:constr type="h" for="ch" forName="picture6" refType="h" fact="0.1218"/>
                  <dgm:constr type="r" for="ch" forName="parTx7" refType="w" fact="0.2055"/>
                  <dgm:constr type="t" for="ch" forName="parTx7" refType="h" fact="0.1151"/>
                  <dgm:constr type="w" for="ch" forName="parTx7" refType="w" fact="0.2396"/>
                  <dgm:constr type="h" for="ch" forName="parTx7" refType="h" fact="0.0704"/>
                  <dgm:constr type="ctrX" for="ch" forName="picture7" refType="w" fact="0.2164"/>
                  <dgm:constr type="ctrY" for="ch" forName="picture7" refType="h" fact="0.1075"/>
                  <dgm:constr type="w" for="ch" forName="picture7" refType="w" fact="0.1111"/>
                  <dgm:constr type="h" for="ch" forName="picture7" refType="h" fact="0.1218"/>
                </dgm:constrLst>
              </dgm:else>
            </dgm:choose>
          </dgm:else>
        </dgm:choose>
      </dgm:else>
    </dgm:choose>
    <dgm:forEach name="wrapper" axis="self" ptType="parTrans">
      <dgm:forEach name="wrapper2" axis="self" ptType="sibTrans" st="2">
        <dgm:forEach name="imageRepeat" axis="self">
          <dgm:layoutNode name="imageRepeatNode" styleLbl="fgImgPlace1">
            <dgm:alg type="sp"/>
            <dgm:shape xmlns:r="http://schemas.openxmlformats.org/officeDocument/2006/relationships" type="ellipse" r:blip="" blipPhldr="1">
              <dgm:adjLst/>
            </dgm:shape>
            <dgm:presOf axis="self"/>
          </dgm:layoutNode>
        </dgm:forEach>
      </dgm:forEach>
    </dgm:forEach>
    <dgm:choose name="Name72">
      <dgm:if name="Name73" axis="ch" ptType="node" func="cnt" op="gte" val="2">
        <dgm:layoutNode name="dot1" styleLbl="alignNode1">
          <dgm:alg type="sp"/>
          <dgm:shape xmlns:r="http://schemas.openxmlformats.org/officeDocument/2006/relationships" type="ellipse" r:blip="">
            <dgm:adjLst/>
          </dgm:shape>
          <dgm:presOf/>
        </dgm:layoutNode>
        <dgm:layoutNode name="dot2" styleLbl="alignNode1">
          <dgm:alg type="sp"/>
          <dgm:shape xmlns:r="http://schemas.openxmlformats.org/officeDocument/2006/relationships" type="ellipse" r:blip="">
            <dgm:adjLst/>
          </dgm:shape>
          <dgm:presOf/>
        </dgm:layoutNode>
        <dgm:layoutNode name="dot3" styleLbl="alignNode1">
          <dgm:alg type="sp"/>
          <dgm:shape xmlns:r="http://schemas.openxmlformats.org/officeDocument/2006/relationships" type="ellipse" r:blip="">
            <dgm:adjLst/>
          </dgm:shape>
          <dgm:presOf/>
        </dgm:layoutNode>
      </dgm:if>
      <dgm:else name="Name74"/>
    </dgm:choose>
    <dgm:choose name="Name75">
      <dgm:if name="Name76" axis="ch" ptType="node" func="cnt" op="gte" val="3">
        <dgm:layoutNode name="dot4" styleLbl="alignNode1">
          <dgm:alg type="sp"/>
          <dgm:shape xmlns:r="http://schemas.openxmlformats.org/officeDocument/2006/relationships" type="ellipse" r:blip="">
            <dgm:adjLst/>
          </dgm:shape>
          <dgm:presOf/>
        </dgm:layoutNode>
        <dgm:layoutNode name="dot5" styleLbl="alignNode1">
          <dgm:alg type="sp"/>
          <dgm:shape xmlns:r="http://schemas.openxmlformats.org/officeDocument/2006/relationships" type="ellipse" r:blip="">
            <dgm:adjLst/>
          </dgm:shape>
          <dgm:presOf/>
        </dgm:layoutNode>
      </dgm:if>
      <dgm:else name="Name77"/>
    </dgm:choose>
    <dgm:choose name="Name78">
      <dgm:if name="Name79" axis="ch" ptType="node" func="cnt" op="gte" val="4">
        <dgm:layoutNode name="dot6" styleLbl="alignNode1">
          <dgm:alg type="sp"/>
          <dgm:shape xmlns:r="http://schemas.openxmlformats.org/officeDocument/2006/relationships" type="ellipse" r:blip="">
            <dgm:adjLst/>
          </dgm:shape>
          <dgm:presOf/>
        </dgm:layoutNode>
      </dgm:if>
      <dgm:else name="Name80"/>
    </dgm:choose>
    <dgm:choose name="Name81">
      <dgm:if name="Name82" axis="ch" ptType="node" func="cnt" op="gte" val="5">
        <dgm:layoutNode name="dot7" styleLbl="alignNode1">
          <dgm:alg type="sp"/>
          <dgm:shape xmlns:r="http://schemas.openxmlformats.org/officeDocument/2006/relationships" type="ellipse" r:blip="">
            <dgm:adjLst/>
          </dgm:shape>
          <dgm:presOf/>
        </dgm:layoutNode>
        <dgm:layoutNode name="dot8" styleLbl="alignNode1">
          <dgm:alg type="sp"/>
          <dgm:shape xmlns:r="http://schemas.openxmlformats.org/officeDocument/2006/relationships" type="ellipse" r:blip="">
            <dgm:adjLst/>
          </dgm:shape>
          <dgm:presOf/>
        </dgm:layoutNode>
      </dgm:if>
      <dgm:else name="Name83"/>
    </dgm:choose>
    <dgm:choose name="Name84">
      <dgm:if name="Name85" axis="ch" ptType="node" func="cnt" op="gte" val="6">
        <dgm:layoutNode name="dot9" styleLbl="alignNode1">
          <dgm:alg type="sp"/>
          <dgm:shape xmlns:r="http://schemas.openxmlformats.org/officeDocument/2006/relationships" type="ellipse" r:blip="">
            <dgm:adjLst/>
          </dgm:shape>
          <dgm:presOf/>
        </dgm:layoutNode>
        <dgm:layoutNode name="dot10" styleLbl="alignNode1">
          <dgm:alg type="sp"/>
          <dgm:shape xmlns:r="http://schemas.openxmlformats.org/officeDocument/2006/relationships" type="ellipse" r:blip="">
            <dgm:adjLst/>
          </dgm:shape>
          <dgm:presOf/>
        </dgm:layoutNode>
      </dgm:if>
      <dgm:else name="Name86"/>
    </dgm:choose>
    <dgm:choose name="Name87">
      <dgm:if name="Name88" axis="ch" ptType="node" func="cnt" op="gte" val="7">
        <dgm:layoutNode name="dot11" styleLbl="alignNode1">
          <dgm:alg type="sp"/>
          <dgm:shape xmlns:r="http://schemas.openxmlformats.org/officeDocument/2006/relationships" type="ellipse" r:blip="">
            <dgm:adjLst/>
          </dgm:shape>
          <dgm:presOf/>
        </dgm:layoutNode>
      </dgm:if>
      <dgm:else name="Name89"/>
    </dgm:choose>
    <dgm:choose name="Name90">
      <dgm:if name="Name91" axis="ch" ptType="node" func="cnt" op="gte" val="2">
        <dgm:layoutNode name="dotArrow1" styleLbl="alignNode1">
          <dgm:alg type="sp"/>
          <dgm:shape xmlns:r="http://schemas.openxmlformats.org/officeDocument/2006/relationships" type="ellipse" r:blip="">
            <dgm:adjLst/>
          </dgm:shape>
          <dgm:presOf/>
        </dgm:layoutNode>
        <dgm:layoutNode name="dotArrow2" styleLbl="alignNode1">
          <dgm:alg type="sp"/>
          <dgm:shape xmlns:r="http://schemas.openxmlformats.org/officeDocument/2006/relationships" type="ellipse" r:blip="">
            <dgm:adjLst/>
          </dgm:shape>
          <dgm:presOf/>
        </dgm:layoutNode>
        <dgm:layoutNode name="dotArrow3" styleLbl="alignNode1">
          <dgm:alg type="sp"/>
          <dgm:shape xmlns:r="http://schemas.openxmlformats.org/officeDocument/2006/relationships" type="ellipse" r:blip="">
            <dgm:adjLst/>
          </dgm:shape>
          <dgm:presOf/>
        </dgm:layoutNode>
        <dgm:layoutNode name="dotArrow4" styleLbl="alignNode1">
          <dgm:alg type="sp"/>
          <dgm:shape xmlns:r="http://schemas.openxmlformats.org/officeDocument/2006/relationships" type="ellipse" r:blip="">
            <dgm:adjLst/>
          </dgm:shape>
          <dgm:presOf/>
        </dgm:layoutNode>
        <dgm:layoutNode name="dotArrow5" styleLbl="alignNode1">
          <dgm:alg type="sp"/>
          <dgm:shape xmlns:r="http://schemas.openxmlformats.org/officeDocument/2006/relationships" type="ellipse" r:blip="">
            <dgm:adjLst/>
          </dgm:shape>
          <dgm:presOf/>
        </dgm:layoutNode>
        <dgm:layoutNode name="dotArrow6" styleLbl="alignNode1">
          <dgm:alg type="sp"/>
          <dgm:shape xmlns:r="http://schemas.openxmlformats.org/officeDocument/2006/relationships" type="ellipse" r:blip="">
            <dgm:adjLst/>
          </dgm:shape>
          <dgm:presOf/>
        </dgm:layoutNode>
        <dgm:layoutNode name="dotArrow7" styleLbl="alignNode1">
          <dgm:alg type="sp"/>
          <dgm:shape xmlns:r="http://schemas.openxmlformats.org/officeDocument/2006/relationships" type="ellipse" r:blip="">
            <dgm:adjLst/>
          </dgm:shape>
          <dgm:presOf/>
        </dgm:layoutNode>
      </dgm:if>
      <dgm:else name="Name92"/>
    </dgm:choose>
    <dgm:forEach name="Name93" axis="ch" ptType="node" cnt="1">
      <dgm:layoutNode name="parTx1">
        <dgm:choose name="Name94">
          <dgm:if name="Name95" func="var" arg="dir" op="equ" val="norm">
            <dgm:alg type="tx">
              <dgm:param type="parTxLTRAlign" val="l"/>
              <dgm:param type="parTxRTLAlign" val="r"/>
            </dgm:alg>
          </dgm:if>
          <dgm:else name="Name96">
            <dgm:alg type="tx">
              <dgm:param type="parTxLTRAlign" val="r"/>
              <dgm:param type="parTxRTLAlign" val="l"/>
            </dgm:alg>
          </dgm:else>
        </dgm:choose>
        <dgm:shape xmlns:r="http://schemas.openxmlformats.org/officeDocument/2006/relationships" type="roundRect" r:blip="">
          <dgm:adjLst/>
        </dgm:shape>
        <dgm:presOf axis="self" ptType="node"/>
        <dgm:choose name="Name97">
          <dgm:if name="Name98" func="var" arg="dir" op="equ" val="norm">
            <dgm:constrLst>
              <dgm:constr type="lMarg" refType="w" fact="0.6"/>
              <dgm:constr type="rMarg" refType="primFontSz" fact="0.3"/>
              <dgm:constr type="tMarg" refType="primFontSz" fact="0.3"/>
              <dgm:constr type="bMarg" refType="primFontSz" fact="0.3"/>
            </dgm:constrLst>
          </dgm:if>
          <dgm:else name="Name99">
            <dgm:constrLst>
              <dgm:constr type="rMarg" refType="w" fact="0.6"/>
              <dgm:constr type="lMarg" refType="primFontSz" fact="0.3"/>
              <dgm:constr type="tMarg" refType="primFontSz" fact="0.3"/>
              <dgm:constr type="bMarg" refType="primFontSz" fact="0.3"/>
            </dgm:constrLst>
          </dgm:else>
        </dgm:choose>
        <dgm:ruleLst>
          <dgm:rule type="primFontSz" val="5" fact="NaN" max="NaN"/>
        </dgm:ruleLst>
      </dgm:layoutNode>
      <dgm:choose name="Name100">
        <dgm:if name="Name101" axis="ch" ptType="node" func="cnt" op="gte" val="1">
          <dgm:layoutNode name="desTx1" styleLbl="revTx">
            <dgm:varLst>
              <dgm:bulletEnabled val="1"/>
            </dgm:varLst>
            <dgm:choose name="Name102">
              <dgm:if name="Name103" func="var" arg="dir" op="equ" val="norm">
                <dgm:choose name="Name104">
                  <dgm:if name="Name105" axis="ch" ptType="node" func="cnt" op="gte" val="2">
                    <dgm:alg type="tx">
                      <dgm:param type="parTxLTRAlign" val="l"/>
                      <dgm:param type="parTxRTLAlign" val="l"/>
                      <dgm:param type="stBulletLvl" val="1"/>
                    </dgm:alg>
                  </dgm:if>
                  <dgm:else name="Name106">
                    <dgm:alg type="tx">
                      <dgm:param type="parTxLTRAlign" val="l"/>
                      <dgm:param type="parTxRTLAlign" val="l"/>
                    </dgm:alg>
                  </dgm:else>
                </dgm:choose>
              </dgm:if>
              <dgm:else name="Name107">
                <dgm:choose name="Name108">
                  <dgm:if name="Name109" axis="ch" ptType="node" func="cnt" op="gte" val="2">
                    <dgm:alg type="tx">
                      <dgm:param type="parTxLTRAlign" val="r"/>
                      <dgm:param type="parTxRTLAlign" val="r"/>
                      <dgm:param type="shpTxLTRAlignCh" val="r"/>
                      <dgm:param type="shpTxRTLAlignCh" val="r"/>
                      <dgm:param type="stBulletLvl" val="1"/>
                    </dgm:alg>
                  </dgm:if>
                  <dgm:else name="Name110">
                    <dgm:alg type="tx">
                      <dgm:param type="parTxLTRAlign" val="r"/>
                      <dgm:param type="parTxRTLAlign" val="r"/>
                      <dgm:param type="shpTxLTRAlignCh" val="r"/>
                      <dgm:param type="shpTxRTLAlignCh" val="r"/>
                    </dgm:alg>
                  </dgm:else>
                </dgm:choose>
              </dgm:else>
            </dgm:choose>
            <dgm:shape xmlns:r="http://schemas.openxmlformats.org/officeDocument/2006/relationships" type="rect" r:blip="">
              <dgm:adjLst/>
            </dgm:shape>
            <dgm:presOf axis="des" ptType="node"/>
            <dgm:constrLst>
              <dgm:constr type="rMarg" refType="primFontSz" fact="0.2"/>
              <dgm:constr type="tMarg" refType="primFontSz" fact="0.2"/>
              <dgm:constr type="bMarg" refType="primFontSz" fact="0.2"/>
            </dgm:constrLst>
            <dgm:ruleLst>
              <dgm:rule type="primFontSz" val="5" fact="NaN" max="NaN"/>
            </dgm:ruleLst>
          </dgm:layoutNode>
        </dgm:if>
        <dgm:else name="Name111"/>
      </dgm:choose>
    </dgm:forEach>
    <dgm:forEach name="Name112" axis="ch" ptType="sibTrans" hideLastTrans="0" cnt="1">
      <dgm:layoutNode name="picture1">
        <dgm:alg type="sp"/>
        <dgm:shape xmlns:r="http://schemas.openxmlformats.org/officeDocument/2006/relationships" r:blip="">
          <dgm:adjLst/>
        </dgm:shape>
        <dgm:presOf/>
        <dgm:constrLst/>
        <dgm:forEach name="Name113" ref="imageRepeat"/>
      </dgm:layoutNode>
    </dgm:forEach>
    <dgm:forEach name="Name114" axis="ch" ptType="node" st="2" cnt="1">
      <dgm:layoutNode name="parTx2">
        <dgm:choose name="Name115">
          <dgm:if name="Name116" func="var" arg="dir" op="equ" val="norm">
            <dgm:alg type="tx">
              <dgm:param type="parTxLTRAlign" val="l"/>
              <dgm:param type="parTxRTLAlign" val="r"/>
            </dgm:alg>
          </dgm:if>
          <dgm:else name="Name117">
            <dgm:alg type="tx">
              <dgm:param type="parTxLTRAlign" val="r"/>
              <dgm:param type="parTxRTLAlign" val="l"/>
            </dgm:alg>
          </dgm:else>
        </dgm:choose>
        <dgm:shape xmlns:r="http://schemas.openxmlformats.org/officeDocument/2006/relationships" type="roundRect" r:blip="">
          <dgm:adjLst/>
        </dgm:shape>
        <dgm:presOf axis="self" ptType="node"/>
        <dgm:choose name="Name118">
          <dgm:if name="Name119" func="var" arg="dir" op="equ" val="norm">
            <dgm:constrLst>
              <dgm:constr type="lMarg" refType="w" fact="0.6"/>
              <dgm:constr type="rMarg" refType="primFontSz" fact="0.3"/>
              <dgm:constr type="tMarg" refType="primFontSz" fact="0.3"/>
              <dgm:constr type="bMarg" refType="primFontSz" fact="0.3"/>
            </dgm:constrLst>
          </dgm:if>
          <dgm:else name="Name120">
            <dgm:constrLst>
              <dgm:constr type="rMarg" refType="w" fact="0.6"/>
              <dgm:constr type="lMarg" refType="primFontSz" fact="0.3"/>
              <dgm:constr type="tMarg" refType="primFontSz" fact="0.3"/>
              <dgm:constr type="bMarg" refType="primFontSz" fact="0.3"/>
            </dgm:constrLst>
          </dgm:else>
        </dgm:choose>
        <dgm:ruleLst>
          <dgm:rule type="primFontSz" val="5" fact="NaN" max="NaN"/>
        </dgm:ruleLst>
      </dgm:layoutNode>
      <dgm:choose name="Name121">
        <dgm:if name="Name122" axis="ch" ptType="node" func="cnt" op="gte" val="1">
          <dgm:layoutNode name="desTx2" styleLbl="revTx">
            <dgm:varLst>
              <dgm:bulletEnabled val="1"/>
            </dgm:varLst>
            <dgm:choose name="Name123">
              <dgm:if name="Name124" func="var" arg="dir" op="equ" val="norm">
                <dgm:choose name="Name125">
                  <dgm:if name="Name126" axis="ch" ptType="node" func="cnt" op="gte" val="2">
                    <dgm:alg type="tx">
                      <dgm:param type="parTxLTRAlign" val="l"/>
                      <dgm:param type="parTxRTLAlign" val="l"/>
                      <dgm:param type="stBulletLvl" val="1"/>
                    </dgm:alg>
                  </dgm:if>
                  <dgm:else name="Name127">
                    <dgm:alg type="tx">
                      <dgm:param type="parTxLTRAlign" val="l"/>
                      <dgm:param type="parTxRTLAlign" val="l"/>
                    </dgm:alg>
                  </dgm:else>
                </dgm:choose>
              </dgm:if>
              <dgm:else name="Name128">
                <dgm:choose name="Name129">
                  <dgm:if name="Name130" axis="ch" ptType="node" func="cnt" op="gte" val="2">
                    <dgm:alg type="tx">
                      <dgm:param type="parTxLTRAlign" val="r"/>
                      <dgm:param type="parTxRTLAlign" val="r"/>
                      <dgm:param type="shpTxLTRAlignCh" val="r"/>
                      <dgm:param type="shpTxRTLAlignCh" val="r"/>
                      <dgm:param type="stBulletLvl" val="1"/>
                    </dgm:alg>
                  </dgm:if>
                  <dgm:else name="Name131">
                    <dgm:alg type="tx">
                      <dgm:param type="parTxLTRAlign" val="r"/>
                      <dgm:param type="parTxRTLAlign" val="r"/>
                      <dgm:param type="shpTxLTRAlignCh" val="r"/>
                      <dgm:param type="shpTxRTLAlignCh" val="r"/>
                    </dgm:alg>
                  </dgm:else>
                </dgm:choose>
              </dgm:else>
            </dgm:choose>
            <dgm:shape xmlns:r="http://schemas.openxmlformats.org/officeDocument/2006/relationships" type="rect" r:blip="">
              <dgm:adjLst/>
            </dgm:shape>
            <dgm:presOf axis="des" ptType="node"/>
            <dgm:constrLst>
              <dgm:constr type="rMarg" refType="primFontSz" fact="0.2"/>
              <dgm:constr type="tMarg" refType="primFontSz" fact="0.2"/>
              <dgm:constr type="bMarg" refType="primFontSz" fact="0.2"/>
            </dgm:constrLst>
            <dgm:ruleLst>
              <dgm:rule type="primFontSz" val="5" fact="NaN" max="NaN"/>
            </dgm:ruleLst>
          </dgm:layoutNode>
        </dgm:if>
        <dgm:else name="Name132"/>
      </dgm:choose>
    </dgm:forEach>
    <dgm:forEach name="Name133" axis="ch" ptType="sibTrans" hideLastTrans="0" st="2" cnt="1">
      <dgm:layoutNode name="picture2">
        <dgm:alg type="sp"/>
        <dgm:shape xmlns:r="http://schemas.openxmlformats.org/officeDocument/2006/relationships" r:blip="">
          <dgm:adjLst/>
        </dgm:shape>
        <dgm:presOf/>
        <dgm:constrLst/>
        <dgm:forEach name="Name134" ref="imageRepeat"/>
      </dgm:layoutNode>
    </dgm:forEach>
    <dgm:forEach name="Name135" axis="ch" ptType="node" st="3" cnt="1">
      <dgm:layoutNode name="parTx3">
        <dgm:choose name="Name136">
          <dgm:if name="Name137" func="var" arg="dir" op="equ" val="norm">
            <dgm:alg type="tx">
              <dgm:param type="parTxLTRAlign" val="l"/>
              <dgm:param type="parTxRTLAlign" val="r"/>
            </dgm:alg>
          </dgm:if>
          <dgm:else name="Name138">
            <dgm:alg type="tx">
              <dgm:param type="parTxLTRAlign" val="r"/>
              <dgm:param type="parTxRTLAlign" val="l"/>
            </dgm:alg>
          </dgm:else>
        </dgm:choose>
        <dgm:shape xmlns:r="http://schemas.openxmlformats.org/officeDocument/2006/relationships" type="roundRect" r:blip="">
          <dgm:adjLst/>
        </dgm:shape>
        <dgm:presOf axis="self" ptType="node"/>
        <dgm:choose name="Name139">
          <dgm:if name="Name140" func="var" arg="dir" op="equ" val="norm">
            <dgm:constrLst>
              <dgm:constr type="lMarg" refType="w" fact="0.6"/>
              <dgm:constr type="rMarg" refType="primFontSz" fact="0.3"/>
              <dgm:constr type="tMarg" refType="primFontSz" fact="0.3"/>
              <dgm:constr type="bMarg" refType="primFontSz" fact="0.3"/>
            </dgm:constrLst>
          </dgm:if>
          <dgm:else name="Name141">
            <dgm:constrLst>
              <dgm:constr type="rMarg" refType="w" fact="0.6"/>
              <dgm:constr type="lMarg" refType="primFontSz" fact="0.3"/>
              <dgm:constr type="tMarg" refType="primFontSz" fact="0.3"/>
              <dgm:constr type="bMarg" refType="primFontSz" fact="0.3"/>
            </dgm:constrLst>
          </dgm:else>
        </dgm:choose>
        <dgm:ruleLst>
          <dgm:rule type="primFontSz" val="5" fact="NaN" max="NaN"/>
        </dgm:ruleLst>
      </dgm:layoutNode>
      <dgm:choose name="Name142">
        <dgm:if name="Name143" axis="ch" ptType="node" func="cnt" op="gte" val="1">
          <dgm:layoutNode name="desTx3" styleLbl="revTx">
            <dgm:varLst>
              <dgm:bulletEnabled val="1"/>
            </dgm:varLst>
            <dgm:choose name="Name144">
              <dgm:if name="Name145" func="var" arg="dir" op="equ" val="norm">
                <dgm:choose name="Name146">
                  <dgm:if name="Name147" axis="ch" ptType="node" func="cnt" op="gte" val="2">
                    <dgm:alg type="tx">
                      <dgm:param type="parTxLTRAlign" val="l"/>
                      <dgm:param type="parTxRTLAlign" val="l"/>
                      <dgm:param type="stBulletLvl" val="1"/>
                    </dgm:alg>
                  </dgm:if>
                  <dgm:else name="Name148">
                    <dgm:alg type="tx">
                      <dgm:param type="parTxLTRAlign" val="l"/>
                      <dgm:param type="parTxRTLAlign" val="l"/>
                    </dgm:alg>
                  </dgm:else>
                </dgm:choose>
              </dgm:if>
              <dgm:else name="Name149">
                <dgm:choose name="Name150">
                  <dgm:if name="Name151" axis="ch" ptType="node" func="cnt" op="gte" val="2">
                    <dgm:alg type="tx">
                      <dgm:param type="parTxLTRAlign" val="r"/>
                      <dgm:param type="parTxRTLAlign" val="r"/>
                      <dgm:param type="shpTxLTRAlignCh" val="r"/>
                      <dgm:param type="shpTxRTLAlignCh" val="r"/>
                      <dgm:param type="stBulletLvl" val="1"/>
                    </dgm:alg>
                  </dgm:if>
                  <dgm:else name="Name152">
                    <dgm:alg type="tx">
                      <dgm:param type="parTxLTRAlign" val="r"/>
                      <dgm:param type="parTxRTLAlign" val="r"/>
                      <dgm:param type="shpTxLTRAlignCh" val="r"/>
                      <dgm:param type="shpTxRTLAlignCh" val="r"/>
                    </dgm:alg>
                  </dgm:else>
                </dgm:choose>
              </dgm:else>
            </dgm:choose>
            <dgm:shape xmlns:r="http://schemas.openxmlformats.org/officeDocument/2006/relationships" type="rect" r:blip="">
              <dgm:adjLst/>
            </dgm:shape>
            <dgm:presOf axis="des" ptType="node"/>
            <dgm:constrLst>
              <dgm:constr type="rMarg" refType="primFontSz" fact="0.2"/>
              <dgm:constr type="tMarg" refType="primFontSz" fact="0.2"/>
              <dgm:constr type="bMarg" refType="primFontSz" fact="0.2"/>
            </dgm:constrLst>
            <dgm:ruleLst>
              <dgm:rule type="primFontSz" val="5" fact="NaN" max="NaN"/>
            </dgm:ruleLst>
          </dgm:layoutNode>
        </dgm:if>
        <dgm:else name="Name153"/>
      </dgm:choose>
    </dgm:forEach>
    <dgm:forEach name="Name154" axis="ch" ptType="sibTrans" hideLastTrans="0" st="3" cnt="1">
      <dgm:layoutNode name="picture3">
        <dgm:alg type="sp"/>
        <dgm:shape xmlns:r="http://schemas.openxmlformats.org/officeDocument/2006/relationships" r:blip="">
          <dgm:adjLst/>
        </dgm:shape>
        <dgm:presOf/>
        <dgm:constrLst/>
        <dgm:forEach name="Name155" ref="imageRepeat"/>
      </dgm:layoutNode>
    </dgm:forEach>
    <dgm:forEach name="Name156" axis="ch" ptType="node" st="4" cnt="1">
      <dgm:layoutNode name="parTx4">
        <dgm:choose name="Name157">
          <dgm:if name="Name158" func="var" arg="dir" op="equ" val="norm">
            <dgm:alg type="tx">
              <dgm:param type="parTxLTRAlign" val="l"/>
              <dgm:param type="parTxRTLAlign" val="r"/>
            </dgm:alg>
          </dgm:if>
          <dgm:else name="Name159">
            <dgm:alg type="tx">
              <dgm:param type="parTxLTRAlign" val="r"/>
              <dgm:param type="parTxRTLAlign" val="l"/>
            </dgm:alg>
          </dgm:else>
        </dgm:choose>
        <dgm:shape xmlns:r="http://schemas.openxmlformats.org/officeDocument/2006/relationships" type="roundRect" r:blip="">
          <dgm:adjLst/>
        </dgm:shape>
        <dgm:presOf axis="self" ptType="node"/>
        <dgm:choose name="Name160">
          <dgm:if name="Name161" func="var" arg="dir" op="equ" val="norm">
            <dgm:constrLst>
              <dgm:constr type="lMarg" refType="w" fact="0.6"/>
              <dgm:constr type="rMarg" refType="primFontSz" fact="0.3"/>
              <dgm:constr type="tMarg" refType="primFontSz" fact="0.3"/>
              <dgm:constr type="bMarg" refType="primFontSz" fact="0.3"/>
            </dgm:constrLst>
          </dgm:if>
          <dgm:else name="Name162">
            <dgm:constrLst>
              <dgm:constr type="rMarg" refType="w" fact="0.6"/>
              <dgm:constr type="lMarg" refType="primFontSz" fact="0.3"/>
              <dgm:constr type="tMarg" refType="primFontSz" fact="0.3"/>
              <dgm:constr type="bMarg" refType="primFontSz" fact="0.3"/>
            </dgm:constrLst>
          </dgm:else>
        </dgm:choose>
        <dgm:ruleLst>
          <dgm:rule type="primFontSz" val="5" fact="NaN" max="NaN"/>
        </dgm:ruleLst>
      </dgm:layoutNode>
      <dgm:choose name="Name163">
        <dgm:if name="Name164" axis="ch" ptType="node" func="cnt" op="gte" val="1">
          <dgm:layoutNode name="desTx4" styleLbl="revTx">
            <dgm:varLst>
              <dgm:bulletEnabled val="1"/>
            </dgm:varLst>
            <dgm:choose name="Name165">
              <dgm:if name="Name166" func="var" arg="dir" op="equ" val="norm">
                <dgm:choose name="Name167">
                  <dgm:if name="Name168" axis="ch" ptType="node" func="cnt" op="gte" val="2">
                    <dgm:alg type="tx">
                      <dgm:param type="parTxLTRAlign" val="l"/>
                      <dgm:param type="parTxRTLAlign" val="l"/>
                      <dgm:param type="stBulletLvl" val="1"/>
                    </dgm:alg>
                  </dgm:if>
                  <dgm:else name="Name169">
                    <dgm:alg type="tx">
                      <dgm:param type="parTxLTRAlign" val="l"/>
                      <dgm:param type="parTxRTLAlign" val="l"/>
                    </dgm:alg>
                  </dgm:else>
                </dgm:choose>
              </dgm:if>
              <dgm:else name="Name170">
                <dgm:choose name="Name171">
                  <dgm:if name="Name172" axis="ch" ptType="node" func="cnt" op="gte" val="2">
                    <dgm:alg type="tx">
                      <dgm:param type="parTxLTRAlign" val="r"/>
                      <dgm:param type="parTxRTLAlign" val="r"/>
                      <dgm:param type="shpTxLTRAlignCh" val="r"/>
                      <dgm:param type="shpTxRTLAlignCh" val="r"/>
                      <dgm:param type="stBulletLvl" val="1"/>
                    </dgm:alg>
                  </dgm:if>
                  <dgm:else name="Name173">
                    <dgm:alg type="tx">
                      <dgm:param type="parTxLTRAlign" val="r"/>
                      <dgm:param type="parTxRTLAlign" val="r"/>
                      <dgm:param type="shpTxLTRAlignCh" val="r"/>
                      <dgm:param type="shpTxRTLAlignCh" val="r"/>
                    </dgm:alg>
                  </dgm:else>
                </dgm:choose>
              </dgm:else>
            </dgm:choose>
            <dgm:shape xmlns:r="http://schemas.openxmlformats.org/officeDocument/2006/relationships" type="rect" r:blip="">
              <dgm:adjLst/>
            </dgm:shape>
            <dgm:presOf axis="des" ptType="node"/>
            <dgm:constrLst>
              <dgm:constr type="rMarg" refType="primFontSz" fact="0.2"/>
              <dgm:constr type="tMarg" refType="primFontSz" fact="0.2"/>
              <dgm:constr type="bMarg" refType="primFontSz" fact="0.2"/>
            </dgm:constrLst>
            <dgm:ruleLst>
              <dgm:rule type="primFontSz" val="5" fact="NaN" max="NaN"/>
            </dgm:ruleLst>
          </dgm:layoutNode>
        </dgm:if>
        <dgm:else name="Name174"/>
      </dgm:choose>
    </dgm:forEach>
    <dgm:forEach name="Name175" axis="ch" ptType="sibTrans" hideLastTrans="0" st="4" cnt="1">
      <dgm:layoutNode name="picture4">
        <dgm:alg type="sp"/>
        <dgm:shape xmlns:r="http://schemas.openxmlformats.org/officeDocument/2006/relationships" r:blip="">
          <dgm:adjLst/>
        </dgm:shape>
        <dgm:presOf/>
        <dgm:constrLst/>
        <dgm:forEach name="Name176" ref="imageRepeat"/>
      </dgm:layoutNode>
    </dgm:forEach>
    <dgm:forEach name="Name177" axis="ch" ptType="node" st="5" cnt="1">
      <dgm:layoutNode name="parTx5">
        <dgm:choose name="Name178">
          <dgm:if name="Name179" func="var" arg="dir" op="equ" val="norm">
            <dgm:alg type="tx">
              <dgm:param type="parTxLTRAlign" val="l"/>
              <dgm:param type="parTxRTLAlign" val="r"/>
            </dgm:alg>
          </dgm:if>
          <dgm:else name="Name180">
            <dgm:alg type="tx">
              <dgm:param type="parTxLTRAlign" val="r"/>
              <dgm:param type="parTxRTLAlign" val="l"/>
            </dgm:alg>
          </dgm:else>
        </dgm:choose>
        <dgm:shape xmlns:r="http://schemas.openxmlformats.org/officeDocument/2006/relationships" type="roundRect" r:blip="">
          <dgm:adjLst/>
        </dgm:shape>
        <dgm:presOf axis="self" ptType="node"/>
        <dgm:choose name="Name181">
          <dgm:if name="Name182" func="var" arg="dir" op="equ" val="norm">
            <dgm:constrLst>
              <dgm:constr type="lMarg" refType="w" fact="0.6"/>
              <dgm:constr type="rMarg" refType="primFontSz" fact="0.3"/>
              <dgm:constr type="tMarg" refType="primFontSz" fact="0.3"/>
              <dgm:constr type="bMarg" refType="primFontSz" fact="0.3"/>
            </dgm:constrLst>
          </dgm:if>
          <dgm:else name="Name183">
            <dgm:constrLst>
              <dgm:constr type="rMarg" refType="w" fact="0.6"/>
              <dgm:constr type="lMarg" refType="primFontSz" fact="0.3"/>
              <dgm:constr type="tMarg" refType="primFontSz" fact="0.3"/>
              <dgm:constr type="bMarg" refType="primFontSz" fact="0.3"/>
            </dgm:constrLst>
          </dgm:else>
        </dgm:choose>
        <dgm:ruleLst>
          <dgm:rule type="primFontSz" val="5" fact="NaN" max="NaN"/>
        </dgm:ruleLst>
      </dgm:layoutNode>
      <dgm:choose name="Name184">
        <dgm:if name="Name185" axis="ch" ptType="node" func="cnt" op="gte" val="1">
          <dgm:layoutNode name="desTx5" styleLbl="revTx">
            <dgm:varLst>
              <dgm:bulletEnabled val="1"/>
            </dgm:varLst>
            <dgm:choose name="Name186">
              <dgm:if name="Name187" func="var" arg="dir" op="equ" val="norm">
                <dgm:choose name="Name188">
                  <dgm:if name="Name189" axis="ch" ptType="node" func="cnt" op="gte" val="2">
                    <dgm:alg type="tx">
                      <dgm:param type="parTxLTRAlign" val="l"/>
                      <dgm:param type="parTxRTLAlign" val="l"/>
                      <dgm:param type="stBulletLvl" val="1"/>
                    </dgm:alg>
                  </dgm:if>
                  <dgm:else name="Name190">
                    <dgm:alg type="tx">
                      <dgm:param type="parTxLTRAlign" val="l"/>
                      <dgm:param type="parTxRTLAlign" val="l"/>
                    </dgm:alg>
                  </dgm:else>
                </dgm:choose>
              </dgm:if>
              <dgm:else name="Name191">
                <dgm:choose name="Name192">
                  <dgm:if name="Name193" axis="ch" ptType="node" func="cnt" op="gte" val="2">
                    <dgm:alg type="tx">
                      <dgm:param type="parTxLTRAlign" val="r"/>
                      <dgm:param type="parTxRTLAlign" val="r"/>
                      <dgm:param type="shpTxLTRAlignCh" val="r"/>
                      <dgm:param type="shpTxRTLAlignCh" val="r"/>
                      <dgm:param type="stBulletLvl" val="1"/>
                    </dgm:alg>
                  </dgm:if>
                  <dgm:else name="Name194">
                    <dgm:alg type="tx">
                      <dgm:param type="parTxLTRAlign" val="r"/>
                      <dgm:param type="parTxRTLAlign" val="r"/>
                      <dgm:param type="shpTxLTRAlignCh" val="r"/>
                      <dgm:param type="shpTxRTLAlignCh" val="r"/>
                    </dgm:alg>
                  </dgm:else>
                </dgm:choose>
              </dgm:else>
            </dgm:choose>
            <dgm:shape xmlns:r="http://schemas.openxmlformats.org/officeDocument/2006/relationships" type="rect" r:blip="">
              <dgm:adjLst/>
            </dgm:shape>
            <dgm:presOf axis="des" ptType="node"/>
            <dgm:constrLst>
              <dgm:constr type="rMarg" refType="primFontSz" fact="0.2"/>
              <dgm:constr type="tMarg" refType="primFontSz" fact="0.2"/>
              <dgm:constr type="bMarg" refType="primFontSz" fact="0.2"/>
            </dgm:constrLst>
            <dgm:ruleLst>
              <dgm:rule type="primFontSz" val="5" fact="NaN" max="NaN"/>
            </dgm:ruleLst>
          </dgm:layoutNode>
        </dgm:if>
        <dgm:else name="Name195"/>
      </dgm:choose>
    </dgm:forEach>
    <dgm:forEach name="Name196" axis="ch" ptType="sibTrans" hideLastTrans="0" st="5" cnt="1">
      <dgm:layoutNode name="picture5">
        <dgm:alg type="sp"/>
        <dgm:shape xmlns:r="http://schemas.openxmlformats.org/officeDocument/2006/relationships" r:blip="">
          <dgm:adjLst/>
        </dgm:shape>
        <dgm:presOf/>
        <dgm:constrLst/>
        <dgm:forEach name="Name197" ref="imageRepeat"/>
      </dgm:layoutNode>
    </dgm:forEach>
    <dgm:forEach name="Name198" axis="ch" ptType="node" st="6" cnt="1">
      <dgm:layoutNode name="parTx6">
        <dgm:choose name="Name199">
          <dgm:if name="Name200" func="var" arg="dir" op="equ" val="norm">
            <dgm:alg type="tx">
              <dgm:param type="parTxLTRAlign" val="l"/>
              <dgm:param type="parTxRTLAlign" val="r"/>
            </dgm:alg>
          </dgm:if>
          <dgm:else name="Name201">
            <dgm:alg type="tx">
              <dgm:param type="parTxLTRAlign" val="r"/>
              <dgm:param type="parTxRTLAlign" val="l"/>
            </dgm:alg>
          </dgm:else>
        </dgm:choose>
        <dgm:shape xmlns:r="http://schemas.openxmlformats.org/officeDocument/2006/relationships" type="roundRect" r:blip="">
          <dgm:adjLst/>
        </dgm:shape>
        <dgm:presOf axis="self" ptType="node"/>
        <dgm:choose name="Name202">
          <dgm:if name="Name203" func="var" arg="dir" op="equ" val="norm">
            <dgm:constrLst>
              <dgm:constr type="lMarg" refType="w" fact="0.6"/>
              <dgm:constr type="rMarg" refType="primFontSz" fact="0.3"/>
              <dgm:constr type="tMarg" refType="primFontSz" fact="0.3"/>
              <dgm:constr type="bMarg" refType="primFontSz" fact="0.3"/>
            </dgm:constrLst>
          </dgm:if>
          <dgm:else name="Name204">
            <dgm:constrLst>
              <dgm:constr type="rMarg" refType="w" fact="0.6"/>
              <dgm:constr type="lMarg" refType="primFontSz" fact="0.3"/>
              <dgm:constr type="tMarg" refType="primFontSz" fact="0.3"/>
              <dgm:constr type="bMarg" refType="primFontSz" fact="0.3"/>
            </dgm:constrLst>
          </dgm:else>
        </dgm:choose>
        <dgm:ruleLst>
          <dgm:rule type="primFontSz" val="5" fact="NaN" max="NaN"/>
        </dgm:ruleLst>
      </dgm:layoutNode>
      <dgm:choose name="Name205">
        <dgm:if name="Name206" axis="ch" ptType="node" func="cnt" op="gte" val="1">
          <dgm:layoutNode name="desTx6" styleLbl="revTx">
            <dgm:varLst>
              <dgm:bulletEnabled val="1"/>
            </dgm:varLst>
            <dgm:choose name="Name207">
              <dgm:if name="Name208" func="var" arg="dir" op="equ" val="norm">
                <dgm:choose name="Name209">
                  <dgm:if name="Name210" axis="ch" ptType="node" func="cnt" op="gte" val="2">
                    <dgm:alg type="tx">
                      <dgm:param type="parTxLTRAlign" val="l"/>
                      <dgm:param type="parTxRTLAlign" val="l"/>
                      <dgm:param type="stBulletLvl" val="1"/>
                    </dgm:alg>
                  </dgm:if>
                  <dgm:else name="Name211">
                    <dgm:alg type="tx">
                      <dgm:param type="parTxLTRAlign" val="l"/>
                      <dgm:param type="parTxRTLAlign" val="l"/>
                    </dgm:alg>
                  </dgm:else>
                </dgm:choose>
              </dgm:if>
              <dgm:else name="Name212">
                <dgm:choose name="Name213">
                  <dgm:if name="Name214" axis="ch" ptType="node" func="cnt" op="gte" val="2">
                    <dgm:alg type="tx">
                      <dgm:param type="parTxLTRAlign" val="r"/>
                      <dgm:param type="parTxRTLAlign" val="r"/>
                      <dgm:param type="shpTxLTRAlignCh" val="r"/>
                      <dgm:param type="shpTxRTLAlignCh" val="r"/>
                      <dgm:param type="stBulletLvl" val="1"/>
                    </dgm:alg>
                  </dgm:if>
                  <dgm:else name="Name215">
                    <dgm:alg type="tx">
                      <dgm:param type="parTxLTRAlign" val="r"/>
                      <dgm:param type="parTxRTLAlign" val="r"/>
                      <dgm:param type="shpTxLTRAlignCh" val="r"/>
                      <dgm:param type="shpTxRTLAlignCh" val="r"/>
                    </dgm:alg>
                  </dgm:else>
                </dgm:choose>
              </dgm:else>
            </dgm:choose>
            <dgm:shape xmlns:r="http://schemas.openxmlformats.org/officeDocument/2006/relationships" type="rect" r:blip="">
              <dgm:adjLst/>
            </dgm:shape>
            <dgm:presOf axis="des" ptType="node"/>
            <dgm:constrLst>
              <dgm:constr type="rMarg" refType="primFontSz" fact="0.2"/>
              <dgm:constr type="tMarg" refType="primFontSz" fact="0.2"/>
              <dgm:constr type="bMarg" refType="primFontSz" fact="0.2"/>
            </dgm:constrLst>
            <dgm:ruleLst>
              <dgm:rule type="primFontSz" val="5" fact="NaN" max="NaN"/>
            </dgm:ruleLst>
          </dgm:layoutNode>
        </dgm:if>
        <dgm:else name="Name216"/>
      </dgm:choose>
    </dgm:forEach>
    <dgm:forEach name="Name217" axis="ch" ptType="sibTrans" hideLastTrans="0" st="6" cnt="1">
      <dgm:layoutNode name="picture6">
        <dgm:alg type="sp"/>
        <dgm:shape xmlns:r="http://schemas.openxmlformats.org/officeDocument/2006/relationships" r:blip="">
          <dgm:adjLst/>
        </dgm:shape>
        <dgm:presOf/>
        <dgm:constrLst/>
        <dgm:forEach name="Name218" ref="imageRepeat"/>
      </dgm:layoutNode>
    </dgm:forEach>
    <dgm:forEach name="Name219" axis="ch" ptType="node" st="7" cnt="1">
      <dgm:layoutNode name="parTx7">
        <dgm:choose name="Name220">
          <dgm:if name="Name221" func="var" arg="dir" op="equ" val="norm">
            <dgm:alg type="tx">
              <dgm:param type="parTxLTRAlign" val="l"/>
              <dgm:param type="parTxRTLAlign" val="r"/>
            </dgm:alg>
          </dgm:if>
          <dgm:else name="Name222">
            <dgm:alg type="tx">
              <dgm:param type="parTxLTRAlign" val="r"/>
              <dgm:param type="parTxRTLAlign" val="l"/>
            </dgm:alg>
          </dgm:else>
        </dgm:choose>
        <dgm:shape xmlns:r="http://schemas.openxmlformats.org/officeDocument/2006/relationships" type="roundRect" r:blip="">
          <dgm:adjLst/>
        </dgm:shape>
        <dgm:presOf axis="self" ptType="node"/>
        <dgm:choose name="Name223">
          <dgm:if name="Name224" func="var" arg="dir" op="equ" val="norm">
            <dgm:constrLst>
              <dgm:constr type="lMarg" refType="w" fact="0.6"/>
              <dgm:constr type="rMarg" refType="primFontSz" fact="0.3"/>
              <dgm:constr type="tMarg" refType="primFontSz" fact="0.3"/>
              <dgm:constr type="bMarg" refType="primFontSz" fact="0.3"/>
            </dgm:constrLst>
          </dgm:if>
          <dgm:else name="Name225">
            <dgm:constrLst>
              <dgm:constr type="rMarg" refType="w" fact="0.6"/>
              <dgm:constr type="lMarg" refType="primFontSz" fact="0.3"/>
              <dgm:constr type="tMarg" refType="primFontSz" fact="0.3"/>
              <dgm:constr type="bMarg" refType="primFontSz" fact="0.3"/>
            </dgm:constrLst>
          </dgm:else>
        </dgm:choose>
        <dgm:ruleLst>
          <dgm:rule type="primFontSz" val="5" fact="NaN" max="NaN"/>
        </dgm:ruleLst>
      </dgm:layoutNode>
      <dgm:choose name="Name226">
        <dgm:if name="Name227" axis="ch" ptType="node" func="cnt" op="gte" val="1">
          <dgm:layoutNode name="desTx7" styleLbl="revTx">
            <dgm:varLst>
              <dgm:bulletEnabled val="1"/>
            </dgm:varLst>
            <dgm:choose name="Name228">
              <dgm:if name="Name229" func="var" arg="dir" op="equ" val="norm">
                <dgm:choose name="Name230">
                  <dgm:if name="Name231" axis="ch" ptType="node" func="cnt" op="gte" val="2">
                    <dgm:alg type="tx">
                      <dgm:param type="parTxLTRAlign" val="l"/>
                      <dgm:param type="parTxRTLAlign" val="l"/>
                      <dgm:param type="stBulletLvl" val="1"/>
                    </dgm:alg>
                  </dgm:if>
                  <dgm:else name="Name232">
                    <dgm:alg type="tx">
                      <dgm:param type="parTxLTRAlign" val="l"/>
                      <dgm:param type="parTxRTLAlign" val="l"/>
                    </dgm:alg>
                  </dgm:else>
                </dgm:choose>
              </dgm:if>
              <dgm:else name="Name233">
                <dgm:choose name="Name234">
                  <dgm:if name="Name235" axis="ch" ptType="node" func="cnt" op="gte" val="2">
                    <dgm:alg type="tx">
                      <dgm:param type="parTxLTRAlign" val="r"/>
                      <dgm:param type="parTxRTLAlign" val="r"/>
                      <dgm:param type="shpTxLTRAlignCh" val="r"/>
                      <dgm:param type="shpTxRTLAlignCh" val="r"/>
                      <dgm:param type="stBulletLvl" val="1"/>
                    </dgm:alg>
                  </dgm:if>
                  <dgm:else name="Name236">
                    <dgm:alg type="tx">
                      <dgm:param type="parTxLTRAlign" val="r"/>
                      <dgm:param type="parTxRTLAlign" val="r"/>
                      <dgm:param type="shpTxLTRAlignCh" val="r"/>
                      <dgm:param type="shpTxRTLAlignCh" val="r"/>
                    </dgm:alg>
                  </dgm:else>
                </dgm:choose>
              </dgm:else>
            </dgm:choose>
            <dgm:shape xmlns:r="http://schemas.openxmlformats.org/officeDocument/2006/relationships" type="rect" r:blip="">
              <dgm:adjLst/>
            </dgm:shape>
            <dgm:presOf axis="des" ptType="node"/>
            <dgm:constrLst>
              <dgm:constr type="rMarg" refType="primFontSz" fact="0.2"/>
              <dgm:constr type="tMarg" refType="primFontSz" fact="0.2"/>
              <dgm:constr type="bMarg" refType="primFontSz" fact="0.2"/>
            </dgm:constrLst>
            <dgm:ruleLst>
              <dgm:rule type="primFontSz" val="5" fact="NaN" max="NaN"/>
            </dgm:ruleLst>
          </dgm:layoutNode>
        </dgm:if>
        <dgm:else name="Name237"/>
      </dgm:choose>
    </dgm:forEach>
    <dgm:forEach name="Name238" axis="ch" ptType="sibTrans" hideLastTrans="0" st="7" cnt="1">
      <dgm:layoutNode name="picture7">
        <dgm:alg type="sp"/>
        <dgm:shape xmlns:r="http://schemas.openxmlformats.org/officeDocument/2006/relationships" r:blip="">
          <dgm:adjLst/>
        </dgm:shape>
        <dgm:presOf/>
        <dgm:constrLst/>
        <dgm:forEach name="Name239" ref="imageRepeat"/>
      </dgm:layoutNode>
    </dgm:forEach>
  </dgm:layoutNode>
</dgm:layoutDef>
</file>

<file path=ppt/diagrams/layout7.xml><?xml version="1.0" encoding="utf-8"?>
<dgm:layoutDef xmlns:dgm="http://schemas.openxmlformats.org/drawingml/2006/diagram" xmlns:a="http://schemas.openxmlformats.org/drawingml/2006/main" uniqueId="urn:microsoft.com/office/officeart/2008/layout/RadialCluster">
  <dgm:title val=""/>
  <dgm:desc val=""/>
  <dgm:catLst>
    <dgm:cat type="relationship" pri="19500"/>
    <dgm:cat type="cycle" pri="150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useDef="1">
    <dgm:dataModel>
      <dgm:ptLst/>
      <dgm:bg/>
      <dgm:whole/>
    </dgm:dataModel>
  </dgm:styleData>
  <dgm:clrData useDef="1">
    <dgm:dataModel>
      <dgm:ptLst/>
      <dgm:bg/>
      <dgm:whole/>
    </dgm:dataModel>
  </dgm:clrData>
  <dgm:layoutNode name="Name0">
    <dgm:varLst>
      <dgm:chMax val="1"/>
      <dgm:chPref val="1"/>
      <dgm:dir/>
      <dgm:animOne val="branch"/>
      <dgm:animLvl val="lvl"/>
    </dgm:varLst>
    <dgm:alg type="composite">
      <dgm:param type="ar" val="1.00"/>
    </dgm:alg>
    <dgm:shape xmlns:r="http://schemas.openxmlformats.org/officeDocument/2006/relationships" r:blip="">
      <dgm:adjLst/>
    </dgm:shape>
    <dgm:choose name="Name1">
      <dgm:if name="Name2" func="var" arg="dir" op="equ" val="norm">
        <dgm:choose name="Name3">
          <dgm:if name="Name4" axis="ch ch" ptType="node node" cnt="1 0" func="cnt" op="equ" val="1">
            <dgm:constrLst>
              <dgm:constr type="l" for="ch" forName="textCenter"/>
              <dgm:constr type="ctrY" for="ch" forName="textCenter" refType="h" fact="0.5"/>
              <dgm:constr type="w" for="ch" forName="textCenter" refType="w" fact="0.32"/>
              <dgm:constr type="h" for="ch" forName="textCenter" refType="w" refFor="ch" refForName="textCenter"/>
              <dgm:constr type="r" for="ch" forName="cycle_1" refType="w"/>
              <dgm:constr type="ctrY" for="ch" forName="cycle_1" refType="h" fact="0.5"/>
              <dgm:constr type="w" for="ch" forName="cycle_1" refType="w" fact="0.56"/>
              <dgm:constr type="h" for="ch" forName="cycle_1" refType="h"/>
              <dgm:constr type="primFontSz" for="ch" forName="textCenter" val="65"/>
              <dgm:constr type="primFontSz" for="des" forName="childCenter1" val="65"/>
              <dgm:constr type="primFontSz" for="des" forName="text1" op="equ" val="65"/>
              <dgm:constr type="userS" for="des" ptType="node" refType="w" refFor="ch" refForName="textCenter" fact="0.67"/>
            </dgm:constrLst>
          </dgm:if>
          <dgm:if name="Name5" axis="ch ch" ptType="node node" cnt="1 0" func="cnt" op="equ" val="2">
            <dgm:constrLst>
              <dgm:constr type="ctrX" for="ch" forName="textCenter" refType="w" fact="0.5"/>
              <dgm:constr type="ctrY" for="ch" forName="textCenter" refType="h" fact="0.5"/>
              <dgm:constr type="w" for="ch" forName="textCenter" refType="w" fact="0.25"/>
              <dgm:constr type="h" for="ch" forName="textCenter" refType="w" refFor="ch" refForName="textCenter"/>
              <dgm:constr type="ctrX" for="ch" forName="cycle_1" refType="w" fact="0.5"/>
              <dgm:constr type="t" for="ch" forName="cycle_1"/>
              <dgm:constr type="w" for="ch" forName="cycle_1" refType="w"/>
              <dgm:constr type="h" for="ch" forName="cycle_1" refType="h" fact="0.34"/>
              <dgm:constr type="ctrX" for="ch" forName="cycle_2" refType="w" fact="0.5"/>
              <dgm:constr type="b" for="ch" forName="cycle_2" refType="h"/>
              <dgm:constr type="w" for="ch" forName="cycle_2" refType="w"/>
              <dgm:constr type="h" for="ch" forName="cycle_2" refType="h" fact="0.34"/>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userS" for="des" ptType="node" refType="w" refFor="ch" refForName="textCenter" fact="0.67"/>
            </dgm:constrLst>
          </dgm:if>
          <dgm:if name="Name6" axis="ch ch" ptType="node node" cnt="1 0" func="cnt" op="equ" val="3">
            <dgm:choose name="Name7">
              <dgm:if name="Name8" axis="ch ch ch" ptType="node node node" st="1 2 0" cnt="1 1 0" func="cnt" op="equ" val="1">
                <dgm:choose name="Name9">
                  <dgm:if name="Name10" axis="ch ch ch" ptType="node node node" st="1 3 0" cnt="1 1 0" func="cnt" op="equ" val="1">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r" for="ch" forName="cycle_2" refType="w"/>
                      <dgm:constr type="b" for="ch" forName="cycle_2" refType="h" fact="0.85"/>
                      <dgm:constr type="w" for="ch" forName="cycle_2" refType="w" fact="0.46"/>
                      <dgm:constr type="h" for="ch" forName="cycle_2" refType="h" fact="0.54"/>
                      <dgm:constr type="diam" for="ch" forName="cycle_2" refType="w" fact="0.5"/>
                      <dgm:constr type="l" for="ch" forName="cycle_3"/>
                      <dgm:constr type="b" for="ch" forName="cycle_3" refType="h" fact="0.85"/>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if>
                  <dgm:else name="Name11">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r" for="ch" forName="cycle_2" refType="w"/>
                      <dgm:constr type="b" for="ch" forName="cycle_2" refType="h" fact="0.85"/>
                      <dgm:constr type="w" for="ch" forName="cycle_2" refType="w" fact="0.46"/>
                      <dgm:constr type="h" for="ch" forName="cycle_2" refType="h" fact="0.54"/>
                      <dgm:constr type="diam" for="ch" forName="cycle_2" refType="w" fact="0.5"/>
                      <dgm:constr type="l" for="ch" forName="cycle_3"/>
                      <dgm:constr type="b" for="ch" forName="cycle_3" refType="h"/>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else>
                </dgm:choose>
              </dgm:if>
              <dgm:else name="Name12">
                <dgm:choose name="Name13">
                  <dgm:if name="Name14" axis="ch ch ch" ptType="node node node" st="1 3 0" cnt="1 1 0" func="cnt" op="equ" val="1">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r" for="ch" forName="cycle_2" refType="w"/>
                      <dgm:constr type="b" for="ch" forName="cycle_2" refType="h"/>
                      <dgm:constr type="w" for="ch" forName="cycle_2" refType="w" fact="0.46"/>
                      <dgm:constr type="h" for="ch" forName="cycle_2" refType="h" fact="0.54"/>
                      <dgm:constr type="diam" for="ch" forName="cycle_2" refType="w" fact="0.5"/>
                      <dgm:constr type="l" for="ch" forName="cycle_3"/>
                      <dgm:constr type="b" for="ch" forName="cycle_3" refType="h" fact="0.85"/>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if>
                  <dgm:else name="Name15">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r" for="ch" forName="cycle_2" refType="w"/>
                      <dgm:constr type="b" for="ch" forName="cycle_2" refType="h"/>
                      <dgm:constr type="w" for="ch" forName="cycle_2" refType="w" fact="0.46"/>
                      <dgm:constr type="h" for="ch" forName="cycle_2" refType="h" fact="0.54"/>
                      <dgm:constr type="diam" for="ch" forName="cycle_2" refType="w" fact="0.5"/>
                      <dgm:constr type="l" for="ch" forName="cycle_3"/>
                      <dgm:constr type="b" for="ch" forName="cycle_3" refType="h"/>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else>
                </dgm:choose>
              </dgm:else>
            </dgm:choose>
          </dgm:if>
          <dgm:if name="Name16" axis="ch ch" ptType="node node" cnt="1 0" func="cnt" op="equ" val="4">
            <dgm:constrLst>
              <dgm:constr type="ctrX" for="ch" forName="textCenter" refType="w" fact="0.5"/>
              <dgm:constr type="ctrY" for="ch" forName="textCenter" refType="h" fact="0.5"/>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5"/>
              <dgm:constr type="h" for="ch" forName="cycle_1" refType="h" fact="0.33"/>
              <dgm:constr type="r" for="ch" forName="cycle_2" refType="w"/>
              <dgm:constr type="ctrY" for="ch" forName="cycle_2" refType="h" fact="0.5"/>
              <dgm:constr type="w" for="ch" forName="cycle_2" refType="w" fact="0.33"/>
              <dgm:constr type="h" for="ch" forName="cycle_2" refType="h" fact="0.5"/>
              <dgm:constr type="ctrX" for="ch" forName="cycle_3" refType="w" fact="0.5"/>
              <dgm:constr type="b" for="ch" forName="cycle_3" refType="h"/>
              <dgm:constr type="w" for="ch" forName="cycle_3" refType="w" fact="0.5"/>
              <dgm:constr type="h" for="ch" forName="cycle_3" refType="h" fact="0.33"/>
              <dgm:constr type="l" for="ch" forName="cycle_4"/>
              <dgm:constr type="ctrY" for="ch" forName="cycle_4" refType="h" fact="0.5"/>
              <dgm:constr type="w" for="ch" forName="cycle_4" refType="w" fact="0.33"/>
              <dgm:constr type="h" for="ch" forName="cycle_4" refType="h"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userS" for="des" ptType="node" refType="w" refFor="ch" refForName="textCenter" fact="0.67"/>
            </dgm:constrLst>
          </dgm:if>
          <dgm:if name="Name17" axis="ch ch" ptType="node node" cnt="1 0" func="cnt" op="equ" val="5">
            <dgm:constrLst>
              <dgm:constr type="ctrX" for="ch" forName="textCenter" refType="w" fact="0.5"/>
              <dgm:constr type="t" for="ch" forName="textCenter" refType="h" fact="0.42"/>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33"/>
              <dgm:constr type="h" for="ch" forName="cycle_1" refType="w" refFor="ch" refForName="cycle_1"/>
              <dgm:constr type="r" for="ch" forName="cycle_2" refType="w"/>
              <dgm:constr type="t" for="ch" forName="cycle_2" refType="h" fact="0.24"/>
              <dgm:constr type="w" for="ch" forName="cycle_2" refType="w" fact="0.33"/>
              <dgm:constr type="h" for="ch" forName="cycle_2" refType="w" refFor="ch" refForName="cycle_2"/>
              <dgm:constr type="r" for="ch" forName="cycle_3" refType="w" fact="0.89"/>
              <dgm:constr type="b" for="ch" forName="cycle_3" refType="h"/>
              <dgm:constr type="w" for="ch" forName="cycle_3" refType="w" fact="0.33"/>
              <dgm:constr type="h" for="ch" forName="cycle_3" refType="w" refFor="ch" refForName="cycle_3"/>
              <dgm:constr type="l" for="ch" forName="cycle_4" refType="w" fact="0.11"/>
              <dgm:constr type="b" for="ch" forName="cycle_4" refType="h"/>
              <dgm:constr type="w" for="ch" forName="cycle_4" refType="w" fact="0.33"/>
              <dgm:constr type="h" for="ch" forName="cycle_4" refType="w" refFor="ch" refForName="cycle_4"/>
              <dgm:constr type="l" for="ch" forName="cycle_5"/>
              <dgm:constr type="t" for="ch" forName="cycle_5" refType="h" fact="0.24"/>
              <dgm:constr type="w" for="ch" forName="cycle_5" refType="w" fact="0.33"/>
              <dgm:constr type="h" for="ch" forName="cycle_5" refType="w" refFor="ch" refForName="cycle_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userS" for="des" ptType="node" refType="w" refFor="ch" refForName="textCenter" fact="0.67"/>
            </dgm:constrLst>
          </dgm:if>
          <dgm:if name="Name18" axis="ch ch" ptType="node node" cnt="1 0" func="cnt" op="equ" val="6">
            <dgm:constrLst>
              <dgm:constr type="ctrX" for="ch" forName="textCenter" refType="w" fact="0.5"/>
              <dgm:constr type="ctrY" for="ch" forName="textCenter" refType="h" fact="0.5"/>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33"/>
              <dgm:constr type="h" for="ch" forName="cycle_1" refType="w" refFor="ch" refForName="cycle_1"/>
              <dgm:constr type="r" for="ch" forName="cycle_2" refType="w"/>
              <dgm:constr type="t" for="ch" forName="cycle_2" refType="h" fact="0.17"/>
              <dgm:constr type="w" for="ch" forName="cycle_2" refType="w" fact="0.33"/>
              <dgm:constr type="h" for="ch" forName="cycle_2" refType="w" refFor="ch" refForName="cycle_2"/>
              <dgm:constr type="r" for="ch" forName="cycle_3" refType="w"/>
              <dgm:constr type="b" for="ch" forName="cycle_3" refType="h" fact="0.83"/>
              <dgm:constr type="w" for="ch" forName="cycle_3" refType="w" fact="0.33"/>
              <dgm:constr type="h" for="ch" forName="cycle_3" refType="w" refFor="ch" refForName="cycle_3"/>
              <dgm:constr type="ctrX" for="ch" forName="cycle_4" refType="w" fact="0.5"/>
              <dgm:constr type="b" for="ch" forName="cycle_4" refType="h"/>
              <dgm:constr type="w" for="ch" forName="cycle_4" refType="w" fact="0.33"/>
              <dgm:constr type="h" for="ch" forName="cycle_4" refType="w" refFor="ch" refForName="cycle_4"/>
              <dgm:constr type="l" for="ch" forName="cycle_5"/>
              <dgm:constr type="b" for="ch" forName="cycle_5" refType="h" fact="0.83"/>
              <dgm:constr type="w" for="ch" forName="cycle_5" refType="w" fact="0.33"/>
              <dgm:constr type="h" for="ch" forName="cycle_5" refType="w" refFor="ch" refForName="cycle_5"/>
              <dgm:constr type="l" for="ch" forName="cycle_6"/>
              <dgm:constr type="t" for="ch" forName="cycle_6" refType="h" fact="0.17"/>
              <dgm:constr type="w" for="ch" forName="cycle_6" refType="w" fact="0.33"/>
              <dgm:constr type="h" for="ch" forName="cycle_6" refType="w" refFor="ch" refForName="cycle_6"/>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primFontSz" for="des" forName="childCenter6" refType="primFontSz" refFor="des" refForName="childCenter1" op="equ"/>
              <dgm:constr type="primFontSz" for="des" forName="text6" refType="primFontSz" refFor="des" refForName="text1" op="equ"/>
              <dgm:constr type="userS" for="des" ptType="node" refType="w" refFor="ch" refForName="textCenter" fact="0.67"/>
            </dgm:constrLst>
          </dgm:if>
          <dgm:else name="Name19">
            <dgm:constrLst>
              <dgm:constr type="ctrX" for="ch" forName="textCenter" refType="w" fact="0.5"/>
              <dgm:constr type="t" for="ch" forName="textCenter" refType="h" fact="0.444"/>
              <dgm:constr type="w" for="ch" forName="textCenter" refType="w" fact="0.167"/>
              <dgm:constr type="h" for="ch" forName="textCenter" refType="w" refFor="ch" refForName="textCenter"/>
              <dgm:constr type="ctrX" for="ch" forName="cycle_1" refType="w" fact="0.5"/>
              <dgm:constr type="t" for="ch" forName="cycle_1"/>
              <dgm:constr type="w" for="ch" forName="cycle_1" refType="w" fact="0.263"/>
              <dgm:constr type="h" for="ch" forName="cycle_1" refType="w" refFor="ch" refForName="cycle_1"/>
              <dgm:constr type="r" for="ch" forName="cycle_2" refType="w" fact="0.938"/>
              <dgm:constr type="t" for="ch" forName="cycle_2" refType="h" fact="0.141"/>
              <dgm:constr type="w" for="ch" forName="cycle_2" refType="w" fact="0.263"/>
              <dgm:constr type="h" for="ch" forName="cycle_2" refType="w" refFor="ch" refForName="cycle_2"/>
              <dgm:constr type="r" for="ch" forName="cycle_3" refType="w"/>
              <dgm:constr type="b" for="ch" forName="cycle_3" refType="h" fact="0.74"/>
              <dgm:constr type="w" for="ch" forName="cycle_3" refType="w" fact="0.263"/>
              <dgm:constr type="h" for="ch" forName="cycle_3" refType="w" refFor="ch" refForName="cycle_3"/>
              <dgm:constr type="r" for="ch" forName="cycle_4" refType="w" fact="0.8"/>
              <dgm:constr type="b" for="ch" forName="cycle_4" refType="h"/>
              <dgm:constr type="w" for="ch" forName="cycle_4" refType="w" fact="0.263"/>
              <dgm:constr type="h" for="ch" forName="cycle_4" refType="w" refFor="ch" refForName="cycle_4"/>
              <dgm:constr type="l" for="ch" forName="cycle_5" refType="w" fact="0.2"/>
              <dgm:constr type="b" for="ch" forName="cycle_5" refType="h"/>
              <dgm:constr type="w" for="ch" forName="cycle_5" refType="w" fact="0.263"/>
              <dgm:constr type="h" for="ch" forName="cycle_5" refType="w" refFor="ch" refForName="cycle_5"/>
              <dgm:constr type="l" for="ch" forName="cycle_6"/>
              <dgm:constr type="b" for="ch" forName="cycle_6" refType="h" fact="0.74"/>
              <dgm:constr type="w" for="ch" forName="cycle_6" refType="w" fact="0.263"/>
              <dgm:constr type="h" for="ch" forName="cycle_6" refType="w" refFor="ch" refForName="cycle_6"/>
              <dgm:constr type="l" for="ch" forName="cycle_7" refType="w" fact="0.062"/>
              <dgm:constr type="t" for="ch" forName="cycle_7" refType="h" fact="0.141"/>
              <dgm:constr type="w" for="ch" forName="cycle_7" refType="w" fact="0.263"/>
              <dgm:constr type="h" for="ch" forName="cycle_7" refType="w" refFor="ch" refForName="cycle_7"/>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primFontSz" for="des" forName="childCenter6" refType="primFontSz" refFor="des" refForName="childCenter1" op="equ"/>
              <dgm:constr type="primFontSz" for="des" forName="text6" refType="primFontSz" refFor="des" refForName="text1" op="equ"/>
              <dgm:constr type="primFontSz" for="des" forName="childCenter7" refType="primFontSz" refFor="des" refForName="childCenter1" op="equ"/>
              <dgm:constr type="primFontSz" for="des" forName="text7" refType="primFontSz" refFor="des" refForName="text1" op="equ"/>
              <dgm:constr type="userS" for="des" ptType="node" refType="w" refFor="ch" refForName="textCenter" fact="0.67"/>
            </dgm:constrLst>
          </dgm:else>
        </dgm:choose>
      </dgm:if>
      <dgm:else name="Name20">
        <dgm:choose name="Name21">
          <dgm:if name="Name22" axis="ch ch" ptType="node node" func="cnt" op="equ" val="1">
            <dgm:constrLst>
              <dgm:constr type="r" for="ch" forName="textCenter" refType="w"/>
              <dgm:constr type="ctrY" for="ch" forName="textCenter" refType="h" fact="0.5"/>
              <dgm:constr type="w" for="ch" forName="textCenter" refType="w" fact="0.32"/>
              <dgm:constr type="h" for="ch" forName="textCenter" refType="w" refFor="ch" refForName="textCenter"/>
              <dgm:constr type="l" for="ch" forName="cycle_1"/>
              <dgm:constr type="ctrY" for="ch" forName="cycle_1" refType="h" fact="0.5"/>
              <dgm:constr type="w" for="ch" forName="cycle_1" refType="w" fact="0.56"/>
              <dgm:constr type="h" for="ch" forName="cycle_1" refType="h"/>
              <dgm:constr type="primFontSz" for="ch" forName="textCenter" val="65"/>
              <dgm:constr type="primFontSz" for="des" forName="childCenter1" val="65"/>
              <dgm:constr type="primFontSz" for="des" forName="text1" op="equ" val="65"/>
              <dgm:constr type="userS" for="des" ptType="node" refType="w" refFor="ch" refForName="textCenter" fact="0.67"/>
            </dgm:constrLst>
          </dgm:if>
          <dgm:if name="Name23" axis="ch ch" ptType="node node" func="cnt" op="equ" val="2">
            <dgm:constrLst>
              <dgm:constr type="ctrX" for="ch" forName="textCenter" refType="w" fact="0.5"/>
              <dgm:constr type="ctrY" for="ch" forName="textCenter" refType="h" fact="0.5"/>
              <dgm:constr type="w" for="ch" forName="textCenter" refType="w" fact="0.25"/>
              <dgm:constr type="h" for="ch" forName="textCenter" refType="w" refFor="ch" refForName="textCenter"/>
              <dgm:constr type="ctrX" for="ch" forName="cycle_1" refType="w" fact="0.5"/>
              <dgm:constr type="t" for="ch" forName="cycle_1"/>
              <dgm:constr type="w" for="ch" forName="cycle_1" refType="w"/>
              <dgm:constr type="h" for="ch" forName="cycle_1" refType="h" fact="0.34"/>
              <dgm:constr type="ctrX" for="ch" forName="cycle_2" refType="w" fact="0.5"/>
              <dgm:constr type="b" for="ch" forName="cycle_2" refType="h"/>
              <dgm:constr type="w" for="ch" forName="cycle_2" refType="w"/>
              <dgm:constr type="h" for="ch" forName="cycle_2" refType="h" fact="0.34"/>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userS" for="des" ptType="node" refType="w" refFor="ch" refForName="textCenter" fact="0.67"/>
            </dgm:constrLst>
          </dgm:if>
          <dgm:if name="Name24" axis="ch ch" ptType="node node" func="cnt" op="equ" val="3">
            <dgm:choose name="Name25">
              <dgm:if name="Name26" axis="ch ch ch" ptType="node node node" st="1 2 0" cnt="1 1 0" func="cnt" op="equ" val="1">
                <dgm:choose name="Name27">
                  <dgm:if name="Name28" axis="ch ch ch" ptType="node node node" st="1 3 0" cnt="1 1 0" func="cnt" op="equ" val="1">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l" for="ch" forName="cycle_2"/>
                      <dgm:constr type="b" for="ch" forName="cycle_2" refType="h" fact="0.85"/>
                      <dgm:constr type="w" for="ch" forName="cycle_2" refType="w" fact="0.46"/>
                      <dgm:constr type="h" for="ch" forName="cycle_2" refType="h" fact="0.54"/>
                      <dgm:constr type="diam" for="ch" forName="cycle_2" refType="w" fact="0.5"/>
                      <dgm:constr type="r" for="ch" forName="cycle_3" refType="w"/>
                      <dgm:constr type="b" for="ch" forName="cycle_3" refType="h" fact="0.85"/>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if>
                  <dgm:else name="Name29">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l" for="ch" forName="cycle_2"/>
                      <dgm:constr type="b" for="ch" forName="cycle_2" refType="h" fact="0.85"/>
                      <dgm:constr type="w" for="ch" forName="cycle_2" refType="w" fact="0.46"/>
                      <dgm:constr type="h" for="ch" forName="cycle_2" refType="h" fact="0.54"/>
                      <dgm:constr type="diam" for="ch" forName="cycle_2" refType="w" fact="0.5"/>
                      <dgm:constr type="r" for="ch" forName="cycle_3" refType="w"/>
                      <dgm:constr type="b" for="ch" forName="cycle_3" refType="h"/>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else>
                </dgm:choose>
              </dgm:if>
              <dgm:else name="Name30">
                <dgm:choose name="Name31">
                  <dgm:if name="Name32" axis="ch ch ch" ptType="node node node" st="1 3 0" cnt="1 1 0" func="cnt" op="equ" val="1">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l" for="ch" forName="cycle_2"/>
                      <dgm:constr type="b" for="ch" forName="cycle_2" refType="h"/>
                      <dgm:constr type="w" for="ch" forName="cycle_2" refType="w" fact="0.46"/>
                      <dgm:constr type="h" for="ch" forName="cycle_2" refType="h" fact="0.54"/>
                      <dgm:constr type="diam" for="ch" forName="cycle_2" refType="w" fact="0.5"/>
                      <dgm:constr type="r" for="ch" forName="cycle_3" refType="w"/>
                      <dgm:constr type="b" for="ch" forName="cycle_3" refType="h" fact="0.85"/>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if>
                  <dgm:else name="Name33">
                    <dgm:constrLst>
                      <dgm:constr type="ctrX" for="ch" forName="textCenter" refType="w" fact="0.5"/>
                      <dgm:constr type="t" for="ch" forName="textCenter" refType="h" fact="0.436"/>
                      <dgm:constr type="w" for="ch" forName="textCenter" refType="w" fact="0.21"/>
                      <dgm:constr type="h" for="ch" forName="textCenter" refType="w" refFor="ch" refForName="textCenter"/>
                      <dgm:constr type="ctrX" for="ch" forName="cycle_1" refType="w" fact="0.5"/>
                      <dgm:constr type="t" for="ch" forName="cycle_1"/>
                      <dgm:constr type="w" for="ch" forName="cycle_1" refType="w" fact="0.61"/>
                      <dgm:constr type="h" for="ch" forName="cycle_1" refType="h" fact="0.36"/>
                      <dgm:constr type="diam" for="ch" forName="cycle_1" refType="w" fact="0.5"/>
                      <dgm:constr type="l" for="ch" forName="cycle_2"/>
                      <dgm:constr type="b" for="ch" forName="cycle_2" refType="h"/>
                      <dgm:constr type="w" for="ch" forName="cycle_2" refType="w" fact="0.46"/>
                      <dgm:constr type="h" for="ch" forName="cycle_2" refType="h" fact="0.54"/>
                      <dgm:constr type="diam" for="ch" forName="cycle_2" refType="w" fact="0.5"/>
                      <dgm:constr type="r" for="ch" forName="cycle_3" refType="w"/>
                      <dgm:constr type="b" for="ch" forName="cycle_3" refType="h"/>
                      <dgm:constr type="w" for="ch" forName="cycle_3" refType="w" fact="0.46"/>
                      <dgm:constr type="h" for="ch" forName="cycle_3" refType="h" fact="0.54"/>
                      <dgm:constr type="diam" for="ch" forName="cycle_3" refType="w"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userS" for="des" ptType="node" refType="w" refFor="ch" refForName="textCenter" fact="0.67"/>
                    </dgm:constrLst>
                  </dgm:else>
                </dgm:choose>
              </dgm:else>
            </dgm:choose>
          </dgm:if>
          <dgm:if name="Name34" axis="ch ch" ptType="node node" func="cnt" op="equ" val="4">
            <dgm:constrLst>
              <dgm:constr type="ctrX" for="ch" forName="textCenter" refType="w" fact="0.5"/>
              <dgm:constr type="ctrY" for="ch" forName="textCenter" refType="h" fact="0.5"/>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5"/>
              <dgm:constr type="h" for="ch" forName="cycle_1" refType="h" fact="0.33"/>
              <dgm:constr type="l" for="ch" forName="cycle_2"/>
              <dgm:constr type="ctrY" for="ch" forName="cycle_2" refType="h" fact="0.5"/>
              <dgm:constr type="w" for="ch" forName="cycle_2" refType="w" fact="0.33"/>
              <dgm:constr type="h" for="ch" forName="cycle_2" refType="h" fact="0.5"/>
              <dgm:constr type="ctrX" for="ch" forName="cycle_3" refType="w" fact="0.5"/>
              <dgm:constr type="b" for="ch" forName="cycle_3" refType="h"/>
              <dgm:constr type="w" for="ch" forName="cycle_3" refType="w" fact="0.5"/>
              <dgm:constr type="h" for="ch" forName="cycle_3" refType="h" fact="0.33"/>
              <dgm:constr type="r" for="ch" forName="cycle_4" refType="w"/>
              <dgm:constr type="ctrY" for="ch" forName="cycle_4" refType="h" fact="0.5"/>
              <dgm:constr type="w" for="ch" forName="cycle_4" refType="w" fact="0.33"/>
              <dgm:constr type="h" for="ch" forName="cycle_4" refType="h" fact="0.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userS" for="des" ptType="node" refType="w" refFor="ch" refForName="textCenter" fact="0.67"/>
            </dgm:constrLst>
          </dgm:if>
          <dgm:if name="Name35" axis="ch ch" ptType="node node" func="cnt" op="equ" val="5">
            <dgm:constrLst>
              <dgm:constr type="ctrX" for="ch" forName="textCenter" refType="w" fact="0.5"/>
              <dgm:constr type="t" for="ch" forName="textCenter" refType="h" fact="0.42"/>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33"/>
              <dgm:constr type="h" for="ch" forName="cycle_1" refType="w" refFor="ch" refForName="cycle_1"/>
              <dgm:constr type="l" for="ch" forName="cycle_2"/>
              <dgm:constr type="t" for="ch" forName="cycle_2" refType="h" fact="0.24"/>
              <dgm:constr type="w" for="ch" forName="cycle_2" refType="w" fact="0.33"/>
              <dgm:constr type="h" for="ch" forName="cycle_2" refType="w" refFor="ch" refForName="cycle_2"/>
              <dgm:constr type="l" for="ch" forName="cycle_3" refType="w" fact="0.11"/>
              <dgm:constr type="b" for="ch" forName="cycle_3" refType="h"/>
              <dgm:constr type="w" for="ch" forName="cycle_3" refType="w" fact="0.33"/>
              <dgm:constr type="h" for="ch" forName="cycle_3" refType="w" refFor="ch" refForName="cycle_3"/>
              <dgm:constr type="r" for="ch" forName="cycle_4" refType="w" fact="0.89"/>
              <dgm:constr type="b" for="ch" forName="cycle_4" refType="h"/>
              <dgm:constr type="w" for="ch" forName="cycle_4" refType="w" fact="0.33"/>
              <dgm:constr type="h" for="ch" forName="cycle_4" refType="w" refFor="ch" refForName="cycle_4"/>
              <dgm:constr type="r" for="ch" forName="cycle_5" refType="w"/>
              <dgm:constr type="t" for="ch" forName="cycle_5" refType="h" fact="0.24"/>
              <dgm:constr type="w" for="ch" forName="cycle_5" refType="w" fact="0.33"/>
              <dgm:constr type="h" for="ch" forName="cycle_5" refType="w" refFor="ch" refForName="cycle_5"/>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userS" for="des" ptType="node" refType="w" refFor="ch" refForName="textCenter" fact="0.67"/>
            </dgm:constrLst>
          </dgm:if>
          <dgm:if name="Name36" axis="ch ch" ptType="node node" func="cnt" op="equ" val="6">
            <dgm:constrLst>
              <dgm:constr type="ctrX" for="ch" forName="textCenter" refType="w" fact="0.5"/>
              <dgm:constr type="ctrY" for="ch" forName="textCenter" refType="h" fact="0.5"/>
              <dgm:constr type="w" for="ch" forName="textCenter" refType="w" fact="0.2"/>
              <dgm:constr type="h" for="ch" forName="textCenter" refType="w" refFor="ch" refForName="textCenter"/>
              <dgm:constr type="ctrX" for="ch" forName="cycle_1" refType="w" fact="0.5"/>
              <dgm:constr type="t" for="ch" forName="cycle_1"/>
              <dgm:constr type="w" for="ch" forName="cycle_1" refType="w" fact="0.33"/>
              <dgm:constr type="h" for="ch" forName="cycle_1" refType="w" refFor="ch" refForName="cycle_1"/>
              <dgm:constr type="l" for="ch" forName="cycle_2"/>
              <dgm:constr type="t" for="ch" forName="cycle_2" refType="h" fact="0.17"/>
              <dgm:constr type="w" for="ch" forName="cycle_2" refType="w" fact="0.33"/>
              <dgm:constr type="h" for="ch" forName="cycle_2" refType="w" refFor="ch" refForName="cycle_2"/>
              <dgm:constr type="l" for="ch" forName="cycle_3"/>
              <dgm:constr type="b" for="ch" forName="cycle_3" refType="h" fact="0.83"/>
              <dgm:constr type="w" for="ch" forName="cycle_3" refType="w" fact="0.33"/>
              <dgm:constr type="h" for="ch" forName="cycle_3" refType="w" refFor="ch" refForName="cycle_3"/>
              <dgm:constr type="ctrX" for="ch" forName="cycle_4" refType="w" fact="0.5"/>
              <dgm:constr type="b" for="ch" forName="cycle_4" refType="h"/>
              <dgm:constr type="w" for="ch" forName="cycle_4" refType="w" fact="0.33"/>
              <dgm:constr type="h" for="ch" forName="cycle_4" refType="w" refFor="ch" refForName="cycle_4"/>
              <dgm:constr type="r" for="ch" forName="cycle_5" refType="w"/>
              <dgm:constr type="b" for="ch" forName="cycle_5" refType="h" fact="0.83"/>
              <dgm:constr type="w" for="ch" forName="cycle_5" refType="w" fact="0.33"/>
              <dgm:constr type="h" for="ch" forName="cycle_5" refType="w" refFor="ch" refForName="cycle_5"/>
              <dgm:constr type="r" for="ch" forName="cycle_6" refType="w"/>
              <dgm:constr type="t" for="ch" forName="cycle_6" refType="h" fact="0.17"/>
              <dgm:constr type="w" for="ch" forName="cycle_6" refType="w" fact="0.33"/>
              <dgm:constr type="h" for="ch" forName="cycle_6" refType="w" refFor="ch" refForName="cycle_6"/>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primFontSz" for="des" forName="childCenter6" refType="primFontSz" refFor="des" refForName="childCenter1" op="equ"/>
              <dgm:constr type="primFontSz" for="des" forName="text6" refType="primFontSz" refFor="des" refForName="text1" op="equ"/>
              <dgm:constr type="userS" for="des" ptType="node" refType="w" refFor="ch" refForName="textCenter" fact="0.67"/>
            </dgm:constrLst>
          </dgm:if>
          <dgm:else name="Name37">
            <dgm:constrLst>
              <dgm:constr type="ctrX" for="ch" forName="textCenter" refType="w" fact="0.5"/>
              <dgm:constr type="t" for="ch" forName="textCenter" refType="h" fact="0.444"/>
              <dgm:constr type="w" for="ch" forName="textCenter" refType="w" fact="0.167"/>
              <dgm:constr type="h" for="ch" forName="textCenter" refType="w" refFor="ch" refForName="textCenter"/>
              <dgm:constr type="ctrX" for="ch" forName="cycle_1" refType="w" fact="0.5"/>
              <dgm:constr type="t" for="ch" forName="cycle_1"/>
              <dgm:constr type="w" for="ch" forName="cycle_1" refType="w" fact="0.263"/>
              <dgm:constr type="h" for="ch" forName="cycle_1" refType="w" refFor="ch" refForName="cycle_1"/>
              <dgm:constr type="l" for="ch" forName="cycle_2" refType="w" fact="0.062"/>
              <dgm:constr type="t" for="ch" forName="cycle_2" refType="h" fact="0.141"/>
              <dgm:constr type="w" for="ch" forName="cycle_2" refType="w" fact="0.263"/>
              <dgm:constr type="h" for="ch" forName="cycle_2" refType="w" refFor="ch" refForName="cycle_2"/>
              <dgm:constr type="l" for="ch" forName="cycle_3"/>
              <dgm:constr type="b" for="ch" forName="cycle_3" refType="h" fact="0.74"/>
              <dgm:constr type="w" for="ch" forName="cycle_3" refType="w" fact="0.263"/>
              <dgm:constr type="h" for="ch" forName="cycle_3" refType="w" refFor="ch" refForName="cycle_3"/>
              <dgm:constr type="l" for="ch" forName="cycle_4" refType="w" fact="0.2"/>
              <dgm:constr type="b" for="ch" forName="cycle_4" refType="h"/>
              <dgm:constr type="w" for="ch" forName="cycle_4" refType="w" fact="0.263"/>
              <dgm:constr type="h" for="ch" forName="cycle_4" refType="w" refFor="ch" refForName="cycle_4"/>
              <dgm:constr type="r" for="ch" forName="cycle_5" refType="w" fact="0.8"/>
              <dgm:constr type="b" for="ch" forName="cycle_5" refType="h"/>
              <dgm:constr type="w" for="ch" forName="cycle_5" refType="w" fact="0.263"/>
              <dgm:constr type="h" for="ch" forName="cycle_5" refType="w" refFor="ch" refForName="cycle_5"/>
              <dgm:constr type="r" for="ch" forName="cycle_6" refType="w"/>
              <dgm:constr type="b" for="ch" forName="cycle_6" refType="h" fact="0.74"/>
              <dgm:constr type="w" for="ch" forName="cycle_6" refType="w" fact="0.263"/>
              <dgm:constr type="h" for="ch" forName="cycle_6" refType="w" refFor="ch" refForName="cycle_6"/>
              <dgm:constr type="r" for="ch" forName="cycle_7" refType="w" fact="0.938"/>
              <dgm:constr type="t" for="ch" forName="cycle_7" refType="h" fact="0.141"/>
              <dgm:constr type="w" for="ch" forName="cycle_7" refType="w" fact="0.263"/>
              <dgm:constr type="h" for="ch" forName="cycle_7" refType="w" refFor="ch" refForName="cycle_7"/>
              <dgm:constr type="primFontSz" for="ch" forName="textCenter" val="65"/>
              <dgm:constr type="primFontSz" for="des" forName="childCenter1" val="65"/>
              <dgm:constr type="primFontSz" for="des" forName="text1" op="equ" val="65"/>
              <dgm:constr type="primFontSz" for="des" forName="childCenter2" refType="primFontSz" refFor="des" refForName="childCenter1" op="equ"/>
              <dgm:constr type="primFontSz" for="des" forName="text2" refType="primFontSz" refFor="des" refForName="text1" op="equ"/>
              <dgm:constr type="primFontSz" for="des" forName="childCenter3" refType="primFontSz" refFor="des" refForName="childCenter1" op="equ"/>
              <dgm:constr type="primFontSz" for="des" forName="text3" refType="primFontSz" refFor="des" refForName="text1" op="equ"/>
              <dgm:constr type="primFontSz" for="des" forName="childCenter4" refType="primFontSz" refFor="des" refForName="childCenter1" op="equ"/>
              <dgm:constr type="primFontSz" for="des" forName="text4" refType="primFontSz" refFor="des" refForName="text1" op="equ"/>
              <dgm:constr type="primFontSz" for="des" forName="childCenter5" refType="primFontSz" refFor="des" refForName="childCenter1" op="equ"/>
              <dgm:constr type="primFontSz" for="des" forName="text5" refType="primFontSz" refFor="des" refForName="text1" op="equ"/>
              <dgm:constr type="primFontSz" for="des" forName="childCenter6" refType="primFontSz" refFor="des" refForName="childCenter1" op="equ"/>
              <dgm:constr type="primFontSz" for="des" forName="text6" refType="primFontSz" refFor="des" refForName="text1" op="equ"/>
              <dgm:constr type="primFontSz" for="des" forName="childCenter7" refType="primFontSz" refFor="des" refForName="childCenter1" op="equ"/>
              <dgm:constr type="primFontSz" for="des" forName="text7" refType="primFontSz" refFor="des" refForName="text1" op="equ"/>
              <dgm:constr type="userS" for="des" ptType="node" refType="w" refFor="ch" refForName="textCenter" fact="0.67"/>
            </dgm:constrLst>
          </dgm:else>
        </dgm:choose>
      </dgm:else>
    </dgm:choose>
    <dgm:forEach name="Name38" axis="ch" ptType="node" cnt="1">
      <dgm:choose name="Name39">
        <dgm:if name="Name40" axis="des" func="maxDepth" op="lte" val="1">
          <dgm:layoutNode name="singleCycle">
            <dgm:choose name="Name41">
              <dgm:if name="Name42" axis="ch" ptType="node" func="cnt" op="equ" val="1">
                <dgm:choose name="Name43">
                  <dgm:if name="Name44" func="var" arg="dir" op="equ" val="norm">
                    <dgm:alg type="cycle">
                      <dgm:param type="stAng" val="90"/>
                      <dgm:param type="ctrShpMap" val="fNode"/>
                    </dgm:alg>
                  </dgm:if>
                  <dgm:else name="Name45">
                    <dgm:alg type="cycle">
                      <dgm:param type="stAng" val="-90"/>
                      <dgm:param type="spanAng" val="-360"/>
                      <dgm:param type="ctrShpMap" val="fNode"/>
                    </dgm:alg>
                  </dgm:else>
                </dgm:choose>
              </dgm:if>
              <dgm:else name="Name46">
                <dgm:choose name="Name47">
                  <dgm:if name="Name48" func="var" arg="dir" op="equ" val="norm">
                    <dgm:alg type="cycle">
                      <dgm:param type="ctrShpMap" val="fNode"/>
                    </dgm:alg>
                  </dgm:if>
                  <dgm:else name="Name49">
                    <dgm:alg type="cycle">
                      <dgm:param type="spanAng" val="-360"/>
                      <dgm:param type="ctrShpMap" val="fNode"/>
                    </dgm:alg>
                  </dgm:else>
                </dgm:choose>
              </dgm:else>
            </dgm:choose>
            <dgm:shape xmlns:r="http://schemas.openxmlformats.org/officeDocument/2006/relationships" r:blip="">
              <dgm:adjLst/>
            </dgm:shape>
            <dgm:presOf/>
            <dgm:choose name="Name50">
              <dgm:if name="Name51" axis="ch" ptType="node" func="cnt" op="equ" val="0">
                <dgm:constrLst>
                  <dgm:constr type="w" for="ch" forName="singleCenter" refType="w"/>
                  <dgm:constr type="h" for="ch" forName="singleCenter" refType="w" refFor="ch" refForName="singleCenter"/>
                </dgm:constrLst>
              </dgm:if>
              <dgm:if name="Name52" axis="ch" ptType="node" func="cnt" op="equ" val="1">
                <dgm:constrLst>
                  <dgm:constr type="w" for="ch" forName="singleCenter" refType="w" fact="0.5"/>
                  <dgm:constr type="h" for="ch" forName="singleCenter" refType="w" refFor="ch" refForName="singleCenter"/>
                  <dgm:constr type="userS" for="ch" ptType="node" refType="w" refFor="ch" refForName="singleCenter" fact="0.67"/>
                </dgm:constrLst>
              </dgm:if>
              <dgm:else name="Name53">
                <dgm:constrLst>
                  <dgm:constr type="w" for="ch" forName="singleCenter" refType="w" fact="0.3"/>
                  <dgm:constr type="h" for="ch" forName="singleCenter" refType="w" refFor="ch" refForName="singleCenter"/>
                  <dgm:constr type="userS" for="ch" ptType="node" refType="w" refFor="ch" refForName="singleCenter" fact="0.67"/>
                </dgm:constrLst>
              </dgm:else>
            </dgm:choose>
            <dgm:layoutNode name="singleCenter" styleLbl="node1">
              <dgm:varLst>
                <dgm:chMax val="7"/>
                <dgm:chPref val="7"/>
              </dgm:varLst>
              <dgm:alg type="tx"/>
              <dgm:shape xmlns:r="http://schemas.openxmlformats.org/officeDocument/2006/relationships" type="roundRect" r:blip="">
                <dgm:adjLst/>
              </dgm:shape>
              <dgm:presOf axis="self" ptType="node"/>
              <dgm:constrLst>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54" axis="ch" cnt="21">
              <dgm:forEach name="Name55" axis="self" ptType="parTrans">
                <dgm:layoutNode name="Name56">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57" axis="self" ptType="node">
                <dgm:layoutNode name="text0"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layoutNode>
        </dgm:if>
        <dgm:else name="Name58">
          <dgm:layoutNode name="textCenter" styleLbl="node1">
            <dgm:alg type="tx"/>
            <dgm:shape xmlns:r="http://schemas.openxmlformats.org/officeDocument/2006/relationships" type="roundRect" r:blip="">
              <dgm:adjLst/>
            </dgm:shape>
            <dgm:presOf axis="self" ptType="node"/>
            <dgm:constrLst>
              <dgm:constr type="tMarg" refType="primFontSz" fact="0.2"/>
              <dgm:constr type="bMarg" refType="primFontSz" fact="0.2"/>
              <dgm:constr type="lMarg" refType="primFontSz" fact="0.2"/>
              <dgm:constr type="rMarg" refType="primFontSz" fact="0.2"/>
            </dgm:constrLst>
            <dgm:ruleLst>
              <dgm:rule type="primFontSz" val="5" fact="NaN" max="NaN"/>
            </dgm:ruleLst>
          </dgm:layoutNode>
          <dgm:choose name="Name59">
            <dgm:if name="Name60" axis="ch" ptType="node" func="cnt" op="gte" val="1">
              <dgm:layoutNode name="cycle_1">
                <dgm:choose name="Name61">
                  <dgm:if name="Name62" func="var" arg="dir" op="equ" val="norm">
                    <dgm:choose name="Name63">
                      <dgm:if name="Name64" axis="ch" ptType="node" func="cnt" op="equ" val="1">
                        <dgm:choose name="Name65">
                          <dgm:if name="Name66" axis="ch ch" ptType="node node" st="1 1" cnt="1 0" func="cnt" op="equ" val="1">
                            <dgm:alg type="cycle">
                              <dgm:param type="ctrShpMap" val="fNode"/>
                              <dgm:param type="stAng" val="90"/>
                            </dgm:alg>
                          </dgm:if>
                          <dgm:if name="Name67" axis="ch ch" ptType="node node" st="1 1" cnt="1 0" func="cnt" op="equ" val="2">
                            <dgm:alg type="cycle">
                              <dgm:param type="ctrShpMap" val="fNode"/>
                              <dgm:param type="stAng" val="45"/>
                              <dgm:param type="spanAng" val="90"/>
                            </dgm:alg>
                          </dgm:if>
                          <dgm:else name="Name68">
                            <dgm:alg type="cycle">
                              <dgm:param type="ctrShpMap" val="fNode"/>
                              <dgm:param type="stAng" val="0"/>
                              <dgm:param type="spanAng" val="180"/>
                            </dgm:alg>
                          </dgm:else>
                        </dgm:choose>
                      </dgm:if>
                      <dgm:if name="Name69" axis="ch" ptType="node" func="cnt" op="equ" val="2">
                        <dgm:choose name="Name70">
                          <dgm:if name="Name71" axis="ch ch" ptType="node node" st="1 1" cnt="1 0" func="cnt" op="equ" val="1">
                            <dgm:alg type="cycle">
                              <dgm:param type="ctrShpMap" val="fNode"/>
                              <dgm:param type="stAng" val="0"/>
                            </dgm:alg>
                          </dgm:if>
                          <dgm:if name="Name72" axis="ch ch" ptType="node node" st="1 1" cnt="1 0" func="cnt" op="equ" val="2">
                            <dgm:alg type="cycle">
                              <dgm:param type="ctrShpMap" val="fNode"/>
                              <dgm:param type="stAng" val="315"/>
                              <dgm:param type="spanAng" val="90"/>
                            </dgm:alg>
                          </dgm:if>
                          <dgm:else name="Name73">
                            <dgm:alg type="cycle">
                              <dgm:param type="ctrShpMap" val="fNode"/>
                              <dgm:param type="stAng" val="270"/>
                              <dgm:param type="spanAng" val="180"/>
                            </dgm:alg>
                          </dgm:else>
                        </dgm:choose>
                      </dgm:if>
                      <dgm:if name="Name74" axis="ch" ptType="node" func="cnt" op="equ" val="3">
                        <dgm:choose name="Name75">
                          <dgm:if name="Name76" axis="ch ch" ptType="node node" st="1 1" cnt="1 0" func="cnt" op="equ" val="1">
                            <dgm:alg type="cycle">
                              <dgm:param type="ctrShpMap" val="fNode"/>
                              <dgm:param type="stAng" val="0"/>
                            </dgm:alg>
                          </dgm:if>
                          <dgm:if name="Name77" axis="ch ch" ptType="node node" st="1 1" cnt="1 0" func="cnt" op="equ" val="2">
                            <dgm:alg type="cycle">
                              <dgm:param type="ctrShpMap" val="fNode"/>
                              <dgm:param type="stAng" val="315"/>
                              <dgm:param type="spanAng" val="90"/>
                            </dgm:alg>
                          </dgm:if>
                          <dgm:else name="Name78">
                            <dgm:alg type="cycle">
                              <dgm:param type="ctrShpMap" val="fNode"/>
                              <dgm:param type="stAng" val="270"/>
                              <dgm:param type="spanAng" val="180"/>
                            </dgm:alg>
                          </dgm:else>
                        </dgm:choose>
                      </dgm:if>
                      <dgm:if name="Name79" axis="ch" ptType="node" func="cnt" op="equ" val="4">
                        <dgm:choose name="Name80">
                          <dgm:if name="Name81" axis="ch ch" ptType="node node" st="1 1" cnt="1 0" func="cnt" op="equ" val="1">
                            <dgm:alg type="cycle">
                              <dgm:param type="ctrShpMap" val="fNode"/>
                              <dgm:param type="stAng" val="0"/>
                            </dgm:alg>
                          </dgm:if>
                          <dgm:if name="Name82" axis="ch ch" ptType="node node" st="1 1" cnt="1 0" func="cnt" op="equ" val="2">
                            <dgm:alg type="cycle">
                              <dgm:param type="ctrShpMap" val="fNode"/>
                              <dgm:param type="stAng" val="315"/>
                              <dgm:param type="spanAng" val="90"/>
                            </dgm:alg>
                          </dgm:if>
                          <dgm:else name="Name83">
                            <dgm:alg type="cycle">
                              <dgm:param type="ctrShpMap" val="fNode"/>
                              <dgm:param type="stAng" val="292.5"/>
                              <dgm:param type="spanAng" val="135"/>
                            </dgm:alg>
                          </dgm:else>
                        </dgm:choose>
                      </dgm:if>
                      <dgm:if name="Name84" axis="ch" ptType="node" func="cnt" op="equ" val="5">
                        <dgm:choose name="Name85">
                          <dgm:if name="Name86" axis="ch ch" ptType="node node" st="1 1" cnt="1 0" func="cnt" op="equ" val="1">
                            <dgm:alg type="cycle">
                              <dgm:param type="ctrShpMap" val="fNode"/>
                              <dgm:param type="stAng" val="0"/>
                            </dgm:alg>
                          </dgm:if>
                          <dgm:if name="Name87" axis="ch ch" ptType="node node" st="1 1" cnt="1 0" func="cnt" op="equ" val="2">
                            <dgm:alg type="cycle">
                              <dgm:param type="ctrShpMap" val="fNode"/>
                              <dgm:param type="stAng" val="315"/>
                              <dgm:param type="spanAng" val="90"/>
                            </dgm:alg>
                          </dgm:if>
                          <dgm:else name="Name88">
                            <dgm:alg type="cycle">
                              <dgm:param type="ctrShpMap" val="fNode"/>
                              <dgm:param type="stAng" val="0"/>
                              <dgm:param type="spanAng" val="360"/>
                            </dgm:alg>
                          </dgm:else>
                        </dgm:choose>
                      </dgm:if>
                      <dgm:if name="Name89" axis="ch" ptType="node" func="cnt" op="equ" val="6">
                        <dgm:choose name="Name90">
                          <dgm:if name="Name91" axis="ch ch" ptType="node node" st="1 1" cnt="1 0" func="cnt" op="equ" val="1">
                            <dgm:alg type="cycle">
                              <dgm:param type="ctrShpMap" val="fNode"/>
                              <dgm:param type="stAng" val="0"/>
                            </dgm:alg>
                          </dgm:if>
                          <dgm:if name="Name92" axis="ch ch" ptType="node node" st="1 1" cnt="1 0" func="cnt" op="equ" val="2">
                            <dgm:alg type="cycle">
                              <dgm:param type="ctrShpMap" val="fNode"/>
                              <dgm:param type="stAng" val="315"/>
                              <dgm:param type="spanAng" val="90"/>
                            </dgm:alg>
                          </dgm:if>
                          <dgm:else name="Name93">
                            <dgm:alg type="cycle">
                              <dgm:param type="ctrShpMap" val="fNode"/>
                              <dgm:param type="stAng" val="0"/>
                              <dgm:param type="spanAng" val="360"/>
                            </dgm:alg>
                          </dgm:else>
                        </dgm:choose>
                      </dgm:if>
                      <dgm:if name="Name94" axis="ch" ptType="node" func="cnt" op="gte" val="7">
                        <dgm:choose name="Name95">
                          <dgm:if name="Name96" axis="ch ch" ptType="node node" st="1 1" cnt="1 0" func="cnt" op="equ" val="1">
                            <dgm:alg type="cycle">
                              <dgm:param type="ctrShpMap" val="fNode"/>
                              <dgm:param type="stAng" val="0"/>
                            </dgm:alg>
                          </dgm:if>
                          <dgm:if name="Name97" axis="ch ch" ptType="node node" st="1 1" cnt="1 0" func="cnt" op="equ" val="2">
                            <dgm:alg type="cycle">
                              <dgm:param type="ctrShpMap" val="fNode"/>
                              <dgm:param type="stAng" val="315"/>
                              <dgm:param type="spanAng" val="90"/>
                            </dgm:alg>
                          </dgm:if>
                          <dgm:else name="Name98">
                            <dgm:alg type="cycle">
                              <dgm:param type="ctrShpMap" val="fNode"/>
                              <dgm:param type="stAng" val="0"/>
                              <dgm:param type="spanAng" val="360"/>
                            </dgm:alg>
                          </dgm:else>
                        </dgm:choose>
                      </dgm:if>
                      <dgm:else name="Name99"/>
                    </dgm:choose>
                  </dgm:if>
                  <dgm:else name="Name100">
                    <dgm:choose name="Name101">
                      <dgm:if name="Name102" axis="ch" ptType="node" func="cnt" op="equ" val="1">
                        <dgm:choose name="Name103">
                          <dgm:if name="Name104" axis="ch ch" ptType="node node" st="1 1" cnt="1 0" func="cnt" op="equ" val="1">
                            <dgm:alg type="cycle">
                              <dgm:param type="ctrShpMap" val="fNode"/>
                              <dgm:param type="stAng" val="270"/>
                            </dgm:alg>
                          </dgm:if>
                          <dgm:if name="Name105" axis="ch ch" ptType="node node" st="1 1" cnt="1 0" func="cnt" op="equ" val="2">
                            <dgm:alg type="cycle">
                              <dgm:param type="ctrShpMap" val="fNode"/>
                              <dgm:param type="stAng" val="315"/>
                              <dgm:param type="spanAng" val="-90"/>
                            </dgm:alg>
                          </dgm:if>
                          <dgm:else name="Name106">
                            <dgm:alg type="cycle">
                              <dgm:param type="ctrShpMap" val="fNode"/>
                              <dgm:param type="stAng" val="0"/>
                              <dgm:param type="spanAng" val="-180"/>
                            </dgm:alg>
                          </dgm:else>
                        </dgm:choose>
                      </dgm:if>
                      <dgm:if name="Name107" axis="ch" ptType="node" func="cnt" op="equ" val="2">
                        <dgm:choose name="Name108">
                          <dgm:if name="Name109" axis="ch ch" ptType="node node" st="1 1" cnt="1 0" func="cnt" op="equ" val="1">
                            <dgm:alg type="cycle">
                              <dgm:param type="ctrShpMap" val="fNode"/>
                              <dgm:param type="stAng" val="0"/>
                            </dgm:alg>
                          </dgm:if>
                          <dgm:if name="Name110" axis="ch ch" ptType="node node" st="1 1" cnt="1 0" func="cnt" op="equ" val="2">
                            <dgm:alg type="cycle">
                              <dgm:param type="ctrShpMap" val="fNode"/>
                              <dgm:param type="stAng" val="45"/>
                              <dgm:param type="spanAng" val="-90"/>
                            </dgm:alg>
                          </dgm:if>
                          <dgm:else name="Name111">
                            <dgm:alg type="cycle">
                              <dgm:param type="ctrShpMap" val="fNode"/>
                              <dgm:param type="stAng" val="90"/>
                              <dgm:param type="spanAng" val="-180"/>
                            </dgm:alg>
                          </dgm:else>
                        </dgm:choose>
                      </dgm:if>
                      <dgm:if name="Name112" axis="ch" ptType="node" func="cnt" op="equ" val="3">
                        <dgm:choose name="Name113">
                          <dgm:if name="Name114" axis="ch ch" ptType="node node" st="1 1" cnt="1 0" func="cnt" op="equ" val="1">
                            <dgm:alg type="cycle">
                              <dgm:param type="ctrShpMap" val="fNode"/>
                              <dgm:param type="stAng" val="0"/>
                            </dgm:alg>
                          </dgm:if>
                          <dgm:if name="Name115" axis="ch ch" ptType="node node" st="1 1" cnt="1 0" func="cnt" op="equ" val="2">
                            <dgm:alg type="cycle">
                              <dgm:param type="ctrShpMap" val="fNode"/>
                              <dgm:param type="stAng" val="45"/>
                              <dgm:param type="spanAng" val="-90"/>
                            </dgm:alg>
                          </dgm:if>
                          <dgm:else name="Name116">
                            <dgm:alg type="cycle">
                              <dgm:param type="ctrShpMap" val="fNode"/>
                              <dgm:param type="stAng" val="90"/>
                              <dgm:param type="spanAng" val="-180"/>
                            </dgm:alg>
                          </dgm:else>
                        </dgm:choose>
                      </dgm:if>
                      <dgm:if name="Name117" axis="ch" ptType="node" func="cnt" op="equ" val="4">
                        <dgm:choose name="Name118">
                          <dgm:if name="Name119" axis="ch ch" ptType="node node" st="1 1" cnt="1 0" func="cnt" op="equ" val="1">
                            <dgm:alg type="cycle">
                              <dgm:param type="ctrShpMap" val="fNode"/>
                              <dgm:param type="stAng" val="0"/>
                            </dgm:alg>
                          </dgm:if>
                          <dgm:if name="Name120" axis="ch ch" ptType="node node" st="1 1" cnt="1 0" func="cnt" op="equ" val="2">
                            <dgm:alg type="cycle">
                              <dgm:param type="ctrShpMap" val="fNode"/>
                              <dgm:param type="stAng" val="45"/>
                              <dgm:param type="spanAng" val="-90"/>
                            </dgm:alg>
                          </dgm:if>
                          <dgm:else name="Name121">
                            <dgm:alg type="cycle">
                              <dgm:param type="ctrShpMap" val="fNode"/>
                              <dgm:param type="stAng" val="67.5"/>
                              <dgm:param type="spanAng" val="-135"/>
                            </dgm:alg>
                          </dgm:else>
                        </dgm:choose>
                      </dgm:if>
                      <dgm:if name="Name122" axis="ch" ptType="node" func="cnt" op="equ" val="5">
                        <dgm:choose name="Name123">
                          <dgm:if name="Name124" axis="ch ch" ptType="node node" st="1 1" cnt="1 0" func="cnt" op="equ" val="1">
                            <dgm:alg type="cycle">
                              <dgm:param type="ctrShpMap" val="fNode"/>
                              <dgm:param type="stAng" val="0"/>
                            </dgm:alg>
                          </dgm:if>
                          <dgm:if name="Name125" axis="ch ch" ptType="node node" st="1 1" cnt="1 0" func="cnt" op="equ" val="2">
                            <dgm:alg type="cycle">
                              <dgm:param type="ctrShpMap" val="fNode"/>
                              <dgm:param type="stAng" val="45"/>
                              <dgm:param type="spanAng" val="-90"/>
                            </dgm:alg>
                          </dgm:if>
                          <dgm:else name="Name126">
                            <dgm:alg type="cycle">
                              <dgm:param type="ctrShpMap" val="fNode"/>
                              <dgm:param type="stAng" val="0"/>
                              <dgm:param type="spanAng" val="-360"/>
                            </dgm:alg>
                          </dgm:else>
                        </dgm:choose>
                      </dgm:if>
                      <dgm:if name="Name127" axis="ch" ptType="node" func="cnt" op="equ" val="6">
                        <dgm:choose name="Name128">
                          <dgm:if name="Name129" axis="ch ch" ptType="node node" st="1 1" cnt="1 0" func="cnt" op="equ" val="1">
                            <dgm:alg type="cycle">
                              <dgm:param type="ctrShpMap" val="fNode"/>
                              <dgm:param type="stAng" val="0"/>
                            </dgm:alg>
                          </dgm:if>
                          <dgm:if name="Name130" axis="ch ch" ptType="node node" st="1 1" cnt="1 0" func="cnt" op="equ" val="2">
                            <dgm:alg type="cycle">
                              <dgm:param type="ctrShpMap" val="fNode"/>
                              <dgm:param type="stAng" val="45"/>
                              <dgm:param type="spanAng" val="-90"/>
                            </dgm:alg>
                          </dgm:if>
                          <dgm:else name="Name131">
                            <dgm:alg type="cycle">
                              <dgm:param type="ctrShpMap" val="fNode"/>
                              <dgm:param type="stAng" val="0"/>
                              <dgm:param type="spanAng" val="-360"/>
                            </dgm:alg>
                          </dgm:else>
                        </dgm:choose>
                      </dgm:if>
                      <dgm:if name="Name132" axis="ch" ptType="node" func="cnt" op="gte" val="7">
                        <dgm:choose name="Name133">
                          <dgm:if name="Name134" axis="ch ch" ptType="node node" st="1 1" cnt="1 0" func="cnt" op="equ" val="1">
                            <dgm:alg type="cycle">
                              <dgm:param type="ctrShpMap" val="fNode"/>
                              <dgm:param type="stAng" val="0"/>
                            </dgm:alg>
                          </dgm:if>
                          <dgm:if name="Name135" axis="ch ch" ptType="node node" st="1 1" cnt="1 0" func="cnt" op="equ" val="2">
                            <dgm:alg type="cycle">
                              <dgm:param type="ctrShpMap" val="fNode"/>
                              <dgm:param type="stAng" val="45"/>
                              <dgm:param type="spanAng" val="-90"/>
                            </dgm:alg>
                          </dgm:if>
                          <dgm:else name="Name136">
                            <dgm:alg type="cycle">
                              <dgm:param type="ctrShpMap" val="fNode"/>
                              <dgm:param type="stAng" val="0"/>
                              <dgm:param type="spanAng" val="-360"/>
                            </dgm:alg>
                          </dgm:else>
                        </dgm:choose>
                      </dgm:if>
                      <dgm:else name="Name137"/>
                    </dgm:choose>
                  </dgm:else>
                </dgm:choose>
                <dgm:shape xmlns:r="http://schemas.openxmlformats.org/officeDocument/2006/relationships" r:blip="">
                  <dgm:adjLst/>
                </dgm:shape>
                <dgm:presOf/>
                <dgm:constrLst>
                  <dgm:constr type="sp" refType="w" fact="0.1"/>
                  <dgm:constr type="sibSp" refType="w" fact="0.1"/>
                </dgm:constrLst>
                <dgm:forEach name="Name138" axis="ch" ptType="node" cnt="1">
                  <dgm:layoutNode name="childCenter1"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139" axis="ch">
                    <dgm:forEach name="Name140" axis="self" ptType="parTrans">
                      <dgm:layoutNode name="Name141">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142" axis="self" ptType="node">
                      <dgm:layoutNode name="text1"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143" axis="ch" ptType="parTrans" cnt="1">
                <dgm:layoutNode name="Name144">
                  <dgm:alg type="conn">
                    <dgm:param type="dim" val="1D"/>
                    <dgm:param type="begPts" val="auto"/>
                    <dgm:param type="endPts" val="auto"/>
                    <dgm:param type="endSty" val="noArr"/>
                    <dgm:param type="srcNode" val="textCenter"/>
                    <dgm:param type="dstNode" val="childCenter1"/>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145"/>
          </dgm:choose>
          <dgm:choose name="Name146">
            <dgm:if name="Name147" axis="ch" ptType="node" func="cnt" op="gte" val="2">
              <dgm:layoutNode name="cycle_2">
                <dgm:choose name="Name148">
                  <dgm:if name="Name149" func="var" arg="dir" op="equ" val="norm">
                    <dgm:choose name="Name150">
                      <dgm:if name="Name151" axis="ch" ptType="node" func="cnt" op="equ" val="2">
                        <dgm:choose name="Name152">
                          <dgm:if name="Name153" axis="ch ch" ptType="node node" st="2 1" cnt="1 0" func="cnt" op="equ" val="1">
                            <dgm:alg type="cycle">
                              <dgm:param type="ctrShpMap" val="fNode"/>
                              <dgm:param type="stAng" val="180"/>
                            </dgm:alg>
                          </dgm:if>
                          <dgm:if name="Name154" axis="ch ch" ptType="node node" st="2 1" cnt="1 0" func="cnt" op="equ" val="2">
                            <dgm:alg type="cycle">
                              <dgm:param type="ctrShpMap" val="fNode"/>
                              <dgm:param type="stAng" val="135"/>
                              <dgm:param type="spanAng" val="90"/>
                            </dgm:alg>
                          </dgm:if>
                          <dgm:else name="Name155">
                            <dgm:alg type="cycle">
                              <dgm:param type="ctrShpMap" val="fNode"/>
                              <dgm:param type="stAng" val="90"/>
                              <dgm:param type="spanAng" val="180"/>
                            </dgm:alg>
                          </dgm:else>
                        </dgm:choose>
                      </dgm:if>
                      <dgm:if name="Name156" axis="ch" ptType="node" func="cnt" op="equ" val="3">
                        <dgm:choose name="Name157">
                          <dgm:if name="Name158" axis="ch ch" ptType="node node" st="2 1" cnt="1 0" func="cnt" op="equ" val="1">
                            <dgm:alg type="cycle">
                              <dgm:param type="ctrShpMap" val="fNode"/>
                              <dgm:param type="stAng" val="120"/>
                              <dgm:param type="horzAlign" val="r"/>
                              <dgm:param type="vertAlign" val="b"/>
                            </dgm:alg>
                          </dgm:if>
                          <dgm:if name="Name159" axis="ch ch" ptType="node node" st="2 1" cnt="1 0" func="cnt" op="equ" val="2">
                            <dgm:alg type="cycle">
                              <dgm:param type="ctrShpMap" val="fNode"/>
                              <dgm:param type="stAng" val="75"/>
                              <dgm:param type="spanAng" val="90"/>
                              <dgm:param type="horzAlign" val="r"/>
                              <dgm:param type="vertAlign" val="b"/>
                            </dgm:alg>
                          </dgm:if>
                          <dgm:else name="Name160">
                            <dgm:alg type="cycle">
                              <dgm:param type="ctrShpMap" val="fNode"/>
                              <dgm:param type="stAng" val="30"/>
                              <dgm:param type="spanAng" val="180"/>
                            </dgm:alg>
                          </dgm:else>
                        </dgm:choose>
                      </dgm:if>
                      <dgm:if name="Name161" axis="ch" ptType="node" func="cnt" op="equ" val="4">
                        <dgm:choose name="Name162">
                          <dgm:if name="Name163" axis="ch ch" ptType="node node" st="2 1" cnt="1 0" func="cnt" op="equ" val="1">
                            <dgm:alg type="cycle">
                              <dgm:param type="ctrShpMap" val="fNode"/>
                              <dgm:param type="stAng" val="90"/>
                            </dgm:alg>
                          </dgm:if>
                          <dgm:if name="Name164" axis="ch ch" ptType="node node" st="2 1" cnt="1 0" func="cnt" op="equ" val="2">
                            <dgm:alg type="cycle">
                              <dgm:param type="ctrShpMap" val="fNode"/>
                              <dgm:param type="stAng" val="45"/>
                              <dgm:param type="spanAng" val="90"/>
                            </dgm:alg>
                          </dgm:if>
                          <dgm:else name="Name165">
                            <dgm:alg type="cycle">
                              <dgm:param type="ctrShpMap" val="fNode"/>
                              <dgm:param type="stAng" val="22.5"/>
                              <dgm:param type="spanAng" val="135"/>
                            </dgm:alg>
                          </dgm:else>
                        </dgm:choose>
                      </dgm:if>
                      <dgm:if name="Name166" axis="ch" ptType="node" func="cnt" op="equ" val="5">
                        <dgm:choose name="Name167">
                          <dgm:if name="Name168" axis="ch ch" ptType="node node" st="2 1" cnt="1 0" func="cnt" op="equ" val="1">
                            <dgm:alg type="cycle">
                              <dgm:param type="ctrShpMap" val="fNode"/>
                              <dgm:param type="stAng" val="72"/>
                            </dgm:alg>
                          </dgm:if>
                          <dgm:if name="Name169" axis="ch ch" ptType="node node" st="2 1" cnt="1 0" func="cnt" op="equ" val="2">
                            <dgm:alg type="cycle">
                              <dgm:param type="ctrShpMap" val="fNode"/>
                              <dgm:param type="stAng" val="27"/>
                              <dgm:param type="spanAng" val="90"/>
                            </dgm:alg>
                          </dgm:if>
                          <dgm:else name="Name170">
                            <dgm:alg type="cycle">
                              <dgm:param type="ctrShpMap" val="fNode"/>
                              <dgm:param type="stAng" val="0"/>
                              <dgm:param type="spanAng" val="360"/>
                            </dgm:alg>
                          </dgm:else>
                        </dgm:choose>
                      </dgm:if>
                      <dgm:if name="Name171" axis="ch" ptType="node" func="cnt" op="equ" val="6">
                        <dgm:choose name="Name172">
                          <dgm:if name="Name173" axis="ch ch" ptType="node node" st="2 1" cnt="1 0" func="cnt" op="equ" val="1">
                            <dgm:alg type="cycle">
                              <dgm:param type="ctrShpMap" val="fNode"/>
                              <dgm:param type="stAng" val="60"/>
                            </dgm:alg>
                          </dgm:if>
                          <dgm:if name="Name174" axis="ch ch" ptType="node node" st="2 1" cnt="1 0" func="cnt" op="equ" val="2">
                            <dgm:alg type="cycle">
                              <dgm:param type="ctrShpMap" val="fNode"/>
                              <dgm:param type="stAng" val="15"/>
                              <dgm:param type="spanAng" val="90"/>
                            </dgm:alg>
                          </dgm:if>
                          <dgm:else name="Name175">
                            <dgm:alg type="cycle">
                              <dgm:param type="ctrShpMap" val="fNode"/>
                              <dgm:param type="stAng" val="0"/>
                              <dgm:param type="spanAng" val="360"/>
                            </dgm:alg>
                          </dgm:else>
                        </dgm:choose>
                      </dgm:if>
                      <dgm:if name="Name176" axis="ch" ptType="node" func="cnt" op="gte" val="7">
                        <dgm:choose name="Name177">
                          <dgm:if name="Name178" axis="ch ch" ptType="node node" st="2 1" cnt="1 0" func="cnt" op="equ" val="1">
                            <dgm:alg type="cycle">
                              <dgm:param type="ctrShpMap" val="fNode"/>
                              <dgm:param type="stAng" val="51"/>
                            </dgm:alg>
                          </dgm:if>
                          <dgm:if name="Name179" axis="ch ch" ptType="node node" st="2 1" cnt="1 0" func="cnt" op="equ" val="2">
                            <dgm:alg type="cycle">
                              <dgm:param type="ctrShpMap" val="fNode"/>
                              <dgm:param type="stAng" val="6"/>
                              <dgm:param type="spanAng" val="90"/>
                            </dgm:alg>
                          </dgm:if>
                          <dgm:else name="Name180">
                            <dgm:alg type="cycle">
                              <dgm:param type="ctrShpMap" val="fNode"/>
                              <dgm:param type="stAng" val="0"/>
                              <dgm:param type="spanAng" val="360"/>
                            </dgm:alg>
                          </dgm:else>
                        </dgm:choose>
                      </dgm:if>
                      <dgm:else name="Name181"/>
                    </dgm:choose>
                  </dgm:if>
                  <dgm:else name="Name182">
                    <dgm:choose name="Name183">
                      <dgm:if name="Name184" axis="ch" ptType="node" func="cnt" op="equ" val="2">
                        <dgm:choose name="Name185">
                          <dgm:if name="Name186" axis="ch ch" ptType="node node" st="2 1" cnt="1 0" func="cnt" op="equ" val="1">
                            <dgm:alg type="cycle">
                              <dgm:param type="ctrShpMap" val="fNode"/>
                              <dgm:param type="stAng" val="180"/>
                            </dgm:alg>
                          </dgm:if>
                          <dgm:if name="Name187" axis="ch ch" ptType="node node" st="2 1" cnt="1 0" func="cnt" op="equ" val="2">
                            <dgm:alg type="cycle">
                              <dgm:param type="ctrShpMap" val="fNode"/>
                              <dgm:param type="stAng" val="225"/>
                              <dgm:param type="spanAng" val="-90"/>
                            </dgm:alg>
                          </dgm:if>
                          <dgm:else name="Name188">
                            <dgm:alg type="cycle">
                              <dgm:param type="ctrShpMap" val="fNode"/>
                              <dgm:param type="stAng" val="270"/>
                              <dgm:param type="spanAng" val="-180"/>
                            </dgm:alg>
                          </dgm:else>
                        </dgm:choose>
                      </dgm:if>
                      <dgm:if name="Name189" axis="ch" ptType="node" func="cnt" op="equ" val="3">
                        <dgm:choose name="Name190">
                          <dgm:if name="Name191" axis="ch ch" ptType="node node" st="2 1" cnt="1 0" func="cnt" op="equ" val="1">
                            <dgm:alg type="cycle">
                              <dgm:param type="ctrShpMap" val="fNode"/>
                              <dgm:param type="stAng" val="240"/>
                              <dgm:param type="horzAlign" val="l"/>
                              <dgm:param type="vertAlign" val="b"/>
                            </dgm:alg>
                          </dgm:if>
                          <dgm:if name="Name192" axis="ch ch" ptType="node node" st="2 1" cnt="1 0" func="cnt" op="equ" val="2">
                            <dgm:alg type="cycle">
                              <dgm:param type="ctrShpMap" val="fNode"/>
                              <dgm:param type="stAng" val="285"/>
                              <dgm:param type="spanAng" val="-90"/>
                              <dgm:param type="horzAlign" val="l"/>
                              <dgm:param type="vertAlign" val="b"/>
                            </dgm:alg>
                          </dgm:if>
                          <dgm:else name="Name193">
                            <dgm:alg type="cycle">
                              <dgm:param type="ctrShpMap" val="fNode"/>
                              <dgm:param type="stAng" val="330"/>
                              <dgm:param type="spanAng" val="-180"/>
                            </dgm:alg>
                          </dgm:else>
                        </dgm:choose>
                      </dgm:if>
                      <dgm:if name="Name194" axis="ch" ptType="node" func="cnt" op="equ" val="4">
                        <dgm:choose name="Name195">
                          <dgm:if name="Name196" axis="ch ch" ptType="node node" st="2 1" cnt="1 0" func="cnt" op="equ" val="1">
                            <dgm:alg type="cycle">
                              <dgm:param type="ctrShpMap" val="fNode"/>
                              <dgm:param type="stAng" val="270"/>
                            </dgm:alg>
                          </dgm:if>
                          <dgm:if name="Name197" axis="ch ch" ptType="node node" st="2 1" cnt="1 0" func="cnt" op="equ" val="2">
                            <dgm:alg type="cycle">
                              <dgm:param type="ctrShpMap" val="fNode"/>
                              <dgm:param type="stAng" val="315"/>
                              <dgm:param type="spanAng" val="-90"/>
                            </dgm:alg>
                          </dgm:if>
                          <dgm:else name="Name198">
                            <dgm:alg type="cycle">
                              <dgm:param type="ctrShpMap" val="fNode"/>
                              <dgm:param type="stAng" val="337.5"/>
                              <dgm:param type="spanAng" val="-135"/>
                            </dgm:alg>
                          </dgm:else>
                        </dgm:choose>
                      </dgm:if>
                      <dgm:if name="Name199" axis="ch" ptType="node" func="cnt" op="equ" val="5">
                        <dgm:choose name="Name200">
                          <dgm:if name="Name201" axis="ch ch" ptType="node node" st="2 1" cnt="1 0" func="cnt" op="equ" val="1">
                            <dgm:alg type="cycle">
                              <dgm:param type="ctrShpMap" val="fNode"/>
                              <dgm:param type="stAng" val="288"/>
                            </dgm:alg>
                          </dgm:if>
                          <dgm:if name="Name202" axis="ch ch" ptType="node node" st="2 1" cnt="1 0" func="cnt" op="equ" val="2">
                            <dgm:alg type="cycle">
                              <dgm:param type="ctrShpMap" val="fNode"/>
                              <dgm:param type="stAng" val="333"/>
                              <dgm:param type="spanAng" val="-90"/>
                            </dgm:alg>
                          </dgm:if>
                          <dgm:else name="Name203">
                            <dgm:alg type="cycle">
                              <dgm:param type="ctrShpMap" val="fNode"/>
                              <dgm:param type="stAng" val="0"/>
                              <dgm:param type="spanAng" val="-360"/>
                            </dgm:alg>
                          </dgm:else>
                        </dgm:choose>
                      </dgm:if>
                      <dgm:if name="Name204" axis="ch" ptType="node" func="cnt" op="equ" val="6">
                        <dgm:choose name="Name205">
                          <dgm:if name="Name206" axis="ch ch" ptType="node node" st="2 1" cnt="1 0" func="cnt" op="equ" val="1">
                            <dgm:alg type="cycle">
                              <dgm:param type="ctrShpMap" val="fNode"/>
                              <dgm:param type="stAng" val="300"/>
                            </dgm:alg>
                          </dgm:if>
                          <dgm:if name="Name207" axis="ch ch" ptType="node node" st="2 1" cnt="1 0" func="cnt" op="equ" val="2">
                            <dgm:alg type="cycle">
                              <dgm:param type="ctrShpMap" val="fNode"/>
                              <dgm:param type="stAng" val="345"/>
                              <dgm:param type="spanAng" val="-90"/>
                            </dgm:alg>
                          </dgm:if>
                          <dgm:else name="Name208">
                            <dgm:alg type="cycle">
                              <dgm:param type="ctrShpMap" val="fNode"/>
                              <dgm:param type="stAng" val="0"/>
                              <dgm:param type="spanAng" val="-360"/>
                            </dgm:alg>
                          </dgm:else>
                        </dgm:choose>
                      </dgm:if>
                      <dgm:if name="Name209" axis="ch" ptType="node" func="cnt" op="gte" val="7">
                        <dgm:choose name="Name210">
                          <dgm:if name="Name211" axis="ch ch" ptType="node node" st="2 1" cnt="1 0" func="cnt" op="equ" val="1">
                            <dgm:alg type="cycle">
                              <dgm:param type="ctrShpMap" val="fNode"/>
                              <dgm:param type="stAng" val="308"/>
                            </dgm:alg>
                          </dgm:if>
                          <dgm:if name="Name212" axis="ch ch" ptType="node node" st="2 1" cnt="1 0" func="cnt" op="equ" val="2">
                            <dgm:alg type="cycle">
                              <dgm:param type="ctrShpMap" val="fNode"/>
                              <dgm:param type="stAng" val="353"/>
                              <dgm:param type="spanAng" val="-90"/>
                            </dgm:alg>
                          </dgm:if>
                          <dgm:else name="Name213">
                            <dgm:alg type="cycle">
                              <dgm:param type="ctrShpMap" val="fNode"/>
                              <dgm:param type="stAng" val="0"/>
                              <dgm:param type="spanAng" val="-360"/>
                            </dgm:alg>
                          </dgm:else>
                        </dgm:choose>
                      </dgm:if>
                      <dgm:else name="Name214"/>
                    </dgm:choose>
                  </dgm:else>
                </dgm:choose>
                <dgm:shape xmlns:r="http://schemas.openxmlformats.org/officeDocument/2006/relationships" r:blip="">
                  <dgm:adjLst/>
                </dgm:shape>
                <dgm:presOf/>
                <dgm:constrLst>
                  <dgm:constr type="sp" refType="w" fact="0.1"/>
                  <dgm:constr type="sibSp" refType="w" fact="0.1"/>
                </dgm:constrLst>
                <dgm:forEach name="Name215" axis="ch" ptType="node" st="2" cnt="1">
                  <dgm:layoutNode name="childCenter2"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216" axis="ch">
                    <dgm:forEach name="Name217" axis="self" ptType="parTrans">
                      <dgm:layoutNode name="Name218">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219" axis="self" ptType="node">
                      <dgm:layoutNode name="text2"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220" axis="ch" ptType="parTrans" st="2" cnt="1">
                <dgm:layoutNode name="Name221">
                  <dgm:alg type="conn">
                    <dgm:param type="dim" val="1D"/>
                    <dgm:param type="begPts" val="auto"/>
                    <dgm:param type="endPts" val="auto"/>
                    <dgm:param type="endSty" val="noArr"/>
                    <dgm:param type="srcNode" val="textCenter"/>
                    <dgm:param type="dstNode" val="childCenter2"/>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222"/>
          </dgm:choose>
          <dgm:choose name="Name223">
            <dgm:if name="Name224" axis="ch" ptType="node" func="cnt" op="gte" val="3">
              <dgm:layoutNode name="cycle_3">
                <dgm:choose name="Name225">
                  <dgm:if name="Name226" func="var" arg="dir" op="equ" val="norm">
                    <dgm:choose name="Name227">
                      <dgm:if name="Name228" axis="ch" ptType="node" func="cnt" op="equ" val="3">
                        <dgm:choose name="Name229">
                          <dgm:if name="Name230" axis="ch ch" ptType="node node" st="3 1" cnt="1 0" func="cnt" op="equ" val="1">
                            <dgm:alg type="cycle">
                              <dgm:param type="ctrShpMap" val="fNode"/>
                              <dgm:param type="stAng" val="240"/>
                              <dgm:param type="horzAlign" val="l"/>
                              <dgm:param type="vertAlign" val="b"/>
                            </dgm:alg>
                          </dgm:if>
                          <dgm:if name="Name231" axis="ch ch" ptType="node node" st="3 1" cnt="1 0" func="cnt" op="equ" val="2">
                            <dgm:alg type="cycle">
                              <dgm:param type="ctrShpMap" val="fNode"/>
                              <dgm:param type="stAng" val="195"/>
                              <dgm:param type="spanAng" val="90"/>
                              <dgm:param type="horzAlign" val="l"/>
                              <dgm:param type="vertAlign" val="b"/>
                            </dgm:alg>
                          </dgm:if>
                          <dgm:else name="Name232">
                            <dgm:alg type="cycle">
                              <dgm:param type="ctrShpMap" val="fNode"/>
                              <dgm:param type="stAng" val="150"/>
                              <dgm:param type="spanAng" val="180"/>
                            </dgm:alg>
                          </dgm:else>
                        </dgm:choose>
                      </dgm:if>
                      <dgm:if name="Name233" axis="ch" ptType="node" func="cnt" op="equ" val="4">
                        <dgm:choose name="Name234">
                          <dgm:if name="Name235" axis="ch ch" ptType="node node" st="3 1" cnt="1 0" func="cnt" op="equ" val="1">
                            <dgm:alg type="cycle">
                              <dgm:param type="ctrShpMap" val="fNode"/>
                              <dgm:param type="stAng" val="180"/>
                            </dgm:alg>
                          </dgm:if>
                          <dgm:if name="Name236" axis="ch ch" ptType="node node" st="3 1" cnt="1 0" func="cnt" op="equ" val="2">
                            <dgm:alg type="cycle">
                              <dgm:param type="ctrShpMap" val="fNode"/>
                              <dgm:param type="stAng" val="135"/>
                              <dgm:param type="spanAng" val="90"/>
                            </dgm:alg>
                          </dgm:if>
                          <dgm:else name="Name237">
                            <dgm:alg type="cycle">
                              <dgm:param type="ctrShpMap" val="fNode"/>
                              <dgm:param type="stAng" val="112.5"/>
                              <dgm:param type="spanAng" val="135"/>
                            </dgm:alg>
                          </dgm:else>
                        </dgm:choose>
                      </dgm:if>
                      <dgm:if name="Name238" axis="ch" ptType="node" func="cnt" op="equ" val="5">
                        <dgm:choose name="Name239">
                          <dgm:if name="Name240" axis="ch ch" ptType="node node" st="3 1" cnt="1 0" func="cnt" op="equ" val="1">
                            <dgm:alg type="cycle">
                              <dgm:param type="ctrShpMap" val="fNode"/>
                              <dgm:param type="stAng" val="144"/>
                            </dgm:alg>
                          </dgm:if>
                          <dgm:if name="Name241" axis="ch ch" ptType="node node" st="3 1" cnt="1 0" func="cnt" op="equ" val="2">
                            <dgm:alg type="cycle">
                              <dgm:param type="ctrShpMap" val="fNode"/>
                              <dgm:param type="stAng" val="99"/>
                              <dgm:param type="spanAng" val="90"/>
                            </dgm:alg>
                          </dgm:if>
                          <dgm:else name="Name242">
                            <dgm:alg type="cycle">
                              <dgm:param type="ctrShpMap" val="fNode"/>
                              <dgm:param type="stAng" val="0"/>
                              <dgm:param type="spanAng" val="360"/>
                            </dgm:alg>
                          </dgm:else>
                        </dgm:choose>
                      </dgm:if>
                      <dgm:if name="Name243" axis="ch" ptType="node" func="cnt" op="equ" val="6">
                        <dgm:choose name="Name244">
                          <dgm:if name="Name245" axis="ch ch" ptType="node node" st="3 1" cnt="1 0" func="cnt" op="equ" val="1">
                            <dgm:alg type="cycle">
                              <dgm:param type="ctrShpMap" val="fNode"/>
                              <dgm:param type="stAng" val="120"/>
                            </dgm:alg>
                          </dgm:if>
                          <dgm:if name="Name246" axis="ch ch" ptType="node node" st="3 1" cnt="1 0" func="cnt" op="equ" val="2">
                            <dgm:alg type="cycle">
                              <dgm:param type="ctrShpMap" val="fNode"/>
                              <dgm:param type="stAng" val="75"/>
                              <dgm:param type="spanAng" val="90"/>
                            </dgm:alg>
                          </dgm:if>
                          <dgm:else name="Name247">
                            <dgm:alg type="cycle">
                              <dgm:param type="ctrShpMap" val="fNode"/>
                              <dgm:param type="stAng" val="0"/>
                              <dgm:param type="spanAng" val="360"/>
                            </dgm:alg>
                          </dgm:else>
                        </dgm:choose>
                      </dgm:if>
                      <dgm:if name="Name248" axis="ch" ptType="node" func="cnt" op="gte" val="7">
                        <dgm:choose name="Name249">
                          <dgm:if name="Name250" axis="ch ch" ptType="node node" st="3 1" cnt="1 0" func="cnt" op="equ" val="1">
                            <dgm:alg type="cycle">
                              <dgm:param type="ctrShpMap" val="fNode"/>
                              <dgm:param type="stAng" val="102"/>
                            </dgm:alg>
                          </dgm:if>
                          <dgm:if name="Name251" axis="ch ch" ptType="node node" st="3 1" cnt="1 0" func="cnt" op="equ" val="2">
                            <dgm:alg type="cycle">
                              <dgm:param type="ctrShpMap" val="fNode"/>
                              <dgm:param type="stAng" val="57"/>
                              <dgm:param type="spanAng" val="90"/>
                            </dgm:alg>
                          </dgm:if>
                          <dgm:else name="Name252">
                            <dgm:alg type="cycle">
                              <dgm:param type="ctrShpMap" val="fNode"/>
                              <dgm:param type="stAng" val="0"/>
                              <dgm:param type="spanAng" val="360"/>
                            </dgm:alg>
                          </dgm:else>
                        </dgm:choose>
                      </dgm:if>
                      <dgm:else name="Name253"/>
                    </dgm:choose>
                  </dgm:if>
                  <dgm:else name="Name254">
                    <dgm:choose name="Name255">
                      <dgm:if name="Name256" axis="ch" ptType="node" func="cnt" op="equ" val="3">
                        <dgm:choose name="Name257">
                          <dgm:if name="Name258" axis="ch ch" ptType="node node" st="3 1" cnt="1 0" func="cnt" op="equ" val="1">
                            <dgm:alg type="cycle">
                              <dgm:param type="ctrShpMap" val="fNode"/>
                              <dgm:param type="stAng" val="120"/>
                              <dgm:param type="horzAlign" val="r"/>
                              <dgm:param type="vertAlign" val="b"/>
                            </dgm:alg>
                          </dgm:if>
                          <dgm:if name="Name259" axis="ch ch" ptType="node node" st="3 1" cnt="1 0" func="cnt" op="equ" val="2">
                            <dgm:alg type="cycle">
                              <dgm:param type="ctrShpMap" val="fNode"/>
                              <dgm:param type="stAng" val="165"/>
                              <dgm:param type="spanAng" val="-90"/>
                              <dgm:param type="horzAlign" val="r"/>
                              <dgm:param type="vertAlign" val="b"/>
                            </dgm:alg>
                          </dgm:if>
                          <dgm:else name="Name260">
                            <dgm:alg type="cycle">
                              <dgm:param type="ctrShpMap" val="fNode"/>
                              <dgm:param type="stAng" val="210"/>
                              <dgm:param type="spanAng" val="-180"/>
                            </dgm:alg>
                          </dgm:else>
                        </dgm:choose>
                      </dgm:if>
                      <dgm:if name="Name261" axis="ch" ptType="node" func="cnt" op="equ" val="4">
                        <dgm:choose name="Name262">
                          <dgm:if name="Name263" axis="ch ch" ptType="node node" st="3 1" cnt="1 0" func="cnt" op="equ" val="1">
                            <dgm:alg type="cycle">
                              <dgm:param type="ctrShpMap" val="fNode"/>
                              <dgm:param type="stAng" val="180"/>
                            </dgm:alg>
                          </dgm:if>
                          <dgm:if name="Name264" axis="ch ch" ptType="node node" st="3 1" cnt="1 0" func="cnt" op="equ" val="2">
                            <dgm:alg type="cycle">
                              <dgm:param type="ctrShpMap" val="fNode"/>
                              <dgm:param type="stAng" val="225"/>
                              <dgm:param type="spanAng" val="-90"/>
                            </dgm:alg>
                          </dgm:if>
                          <dgm:else name="Name265">
                            <dgm:alg type="cycle">
                              <dgm:param type="ctrShpMap" val="fNode"/>
                              <dgm:param type="stAng" val="247.5"/>
                              <dgm:param type="spanAng" val="-135"/>
                            </dgm:alg>
                          </dgm:else>
                        </dgm:choose>
                      </dgm:if>
                      <dgm:if name="Name266" axis="ch" ptType="node" func="cnt" op="equ" val="5">
                        <dgm:choose name="Name267">
                          <dgm:if name="Name268" axis="ch ch" ptType="node node" st="3 1" cnt="1 0" func="cnt" op="equ" val="1">
                            <dgm:alg type="cycle">
                              <dgm:param type="ctrShpMap" val="fNode"/>
                              <dgm:param type="stAng" val="216"/>
                            </dgm:alg>
                          </dgm:if>
                          <dgm:if name="Name269" axis="ch ch" ptType="node node" st="3 1" cnt="1 0" func="cnt" op="equ" val="2">
                            <dgm:alg type="cycle">
                              <dgm:param type="ctrShpMap" val="fNode"/>
                              <dgm:param type="stAng" val="261"/>
                              <dgm:param type="spanAng" val="-90"/>
                            </dgm:alg>
                          </dgm:if>
                          <dgm:else name="Name270">
                            <dgm:alg type="cycle">
                              <dgm:param type="ctrShpMap" val="fNode"/>
                              <dgm:param type="stAng" val="0"/>
                              <dgm:param type="spanAng" val="-360"/>
                            </dgm:alg>
                          </dgm:else>
                        </dgm:choose>
                      </dgm:if>
                      <dgm:if name="Name271" axis="ch" ptType="node" func="cnt" op="equ" val="6">
                        <dgm:choose name="Name272">
                          <dgm:if name="Name273" axis="ch ch" ptType="node node" st="3 1" cnt="1 0" func="cnt" op="equ" val="1">
                            <dgm:alg type="cycle">
                              <dgm:param type="ctrShpMap" val="fNode"/>
                              <dgm:param type="stAng" val="240"/>
                            </dgm:alg>
                          </dgm:if>
                          <dgm:if name="Name274" axis="ch ch" ptType="node node" st="3 1" cnt="1 0" func="cnt" op="equ" val="2">
                            <dgm:alg type="cycle">
                              <dgm:param type="ctrShpMap" val="fNode"/>
                              <dgm:param type="stAng" val="285"/>
                              <dgm:param type="spanAng" val="-90"/>
                            </dgm:alg>
                          </dgm:if>
                          <dgm:else name="Name275">
                            <dgm:alg type="cycle">
                              <dgm:param type="ctrShpMap" val="fNode"/>
                              <dgm:param type="stAng" val="0"/>
                              <dgm:param type="spanAng" val="-360"/>
                            </dgm:alg>
                          </dgm:else>
                        </dgm:choose>
                      </dgm:if>
                      <dgm:if name="Name276" axis="ch" ptType="node" func="cnt" op="gte" val="7">
                        <dgm:choose name="Name277">
                          <dgm:if name="Name278" axis="ch ch" ptType="node node" st="3 1" cnt="1 0" func="cnt" op="equ" val="1">
                            <dgm:alg type="cycle">
                              <dgm:param type="ctrShpMap" val="fNode"/>
                              <dgm:param type="stAng" val="257"/>
                            </dgm:alg>
                          </dgm:if>
                          <dgm:if name="Name279" axis="ch ch" ptType="node node" st="3 1" cnt="1 0" func="cnt" op="equ" val="2">
                            <dgm:alg type="cycle">
                              <dgm:param type="ctrShpMap" val="fNode"/>
                              <dgm:param type="stAng" val="302"/>
                              <dgm:param type="spanAng" val="-90"/>
                            </dgm:alg>
                          </dgm:if>
                          <dgm:else name="Name280">
                            <dgm:alg type="cycle">
                              <dgm:param type="ctrShpMap" val="fNode"/>
                              <dgm:param type="stAng" val="0"/>
                              <dgm:param type="spanAng" val="-360"/>
                            </dgm:alg>
                          </dgm:else>
                        </dgm:choose>
                      </dgm:if>
                      <dgm:else name="Name281"/>
                    </dgm:choose>
                  </dgm:else>
                </dgm:choose>
                <dgm:shape xmlns:r="http://schemas.openxmlformats.org/officeDocument/2006/relationships" r:blip="">
                  <dgm:adjLst/>
                </dgm:shape>
                <dgm:presOf/>
                <dgm:constrLst>
                  <dgm:constr type="sp" refType="w" fact="0.1"/>
                  <dgm:constr type="sibSp" refType="w" fact="0.1"/>
                </dgm:constrLst>
                <dgm:forEach name="Name282" axis="ch" ptType="node" st="3" cnt="1">
                  <dgm:layoutNode name="childCenter3"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283" axis="ch">
                    <dgm:forEach name="Name284" axis="self" ptType="parTrans">
                      <dgm:layoutNode name="Name285">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286" axis="self" ptType="node">
                      <dgm:layoutNode name="text3"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287" axis="ch" ptType="parTrans" st="3" cnt="1">
                <dgm:layoutNode name="Name288">
                  <dgm:alg type="conn">
                    <dgm:param type="dim" val="1D"/>
                    <dgm:param type="begPts" val="auto"/>
                    <dgm:param type="endPts" val="auto"/>
                    <dgm:param type="endSty" val="noArr"/>
                    <dgm:param type="srcNode" val="textCenter"/>
                    <dgm:param type="dstNode" val="childCenter3"/>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289"/>
          </dgm:choose>
          <dgm:choose name="Name290">
            <dgm:if name="Name291" axis="ch" ptType="node" func="cnt" op="gte" val="4">
              <dgm:layoutNode name="cycle_4">
                <dgm:choose name="Name292">
                  <dgm:if name="Name293" func="var" arg="dir" op="equ" val="norm">
                    <dgm:choose name="Name294">
                      <dgm:if name="Name295" axis="ch" ptType="node" func="cnt" op="equ" val="4">
                        <dgm:choose name="Name296">
                          <dgm:if name="Name297" axis="ch ch" ptType="node node" st="4 1" cnt="1 0" func="cnt" op="equ" val="1">
                            <dgm:alg type="cycle">
                              <dgm:param type="ctrShpMap" val="fNode"/>
                              <dgm:param type="stAng" val="270"/>
                            </dgm:alg>
                          </dgm:if>
                          <dgm:if name="Name298" axis="ch ch" ptType="node node" st="4 1" cnt="1 0" func="cnt" op="equ" val="2">
                            <dgm:alg type="cycle">
                              <dgm:param type="ctrShpMap" val="fNode"/>
                              <dgm:param type="stAng" val="225"/>
                              <dgm:param type="spanAng" val="90"/>
                            </dgm:alg>
                          </dgm:if>
                          <dgm:else name="Name299">
                            <dgm:alg type="cycle">
                              <dgm:param type="ctrShpMap" val="fNode"/>
                              <dgm:param type="stAng" val="202.5"/>
                              <dgm:param type="spanAng" val="135"/>
                            </dgm:alg>
                          </dgm:else>
                        </dgm:choose>
                      </dgm:if>
                      <dgm:if name="Name300" axis="ch" ptType="node" func="cnt" op="equ" val="5">
                        <dgm:choose name="Name301">
                          <dgm:if name="Name302" axis="ch ch" ptType="node node" st="4 1" cnt="1 0" func="cnt" op="equ" val="1">
                            <dgm:alg type="cycle">
                              <dgm:param type="ctrShpMap" val="fNode"/>
                              <dgm:param type="stAng" val="216"/>
                            </dgm:alg>
                          </dgm:if>
                          <dgm:if name="Name303" axis="ch ch" ptType="node node" st="4 1" cnt="1 0" func="cnt" op="equ" val="2">
                            <dgm:alg type="cycle">
                              <dgm:param type="ctrShpMap" val="fNode"/>
                              <dgm:param type="stAng" val="171"/>
                              <dgm:param type="spanAng" val="90"/>
                            </dgm:alg>
                          </dgm:if>
                          <dgm:else name="Name304">
                            <dgm:alg type="cycle">
                              <dgm:param type="ctrShpMap" val="fNode"/>
                              <dgm:param type="stAng" val="0"/>
                              <dgm:param type="spanAng" val="360"/>
                            </dgm:alg>
                          </dgm:else>
                        </dgm:choose>
                      </dgm:if>
                      <dgm:if name="Name305" axis="ch" ptType="node" func="cnt" op="equ" val="6">
                        <dgm:choose name="Name306">
                          <dgm:if name="Name307" axis="ch ch" ptType="node node" st="4 1" cnt="1 0" func="cnt" op="equ" val="1">
                            <dgm:alg type="cycle">
                              <dgm:param type="ctrShpMap" val="fNode"/>
                              <dgm:param type="stAng" val="180"/>
                            </dgm:alg>
                          </dgm:if>
                          <dgm:if name="Name308" axis="ch ch" ptType="node node" st="4 1" cnt="1 0" func="cnt" op="equ" val="2">
                            <dgm:alg type="cycle">
                              <dgm:param type="ctrShpMap" val="fNode"/>
                              <dgm:param type="stAng" val="135"/>
                              <dgm:param type="spanAng" val="90"/>
                            </dgm:alg>
                          </dgm:if>
                          <dgm:else name="Name309">
                            <dgm:alg type="cycle">
                              <dgm:param type="ctrShpMap" val="fNode"/>
                              <dgm:param type="stAng" val="0"/>
                              <dgm:param type="spanAng" val="360"/>
                            </dgm:alg>
                          </dgm:else>
                        </dgm:choose>
                      </dgm:if>
                      <dgm:if name="Name310" axis="ch" ptType="node" func="cnt" op="gte" val="7">
                        <dgm:choose name="Name311">
                          <dgm:if name="Name312" axis="ch ch" ptType="node node" st="4 1" cnt="1 0" func="cnt" op="equ" val="1">
                            <dgm:alg type="cycle">
                              <dgm:param type="ctrShpMap" val="fNode"/>
                              <dgm:param type="stAng" val="154"/>
                            </dgm:alg>
                          </dgm:if>
                          <dgm:if name="Name313" axis="ch ch" ptType="node node" st="4 1" cnt="1 0" func="cnt" op="equ" val="2">
                            <dgm:alg type="cycle">
                              <dgm:param type="ctrShpMap" val="fNode"/>
                              <dgm:param type="stAng" val="109"/>
                              <dgm:param type="spanAng" val="90"/>
                            </dgm:alg>
                          </dgm:if>
                          <dgm:else name="Name314">
                            <dgm:alg type="cycle">
                              <dgm:param type="ctrShpMap" val="fNode"/>
                              <dgm:param type="stAng" val="0"/>
                              <dgm:param type="spanAng" val="360"/>
                            </dgm:alg>
                          </dgm:else>
                        </dgm:choose>
                      </dgm:if>
                      <dgm:else name="Name315"/>
                    </dgm:choose>
                  </dgm:if>
                  <dgm:else name="Name316">
                    <dgm:choose name="Name317">
                      <dgm:if name="Name318" axis="ch" ptType="node" func="cnt" op="equ" val="4">
                        <dgm:choose name="Name319">
                          <dgm:if name="Name320" axis="ch ch" ptType="node node" st="4 1" cnt="1 0" func="cnt" op="equ" val="1">
                            <dgm:alg type="cycle">
                              <dgm:param type="ctrShpMap" val="fNode"/>
                              <dgm:param type="stAng" val="90"/>
                            </dgm:alg>
                          </dgm:if>
                          <dgm:if name="Name321" axis="ch ch" ptType="node node" st="4 1" cnt="1 0" func="cnt" op="equ" val="2">
                            <dgm:alg type="cycle">
                              <dgm:param type="ctrShpMap" val="fNode"/>
                              <dgm:param type="stAng" val="135"/>
                              <dgm:param type="spanAng" val="-90"/>
                            </dgm:alg>
                          </dgm:if>
                          <dgm:else name="Name322">
                            <dgm:alg type="cycle">
                              <dgm:param type="ctrShpMap" val="fNode"/>
                              <dgm:param type="stAng" val="157.5"/>
                              <dgm:param type="spanAng" val="-135"/>
                            </dgm:alg>
                          </dgm:else>
                        </dgm:choose>
                      </dgm:if>
                      <dgm:if name="Name323" axis="ch" ptType="node" func="cnt" op="equ" val="5">
                        <dgm:choose name="Name324">
                          <dgm:if name="Name325" axis="ch ch" ptType="node node" st="4 1" cnt="1 0" func="cnt" op="equ" val="1">
                            <dgm:alg type="cycle">
                              <dgm:param type="ctrShpMap" val="fNode"/>
                              <dgm:param type="stAng" val="144"/>
                            </dgm:alg>
                          </dgm:if>
                          <dgm:if name="Name326" axis="ch ch" ptType="node node" st="4 1" cnt="1 0" func="cnt" op="equ" val="2">
                            <dgm:alg type="cycle">
                              <dgm:param type="ctrShpMap" val="fNode"/>
                              <dgm:param type="stAng" val="189"/>
                              <dgm:param type="spanAng" val="-90"/>
                            </dgm:alg>
                          </dgm:if>
                          <dgm:else name="Name327">
                            <dgm:alg type="cycle">
                              <dgm:param type="ctrShpMap" val="fNode"/>
                              <dgm:param type="stAng" val="0"/>
                              <dgm:param type="spanAng" val="-360"/>
                            </dgm:alg>
                          </dgm:else>
                        </dgm:choose>
                      </dgm:if>
                      <dgm:if name="Name328" axis="ch" ptType="node" func="cnt" op="equ" val="6">
                        <dgm:choose name="Name329">
                          <dgm:if name="Name330" axis="ch ch" ptType="node node" st="4 1" cnt="1 0" func="cnt" op="equ" val="1">
                            <dgm:alg type="cycle">
                              <dgm:param type="ctrShpMap" val="fNode"/>
                              <dgm:param type="stAng" val="180"/>
                            </dgm:alg>
                          </dgm:if>
                          <dgm:if name="Name331" axis="ch ch" ptType="node node" st="4 1" cnt="1 0" func="cnt" op="equ" val="2">
                            <dgm:alg type="cycle">
                              <dgm:param type="ctrShpMap" val="fNode"/>
                              <dgm:param type="stAng" val="225"/>
                              <dgm:param type="spanAng" val="-90"/>
                            </dgm:alg>
                          </dgm:if>
                          <dgm:else name="Name332">
                            <dgm:alg type="cycle">
                              <dgm:param type="ctrShpMap" val="fNode"/>
                              <dgm:param type="stAng" val="0"/>
                              <dgm:param type="spanAng" val="-360"/>
                            </dgm:alg>
                          </dgm:else>
                        </dgm:choose>
                      </dgm:if>
                      <dgm:if name="Name333" axis="ch" ptType="node" func="cnt" op="gte" val="7">
                        <dgm:choose name="Name334">
                          <dgm:if name="Name335" axis="ch ch" ptType="node node" st="4 1" cnt="1 0" func="cnt" op="equ" val="1">
                            <dgm:alg type="cycle">
                              <dgm:param type="ctrShpMap" val="fNode"/>
                              <dgm:param type="stAng" val="205"/>
                            </dgm:alg>
                          </dgm:if>
                          <dgm:if name="Name336" axis="ch ch" ptType="node node" st="4 1" cnt="1 0" func="cnt" op="equ" val="2">
                            <dgm:alg type="cycle">
                              <dgm:param type="ctrShpMap" val="fNode"/>
                              <dgm:param type="stAng" val="250"/>
                              <dgm:param type="spanAng" val="-90"/>
                            </dgm:alg>
                          </dgm:if>
                          <dgm:else name="Name337">
                            <dgm:alg type="cycle">
                              <dgm:param type="ctrShpMap" val="fNode"/>
                              <dgm:param type="stAng" val="0"/>
                              <dgm:param type="spanAng" val="-360"/>
                            </dgm:alg>
                          </dgm:else>
                        </dgm:choose>
                      </dgm:if>
                      <dgm:else name="Name338"/>
                    </dgm:choose>
                  </dgm:else>
                </dgm:choose>
                <dgm:shape xmlns:r="http://schemas.openxmlformats.org/officeDocument/2006/relationships" r:blip="">
                  <dgm:adjLst/>
                </dgm:shape>
                <dgm:presOf/>
                <dgm:constrLst>
                  <dgm:constr type="sp" refType="w" fact="0.1"/>
                  <dgm:constr type="sibSp" refType="w" fact="0.1"/>
                </dgm:constrLst>
                <dgm:forEach name="Name339" axis="ch" ptType="node" st="4" cnt="1">
                  <dgm:layoutNode name="childCenter4"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340" axis="ch">
                    <dgm:forEach name="Name341" axis="self" ptType="parTrans">
                      <dgm:layoutNode name="Name342">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343" axis="self" ptType="node">
                      <dgm:layoutNode name="text4"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344" axis="ch" ptType="parTrans" st="4" cnt="1">
                <dgm:layoutNode name="Name345">
                  <dgm:alg type="conn">
                    <dgm:param type="dim" val="1D"/>
                    <dgm:param type="begPts" val="auto"/>
                    <dgm:param type="endPts" val="auto"/>
                    <dgm:param type="endSty" val="noArr"/>
                    <dgm:param type="srcNode" val="textCenter"/>
                    <dgm:param type="dstNode" val="childCenter4"/>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346"/>
          </dgm:choose>
          <dgm:choose name="Name347">
            <dgm:if name="Name348" axis="ch" ptType="node" func="cnt" op="gte" val="5">
              <dgm:layoutNode name="cycle_5">
                <dgm:choose name="Name349">
                  <dgm:if name="Name350" func="var" arg="dir" op="equ" val="norm">
                    <dgm:choose name="Name351">
                      <dgm:if name="Name352" axis="ch" ptType="node" func="cnt" op="equ" val="5">
                        <dgm:choose name="Name353">
                          <dgm:if name="Name354" axis="ch ch" ptType="node node" st="5 1" cnt="1 0" func="cnt" op="equ" val="1">
                            <dgm:alg type="cycle">
                              <dgm:param type="ctrShpMap" val="fNode"/>
                              <dgm:param type="stAng" val="288"/>
                            </dgm:alg>
                          </dgm:if>
                          <dgm:if name="Name355" axis="ch ch" ptType="node node" st="5 1" cnt="1 0" func="cnt" op="equ" val="2">
                            <dgm:alg type="cycle">
                              <dgm:param type="ctrShpMap" val="fNode"/>
                              <dgm:param type="stAng" val="243"/>
                              <dgm:param type="spanAng" val="90"/>
                            </dgm:alg>
                          </dgm:if>
                          <dgm:else name="Name356">
                            <dgm:alg type="cycle">
                              <dgm:param type="ctrShpMap" val="fNode"/>
                              <dgm:param type="stAng" val="0"/>
                              <dgm:param type="spanAng" val="360"/>
                            </dgm:alg>
                          </dgm:else>
                        </dgm:choose>
                      </dgm:if>
                      <dgm:if name="Name357" axis="ch" ptType="node" func="cnt" op="equ" val="6">
                        <dgm:choose name="Name358">
                          <dgm:if name="Name359" axis="ch ch" ptType="node node" st="5 1" cnt="1 0" func="cnt" op="equ" val="1">
                            <dgm:alg type="cycle">
                              <dgm:param type="ctrShpMap" val="fNode"/>
                              <dgm:param type="stAng" val="240"/>
                            </dgm:alg>
                          </dgm:if>
                          <dgm:if name="Name360" axis="ch ch" ptType="node node" st="5 1" cnt="1 0" func="cnt" op="equ" val="2">
                            <dgm:alg type="cycle">
                              <dgm:param type="ctrShpMap" val="fNode"/>
                              <dgm:param type="stAng" val="195"/>
                              <dgm:param type="spanAng" val="90"/>
                            </dgm:alg>
                          </dgm:if>
                          <dgm:else name="Name361">
                            <dgm:alg type="cycle">
                              <dgm:param type="ctrShpMap" val="fNode"/>
                              <dgm:param type="stAng" val="0"/>
                              <dgm:param type="spanAng" val="360"/>
                            </dgm:alg>
                          </dgm:else>
                        </dgm:choose>
                      </dgm:if>
                      <dgm:if name="Name362" axis="ch" ptType="node" func="cnt" op="gte" val="7">
                        <dgm:choose name="Name363">
                          <dgm:if name="Name364" axis="ch ch" ptType="node node" st="5 1" cnt="1 0" func="cnt" op="equ" val="1">
                            <dgm:alg type="cycle">
                              <dgm:param type="ctrShpMap" val="fNode"/>
                              <dgm:param type="stAng" val="205"/>
                            </dgm:alg>
                          </dgm:if>
                          <dgm:if name="Name365" axis="ch ch" ptType="node node" st="5 1" cnt="1 0" func="cnt" op="equ" val="2">
                            <dgm:alg type="cycle">
                              <dgm:param type="ctrShpMap" val="fNode"/>
                              <dgm:param type="stAng" val="160"/>
                              <dgm:param type="spanAng" val="90"/>
                            </dgm:alg>
                          </dgm:if>
                          <dgm:else name="Name366">
                            <dgm:alg type="cycle">
                              <dgm:param type="ctrShpMap" val="fNode"/>
                              <dgm:param type="stAng" val="0"/>
                              <dgm:param type="spanAng" val="360"/>
                            </dgm:alg>
                          </dgm:else>
                        </dgm:choose>
                      </dgm:if>
                      <dgm:else name="Name367"/>
                    </dgm:choose>
                  </dgm:if>
                  <dgm:else name="Name368">
                    <dgm:choose name="Name369">
                      <dgm:if name="Name370" axis="ch" ptType="node" func="cnt" op="equ" val="5">
                        <dgm:choose name="Name371">
                          <dgm:if name="Name372" axis="ch ch" ptType="node node" st="5 1" cnt="1 0" func="cnt" op="equ" val="1">
                            <dgm:alg type="cycle">
                              <dgm:param type="ctrShpMap" val="fNode"/>
                              <dgm:param type="stAng" val="72"/>
                            </dgm:alg>
                          </dgm:if>
                          <dgm:if name="Name373" axis="ch ch" ptType="node node" st="5 1" cnt="1 0" func="cnt" op="equ" val="2">
                            <dgm:alg type="cycle">
                              <dgm:param type="ctrShpMap" val="fNode"/>
                              <dgm:param type="stAng" val="117"/>
                              <dgm:param type="spanAng" val="-90"/>
                            </dgm:alg>
                          </dgm:if>
                          <dgm:else name="Name374">
                            <dgm:alg type="cycle">
                              <dgm:param type="ctrShpMap" val="fNode"/>
                              <dgm:param type="stAng" val="0"/>
                              <dgm:param type="spanAng" val="-360"/>
                            </dgm:alg>
                          </dgm:else>
                        </dgm:choose>
                      </dgm:if>
                      <dgm:if name="Name375" axis="ch" ptType="node" func="cnt" op="equ" val="6">
                        <dgm:choose name="Name376">
                          <dgm:if name="Name377" axis="ch ch" ptType="node node" st="5 1" cnt="1 0" func="cnt" op="equ" val="1">
                            <dgm:alg type="cycle">
                              <dgm:param type="ctrShpMap" val="fNode"/>
                              <dgm:param type="stAng" val="120"/>
                            </dgm:alg>
                          </dgm:if>
                          <dgm:if name="Name378" axis="ch ch" ptType="node node" st="5 1" cnt="1 0" func="cnt" op="equ" val="2">
                            <dgm:alg type="cycle">
                              <dgm:param type="ctrShpMap" val="fNode"/>
                              <dgm:param type="stAng" val="165"/>
                              <dgm:param type="spanAng" val="-90"/>
                            </dgm:alg>
                          </dgm:if>
                          <dgm:else name="Name379">
                            <dgm:alg type="cycle">
                              <dgm:param type="ctrShpMap" val="fNode"/>
                              <dgm:param type="stAng" val="0"/>
                              <dgm:param type="spanAng" val="-360"/>
                            </dgm:alg>
                          </dgm:else>
                        </dgm:choose>
                      </dgm:if>
                      <dgm:if name="Name380" axis="ch" ptType="node" func="cnt" op="gte" val="7">
                        <dgm:choose name="Name381">
                          <dgm:if name="Name382" axis="ch ch" ptType="node node" st="5 1" cnt="1 0" func="cnt" op="equ" val="1">
                            <dgm:alg type="cycle">
                              <dgm:param type="ctrShpMap" val="fNode"/>
                              <dgm:param type="stAng" val="154"/>
                            </dgm:alg>
                          </dgm:if>
                          <dgm:if name="Name383" axis="ch ch" ptType="node node" st="5 1" cnt="1 0" func="cnt" op="equ" val="2">
                            <dgm:alg type="cycle">
                              <dgm:param type="ctrShpMap" val="fNode"/>
                              <dgm:param type="stAng" val="199"/>
                              <dgm:param type="spanAng" val="-90"/>
                            </dgm:alg>
                          </dgm:if>
                          <dgm:else name="Name384">
                            <dgm:alg type="cycle">
                              <dgm:param type="ctrShpMap" val="fNode"/>
                              <dgm:param type="stAng" val="0"/>
                              <dgm:param type="spanAng" val="-360"/>
                            </dgm:alg>
                          </dgm:else>
                        </dgm:choose>
                      </dgm:if>
                      <dgm:else name="Name385"/>
                    </dgm:choose>
                  </dgm:else>
                </dgm:choose>
                <dgm:shape xmlns:r="http://schemas.openxmlformats.org/officeDocument/2006/relationships" r:blip="">
                  <dgm:adjLst/>
                </dgm:shape>
                <dgm:presOf/>
                <dgm:constrLst>
                  <dgm:constr type="sp" refType="w" fact="0.1"/>
                  <dgm:constr type="sibSp" refType="w" fact="0.1"/>
                </dgm:constrLst>
                <dgm:forEach name="Name386" axis="ch" ptType="node" st="5" cnt="1">
                  <dgm:layoutNode name="childCenter5"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387" axis="ch">
                    <dgm:forEach name="Name388" axis="self" ptType="parTrans">
                      <dgm:layoutNode name="Name389">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390" axis="self" ptType="node">
                      <dgm:layoutNode name="text5"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391" axis="ch" ptType="parTrans" st="5" cnt="1">
                <dgm:layoutNode name="Name392">
                  <dgm:alg type="conn">
                    <dgm:param type="dim" val="1D"/>
                    <dgm:param type="begPts" val="auto"/>
                    <dgm:param type="endPts" val="auto"/>
                    <dgm:param type="endSty" val="noArr"/>
                    <dgm:param type="srcNode" val="textCenter"/>
                    <dgm:param type="dstNode" val="childCenter5"/>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393"/>
          </dgm:choose>
          <dgm:choose name="Name394">
            <dgm:if name="Name395" axis="ch" ptType="node" func="cnt" op="gte" val="6">
              <dgm:layoutNode name="cycle_6">
                <dgm:choose name="Name396">
                  <dgm:if name="Name397" func="var" arg="dir" op="equ" val="norm">
                    <dgm:choose name="Name398">
                      <dgm:if name="Name399" axis="ch" ptType="node" func="cnt" op="equ" val="6">
                        <dgm:choose name="Name400">
                          <dgm:if name="Name401" axis="ch ch" ptType="node node" st="6 1" cnt="1 0" func="cnt" op="equ" val="1">
                            <dgm:alg type="cycle">
                              <dgm:param type="ctrShpMap" val="fNode"/>
                              <dgm:param type="stAng" val="300"/>
                            </dgm:alg>
                          </dgm:if>
                          <dgm:if name="Name402" axis="ch ch" ptType="node node" st="6 1" cnt="1 0" func="cnt" op="equ" val="2">
                            <dgm:alg type="cycle">
                              <dgm:param type="ctrShpMap" val="fNode"/>
                              <dgm:param type="stAng" val="255"/>
                              <dgm:param type="spanAng" val="90"/>
                            </dgm:alg>
                          </dgm:if>
                          <dgm:else name="Name403">
                            <dgm:alg type="cycle">
                              <dgm:param type="ctrShpMap" val="fNode"/>
                              <dgm:param type="stAng" val="0"/>
                              <dgm:param type="spanAng" val="360"/>
                            </dgm:alg>
                          </dgm:else>
                        </dgm:choose>
                      </dgm:if>
                      <dgm:if name="Name404" axis="ch" ptType="node" func="cnt" op="gte" val="7">
                        <dgm:choose name="Name405">
                          <dgm:if name="Name406" axis="ch ch" ptType="node node" st="6 1" cnt="1 0" func="cnt" op="equ" val="1">
                            <dgm:alg type="cycle">
                              <dgm:param type="ctrShpMap" val="fNode"/>
                              <dgm:param type="stAng" val="257"/>
                            </dgm:alg>
                          </dgm:if>
                          <dgm:if name="Name407" axis="ch ch" ptType="node node" st="6 1" cnt="1 0" func="cnt" op="equ" val="2">
                            <dgm:alg type="cycle">
                              <dgm:param type="ctrShpMap" val="fNode"/>
                              <dgm:param type="stAng" val="212"/>
                              <dgm:param type="spanAng" val="90"/>
                            </dgm:alg>
                          </dgm:if>
                          <dgm:else name="Name408">
                            <dgm:alg type="cycle">
                              <dgm:param type="ctrShpMap" val="fNode"/>
                              <dgm:param type="stAng" val="0"/>
                              <dgm:param type="spanAng" val="360"/>
                            </dgm:alg>
                          </dgm:else>
                        </dgm:choose>
                      </dgm:if>
                      <dgm:else name="Name409"/>
                    </dgm:choose>
                  </dgm:if>
                  <dgm:else name="Name410">
                    <dgm:choose name="Name411">
                      <dgm:if name="Name412" axis="ch" ptType="node" func="cnt" op="equ" val="6">
                        <dgm:choose name="Name413">
                          <dgm:if name="Name414" axis="ch ch" ptType="node node" st="6 1" cnt="1 0" func="cnt" op="equ" val="1">
                            <dgm:alg type="cycle">
                              <dgm:param type="ctrShpMap" val="fNode"/>
                              <dgm:param type="stAng" val="60"/>
                            </dgm:alg>
                          </dgm:if>
                          <dgm:if name="Name415" axis="ch ch" ptType="node node" st="6 1" cnt="1 0" func="cnt" op="equ" val="2">
                            <dgm:alg type="cycle">
                              <dgm:param type="ctrShpMap" val="fNode"/>
                              <dgm:param type="stAng" val="105"/>
                              <dgm:param type="spanAng" val="-90"/>
                            </dgm:alg>
                          </dgm:if>
                          <dgm:else name="Name416">
                            <dgm:alg type="cycle">
                              <dgm:param type="ctrShpMap" val="fNode"/>
                              <dgm:param type="stAng" val="0"/>
                              <dgm:param type="spanAng" val="-360"/>
                            </dgm:alg>
                          </dgm:else>
                        </dgm:choose>
                      </dgm:if>
                      <dgm:if name="Name417" axis="ch" ptType="node" func="cnt" op="gte" val="7">
                        <dgm:choose name="Name418">
                          <dgm:if name="Name419" axis="ch ch" ptType="node node" st="6 1" cnt="1 0" func="cnt" op="equ" val="1">
                            <dgm:alg type="cycle">
                              <dgm:param type="ctrShpMap" val="fNode"/>
                              <dgm:param type="stAng" val="102"/>
                            </dgm:alg>
                          </dgm:if>
                          <dgm:if name="Name420" axis="ch ch" ptType="node node" st="6 1" cnt="1 0" func="cnt" op="equ" val="2">
                            <dgm:alg type="cycle">
                              <dgm:param type="ctrShpMap" val="fNode"/>
                              <dgm:param type="stAng" val="147"/>
                              <dgm:param type="spanAng" val="-90"/>
                            </dgm:alg>
                          </dgm:if>
                          <dgm:else name="Name421">
                            <dgm:alg type="cycle">
                              <dgm:param type="ctrShpMap" val="fNode"/>
                              <dgm:param type="stAng" val="0"/>
                              <dgm:param type="spanAng" val="-360"/>
                            </dgm:alg>
                          </dgm:else>
                        </dgm:choose>
                      </dgm:if>
                      <dgm:else name="Name422"/>
                    </dgm:choose>
                  </dgm:else>
                </dgm:choose>
                <dgm:shape xmlns:r="http://schemas.openxmlformats.org/officeDocument/2006/relationships" r:blip="">
                  <dgm:adjLst/>
                </dgm:shape>
                <dgm:presOf/>
                <dgm:constrLst>
                  <dgm:constr type="sp" refType="w" fact="0.1"/>
                  <dgm:constr type="sibSp" refType="w" fact="0.1"/>
                </dgm:constrLst>
                <dgm:forEach name="Name423" axis="ch" ptType="node" st="6" cnt="1">
                  <dgm:layoutNode name="childCenter6"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424" axis="ch">
                    <dgm:forEach name="Name425" axis="self" ptType="parTrans">
                      <dgm:layoutNode name="Name426">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427" axis="self" ptType="node">
                      <dgm:layoutNode name="text6"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428" axis="ch" ptType="parTrans" st="6" cnt="1">
                <dgm:layoutNode name="Name429">
                  <dgm:alg type="conn">
                    <dgm:param type="dim" val="1D"/>
                    <dgm:param type="begPts" val="auto"/>
                    <dgm:param type="endPts" val="auto"/>
                    <dgm:param type="endSty" val="noArr"/>
                    <dgm:param type="srcNode" val="textCenter"/>
                    <dgm:param type="dstNode" val="childCenter6"/>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430"/>
          </dgm:choose>
          <dgm:choose name="Name431">
            <dgm:if name="Name432" axis="ch" ptType="node" func="cnt" op="gte" val="7">
              <dgm:layoutNode name="cycle_7">
                <dgm:choose name="Name433">
                  <dgm:if name="Name434" func="var" arg="dir" op="equ" val="norm">
                    <dgm:choose name="Name435">
                      <dgm:if name="Name436" axis="ch" ptType="node" func="cnt" op="gte" val="7">
                        <dgm:choose name="Name437">
                          <dgm:if name="Name438" axis="ch ch" ptType="node node" st="7 1" cnt="1 0" func="cnt" op="equ" val="1">
                            <dgm:alg type="cycle">
                              <dgm:param type="ctrShpMap" val="fNode"/>
                              <dgm:param type="stAng" val="308"/>
                            </dgm:alg>
                          </dgm:if>
                          <dgm:if name="Name439" axis="ch ch" ptType="node node" st="7 1" cnt="1 0" func="cnt" op="equ" val="2">
                            <dgm:alg type="cycle">
                              <dgm:param type="ctrShpMap" val="fNode"/>
                              <dgm:param type="stAng" val="263"/>
                              <dgm:param type="spanAng" val="90"/>
                            </dgm:alg>
                          </dgm:if>
                          <dgm:else name="Name440">
                            <dgm:alg type="cycle">
                              <dgm:param type="ctrShpMap" val="fNode"/>
                              <dgm:param type="stAng" val="0"/>
                              <dgm:param type="spanAng" val="360"/>
                            </dgm:alg>
                          </dgm:else>
                        </dgm:choose>
                      </dgm:if>
                      <dgm:else name="Name441"/>
                    </dgm:choose>
                  </dgm:if>
                  <dgm:else name="Name442">
                    <dgm:choose name="Name443">
                      <dgm:if name="Name444" axis="ch" ptType="node" func="cnt" op="gte" val="7">
                        <dgm:choose name="Name445">
                          <dgm:if name="Name446" axis="ch ch" ptType="node node" st="7 1" cnt="1 0" func="cnt" op="equ" val="1">
                            <dgm:alg type="cycle">
                              <dgm:param type="ctrShpMap" val="fNode"/>
                              <dgm:param type="stAng" val="51"/>
                            </dgm:alg>
                          </dgm:if>
                          <dgm:if name="Name447" axis="ch ch" ptType="node node" st="7 1" cnt="1 0" func="cnt" op="equ" val="2">
                            <dgm:alg type="cycle">
                              <dgm:param type="ctrShpMap" val="fNode"/>
                              <dgm:param type="stAng" val="96"/>
                              <dgm:param type="spanAng" val="-90"/>
                            </dgm:alg>
                          </dgm:if>
                          <dgm:else name="Name448">
                            <dgm:alg type="cycle">
                              <dgm:param type="ctrShpMap" val="fNode"/>
                              <dgm:param type="stAng" val="0"/>
                              <dgm:param type="spanAng" val="-360"/>
                            </dgm:alg>
                          </dgm:else>
                        </dgm:choose>
                      </dgm:if>
                      <dgm:else name="Name449"/>
                    </dgm:choose>
                  </dgm:else>
                </dgm:choose>
                <dgm:shape xmlns:r="http://schemas.openxmlformats.org/officeDocument/2006/relationships" r:blip="">
                  <dgm:adjLst/>
                </dgm:shape>
                <dgm:presOf/>
                <dgm:constrLst>
                  <dgm:constr type="sp" refType="w" fact="0.1"/>
                  <dgm:constr type="sibSp" refType="w" fact="0.1"/>
                </dgm:constrLst>
                <dgm:forEach name="Name450" axis="ch" ptType="node" st="7" cnt="1">
                  <dgm:layoutNode name="childCenter7" styleLbl="node1">
                    <dgm:alg type="tx"/>
                    <dgm:shape xmlns:r="http://schemas.openxmlformats.org/officeDocument/2006/relationships" type="roundRect" r:blip="">
                      <dgm:adjLst/>
                    </dgm:shape>
                    <dgm:presOf axis="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name="Name451" axis="ch">
                    <dgm:forEach name="Name452" axis="self" ptType="parTrans">
                      <dgm:layoutNode name="Name453">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begPad"/>
                          <dgm:constr type="endPad"/>
                        </dgm:constrLst>
                      </dgm:layoutNode>
                    </dgm:forEach>
                    <dgm:forEach name="Name454" axis="self" ptType="node">
                      <dgm:layoutNode name="text7" styleLbl="node1">
                        <dgm:varLst>
                          <dgm:bulletEnabled val="1"/>
                        </dgm:varLst>
                        <dgm:alg type="tx"/>
                        <dgm:shape xmlns:r="http://schemas.openxmlformats.org/officeDocument/2006/relationships" type="roundRect" r:blip="">
                          <dgm:adjLst/>
                        </dgm:shape>
                        <dgm:presOf axis="desOrSelf" ptType="node"/>
                        <dgm:constrLst>
                          <dgm:constr type="userS"/>
                          <dgm:constr type="w" refType="userS"/>
                          <dgm:constr type="h" refType="w"/>
                          <dgm:constr type="tMarg" refType="primFontSz" fact="0.2"/>
                          <dgm:constr type="bMarg" refType="primFontSz" fact="0.2"/>
                          <dgm:constr type="lMarg" refType="primFontSz" fact="0.2"/>
                          <dgm:constr type="rMarg" refType="primFontSz" fact="0.2"/>
                        </dgm:constrLst>
                        <dgm:ruleLst>
                          <dgm:rule type="primFontSz" val="5" fact="NaN" max="NaN"/>
                        </dgm:ruleLst>
                      </dgm:layoutNode>
                    </dgm:forEach>
                  </dgm:forEach>
                </dgm:forEach>
              </dgm:layoutNode>
              <dgm:forEach name="Name455" axis="ch" ptType="parTrans" st="7" cnt="1">
                <dgm:layoutNode name="Name456">
                  <dgm:alg type="conn">
                    <dgm:param type="dim" val="1D"/>
                    <dgm:param type="begPts" val="auto"/>
                    <dgm:param type="endPts" val="auto"/>
                    <dgm:param type="endSty" val="noArr"/>
                    <dgm:param type="srcNode" val="textCenter"/>
                    <dgm:param type="dstNode" val="childCenter7"/>
                  </dgm:alg>
                  <dgm:shape xmlns:r="http://schemas.openxmlformats.org/officeDocument/2006/relationships" type="conn" r:blip="" zOrderOff="-999">
                    <dgm:adjLst/>
                  </dgm:shape>
                  <dgm:presOf axis="self"/>
                  <dgm:constrLst>
                    <dgm:constr type="h"/>
                    <dgm:constr type="begPad"/>
                    <dgm:constr type="endPad"/>
                  </dgm:constrLst>
                </dgm:layoutNode>
              </dgm:forEach>
            </dgm:if>
            <dgm:else name="Name457"/>
          </dgm:choose>
        </dgm:else>
      </dgm:choose>
    </dgm:forEach>
  </dgm:layoutNode>
</dgm:layoutDef>
</file>

<file path=ppt/diagrams/layout8.xml><?xml version="1.0" encoding="utf-8"?>
<dgm:layoutDef xmlns:dgm="http://schemas.openxmlformats.org/drawingml/2006/diagram" xmlns:a="http://schemas.openxmlformats.org/drawingml/2006/main" uniqueId="urn:microsoft.com/office/officeart/2005/8/layout/target1">
  <dgm:title val=""/>
  <dgm:desc val=""/>
  <dgm:catLst>
    <dgm:cat type="relationship" pri="25000"/>
    <dgm:cat type="convert" pri="2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ite">
    <dgm:varLst>
      <dgm:chMax val="5"/>
      <dgm:dir/>
      <dgm:resizeHandles val="exact"/>
    </dgm:varLst>
    <dgm:alg type="composite">
      <dgm:param type="ar" val="1.25"/>
    </dgm:alg>
    <dgm:shape xmlns:r="http://schemas.openxmlformats.org/officeDocument/2006/relationships" r:blip="">
      <dgm:adjLst/>
    </dgm:shape>
    <dgm:presOf/>
    <dgm:choose name="Name0">
      <dgm:if name="Name1" func="var" arg="dir" op="equ" val="norm">
        <dgm:choose name="Name2">
          <dgm:if name="Name3" axis="ch" ptType="node" func="cnt" op="equ" val="0">
            <dgm:constrLst/>
          </dgm:if>
          <dgm:if name="Name4" axis="ch" ptType="node" func="cnt" op="equ" val="1">
            <dgm:constrLst>
              <dgm:constr type="primFontSz" for="des" ptType="node" op="equ" val="65"/>
              <dgm:constr type="w" for="ch" forName="circle1" refType="w" fact="0.6"/>
              <dgm:constr type="h" for="ch" forName="circle1" refType="w" refFor="ch" refForName="circle1"/>
              <dgm:constr type="ctrX" for="ch" forName="circle1" refType="w" fact="0.3"/>
              <dgm:constr type="ctrY" for="ch" forName="circle1" refType="h" fact="0.625"/>
              <dgm:constr type="w" for="ch" forName="text1" refType="w" fact="0.3"/>
              <dgm:constr type="h" for="ch" forName="text1" refType="h" fact="0.3125"/>
              <dgm:constr type="r" for="ch" forName="text1" refType="w"/>
              <dgm:constr type="t" for="ch" forName="text1"/>
              <dgm:constr type="l" for="ch" forName="line1" refType="w" fact="0.625"/>
              <dgm:constr type="ctrY" for="ch" forName="line1" refType="ctrY" refFor="ch" refForName="text1"/>
              <dgm:constr type="r" for="ch" forName="line1" refType="l" refFor="ch" refForName="text1"/>
              <dgm:constr type="h" for="ch" forName="line1"/>
              <dgm:constr type="l" for="ch" forName="d1" refType="w" fact="0.3"/>
              <dgm:constr type="b" for="ch" forName="d1" refType="h" fact="0.625"/>
              <dgm:constr type="w" for="ch" forName="d1" refType="w" fact="0.32475"/>
              <dgm:constr type="h" for="ch" forName="d1" refType="h" fact="0.469"/>
            </dgm:constrLst>
          </dgm:if>
          <dgm:if name="Name5" axis="ch" ptType="node" func="cnt" op="equ" val="2">
            <dgm:constrLst>
              <dgm:constr type="primFontSz" for="des" ptType="node" op="equ" val="65"/>
              <dgm:constr type="w" for="ch" forName="circle1" refType="w" fact="0.2"/>
              <dgm:constr type="h" for="ch" forName="circle1" refType="w" refFor="ch" refForName="circle1"/>
              <dgm:constr type="ctrX" for="ch" forName="circle1" refType="w" fact="0.3"/>
              <dgm:constr type="ctrY" for="ch" forName="circle1" refType="h" fact="0.625"/>
              <dgm:constr type="w" for="ch" forName="text1" refType="w" fact="0.3"/>
              <dgm:constr type="h" for="ch" forName="text1" refType="h" fact="0.3125"/>
              <dgm:constr type="r" for="ch" forName="text1" refType="w"/>
              <dgm:constr type="t" for="ch" forName="text1"/>
              <dgm:constr type="l" for="ch" forName="line1" refType="w" fact="0.625"/>
              <dgm:constr type="ctrY" for="ch" forName="line1" refType="ctrY" refFor="ch" refForName="text1"/>
              <dgm:constr type="w" for="ch" forName="line1" refType="w" fact="0.075"/>
              <dgm:constr type="h" for="ch" forName="line1"/>
              <dgm:constr type="l" for="ch" forName="d1" refType="w" fact="0.3"/>
              <dgm:constr type="b" for="ch" forName="d1" refType="h" fact="0.625"/>
              <dgm:constr type="w" for="ch" forName="d1" refType="w" fact="0.32475"/>
              <dgm:constr type="h" for="ch" forName="d1" refType="h" fact="0.469"/>
              <dgm:constr type="w" for="ch" forName="circle2" refType="w" fact="0.6"/>
              <dgm:constr type="h" for="ch" forName="circle2" refType="w" refFor="ch" refForName="circle2"/>
              <dgm:constr type="ctrX" for="ch" forName="circle2" refType="w" fact="0.3"/>
              <dgm:constr type="ctrY" for="ch" forName="circle2" refType="h" fact="0.625"/>
              <dgm:constr type="w" for="ch" forName="text2" refType="w" fact="0.3"/>
              <dgm:constr type="h" for="ch" forName="text2" refType="h" fact="0.3125"/>
              <dgm:constr type="r" for="ch" forName="text2" refType="w"/>
              <dgm:constr type="t" for="ch" forName="text2" refType="b" refFor="ch" refForName="text1"/>
              <dgm:constr type="l" for="ch" forName="line2" refType="w" fact="0.625"/>
              <dgm:constr type="ctrY" for="ch" forName="line2" refType="ctrY" refFor="ch" refForName="text2"/>
              <dgm:constr type="w" for="ch" forName="line2" refType="w" fact="0.075"/>
              <dgm:constr type="h" for="ch" forName="line2"/>
              <dgm:constr type="l" for="ch" forName="d2" refType="w" fact="0.44325"/>
              <dgm:constr type="b" for="ch" forName="d2" refType="h" fact="0.7975"/>
              <dgm:constr type="w" for="ch" forName="d2" refType="w" fact="0.1815"/>
              <dgm:constr type="h" for="ch" forName="d2" refType="h" fact="0.3283"/>
            </dgm:constrLst>
          </dgm:if>
          <dgm:if name="Name6" axis="ch" ptType="node" func="cnt" op="equ" val="3">
            <dgm:constrLst>
              <dgm:constr type="primFontSz" for="des" ptType="node" op="equ" val="65"/>
              <dgm:constr type="w" for="ch" forName="circle1" refType="w" fact="0.12"/>
              <dgm:constr type="h" for="ch" forName="circle1" refType="w" refFor="ch" refForName="circle1"/>
              <dgm:constr type="ctrX" for="ch" forName="circle1" refType="w" fact="0.3"/>
              <dgm:constr type="ctrY" for="ch" forName="circle1" refType="h" fact="0.625"/>
              <dgm:constr type="w" for="ch" forName="text1" refType="w" fact="0.3"/>
              <dgm:constr type="h" for="ch" forName="text1" refType="h" fact="0.21875"/>
              <dgm:constr type="r" for="ch" forName="text1" refType="w"/>
              <dgm:constr type="t" for="ch" forName="text1"/>
              <dgm:constr type="l" for="ch" forName="line1" refType="w" fact="0.625"/>
              <dgm:constr type="ctrY" for="ch" forName="line1" refType="ctrY" refFor="ch" refForName="text1"/>
              <dgm:constr type="w" for="ch" forName="line1" refType="w" fact="0.075"/>
              <dgm:constr type="h" for="ch" forName="line1"/>
              <dgm:constr type="l" for="ch" forName="d1" refType="w" fact="0.3"/>
              <dgm:constr type="b" for="ch" forName="d1" refType="h" fact="0.625"/>
              <dgm:constr type="w" for="ch" forName="d1" refType="w" fact="0.3247"/>
              <dgm:constr type="h" for="ch" forName="d1" refType="h" fact="0.5155"/>
              <dgm:constr type="w" for="ch" forName="circle2" refType="w" fact="0.36"/>
              <dgm:constr type="h" for="ch" forName="circle2" refType="w" refFor="ch" refForName="circle2"/>
              <dgm:constr type="ctrX" for="ch" forName="circle2" refType="w" fact="0.3"/>
              <dgm:constr type="ctrY" for="ch" forName="circle2" refType="h" fact="0.625"/>
              <dgm:constr type="w" for="ch" forName="text2" refType="w" fact="0.3"/>
              <dgm:constr type="h" for="ch" forName="text2" refType="h" fact="0.21875"/>
              <dgm:constr type="r" for="ch" forName="text2" refType="w"/>
              <dgm:constr type="t" for="ch" forName="text2" refType="b" refFor="ch" refForName="text1"/>
              <dgm:constr type="l" for="ch" forName="line2" refType="w" fact="0.625"/>
              <dgm:constr type="ctrY" for="ch" forName="line2" refType="ctrY" refFor="ch" refForName="text2"/>
              <dgm:constr type="w" for="ch" forName="line2" refType="w" fact="0.075"/>
              <dgm:constr type="h" for="ch" forName="line2"/>
              <dgm:constr type="l" for="ch" forName="d2" refType="w" fact="0.386"/>
              <dgm:constr type="b" for="ch" forName="d2" refType="h" fact="0.72969"/>
              <dgm:constr type="w" for="ch" forName="d2" refType="w" fact="0.2387"/>
              <dgm:constr type="h" for="ch" forName="d2" refType="h" fact="0.4017"/>
              <dgm:constr type="w" for="ch" forName="circle3" refType="w" fact="0.6"/>
              <dgm:constr type="h" for="ch" forName="circle3" refType="w" refFor="ch" refForName="circle3"/>
              <dgm:constr type="ctrX" for="ch" forName="circle3" refType="ctrX" refFor="ch" refForName="circle1"/>
              <dgm:constr type="ctrY" for="ch" forName="circle3" refType="ctrY" refFor="ch" refForName="circle1"/>
              <dgm:constr type="w" for="ch" forName="text3" refType="w" fact="0.3"/>
              <dgm:constr type="h" for="ch" forName="text3" refType="h" fact="0.21875"/>
              <dgm:constr type="r" for="ch" forName="text3" refType="w"/>
              <dgm:constr type="t" for="ch" forName="text3" refType="b" refFor="ch" refForName="text2"/>
              <dgm:constr type="l" for="ch" forName="line3" refType="w" fact="0.625"/>
              <dgm:constr type="ctrY" for="ch" forName="line3" refType="ctrY" refFor="ch" refForName="text3"/>
              <dgm:constr type="w" for="ch" forName="line3" refType="w" fact="0.075"/>
              <dgm:constr type="h" for="ch" forName="line3"/>
              <dgm:constr type="l" for="ch" forName="d3" refType="w" fact="0.47175"/>
              <dgm:constr type="b" for="ch" forName="d3" refType="h" fact="0.83375"/>
              <dgm:constr type="w" for="ch" forName="d3" refType="w" fact="0.1527"/>
              <dgm:constr type="h" for="ch" forName="d3" refType="h" fact="0.287"/>
            </dgm:constrLst>
          </dgm:if>
          <dgm:if name="Name7" axis="ch" ptType="node" func="cnt" op="equ" val="4">
            <dgm:constrLst>
              <dgm:constr type="primFontSz" for="des" ptType="node" op="equ" val="65"/>
              <dgm:constr type="w" for="ch" forName="circle1" refType="w" fact="0.0857"/>
              <dgm:constr type="h" for="ch" forName="circle1" refType="w" refFor="ch" refForName="circle1"/>
              <dgm:constr type="ctrX" for="ch" forName="circle1" refType="w" fact="0.3"/>
              <dgm:constr type="ctrY" for="ch" forName="circle1" refType="h" fact="0.625"/>
              <dgm:constr type="w" for="ch" forName="text1" refType="w" fact="0.3"/>
              <dgm:constr type="h" for="ch" forName="text1" refType="h" fact="0.17938"/>
              <dgm:constr type="r" for="ch" forName="text1" refType="w"/>
              <dgm:constr type="t" for="ch" forName="text1"/>
              <dgm:constr type="l" for="ch" forName="line1" refType="w" fact="0.625"/>
              <dgm:constr type="ctrY" for="ch" forName="line1" refType="ctrY" refFor="ch" refForName="text1"/>
              <dgm:constr type="w" for="ch" forName="line1" refType="w" fact="0.075"/>
              <dgm:constr type="h" for="ch" forName="line1"/>
              <dgm:constr type="l" for="ch" forName="d1" refType="w" fact="0.295"/>
              <dgm:constr type="b" for="ch" forName="d1" refType="h" fact="0.62"/>
              <dgm:constr type="w" for="ch" forName="d1" refType="w" fact="0.33"/>
              <dgm:constr type="h" for="ch" forName="d1" refType="h" fact="0.53"/>
              <dgm:constr type="w" for="ch" forName="circle2" refType="w" fact="0.2571"/>
              <dgm:constr type="h" for="ch" forName="circle2" refType="w" refFor="ch" refForName="circle2"/>
              <dgm:constr type="ctrX" for="ch" forName="circle2" refType="w" fact="0.3"/>
              <dgm:constr type="ctrY" for="ch" forName="circle2" refType="h" fact="0.625"/>
              <dgm:constr type="w" for="ch" forName="text2" refType="w" fact="0.3"/>
              <dgm:constr type="h" for="ch" forName="text2" refType="h" fact="0.17938"/>
              <dgm:constr type="r" for="ch" forName="text2" refType="w"/>
              <dgm:constr type="t" for="ch" forName="text2" refType="b" refFor="ch" refForName="text1"/>
              <dgm:constr type="l" for="ch" forName="line2" refType="w" fact="0.625"/>
              <dgm:constr type="ctrY" for="ch" forName="line2" refType="ctrY" refFor="ch" refForName="text2"/>
              <dgm:constr type="w" for="ch" forName="line2" refType="w" fact="0.075"/>
              <dgm:constr type="h" for="ch" forName="line2"/>
              <dgm:constr type="l" for="ch" forName="d2" refType="w" fact="0.36625"/>
              <dgm:constr type="b" for="ch" forName="d2" refType="h" fact="0.70438"/>
              <dgm:constr type="w" for="ch" forName="d2" refType="w" fact="0.2585"/>
              <dgm:constr type="h" for="ch" forName="d2" refType="h" fact="0.43525"/>
              <dgm:constr type="w" for="ch" forName="circle3" refType="w" fact="0.4285"/>
              <dgm:constr type="h" for="ch" forName="circle3" refType="w" refFor="ch" refForName="circle3"/>
              <dgm:constr type="ctrX" for="ch" forName="circle3" refType="ctrX" refFor="ch" refForName="circle1"/>
              <dgm:constr type="ctrY" for="ch" forName="circle3" refType="ctrY" refFor="ch" refForName="circle1"/>
              <dgm:constr type="w" for="ch" forName="text3" refType="w" fact="0.3"/>
              <dgm:constr type="h" for="ch" forName="text3" refType="h" fact="0.17938"/>
              <dgm:constr type="r" for="ch" forName="text3" refType="w"/>
              <dgm:constr type="t" for="ch" forName="text3" refType="b" refFor="ch" refForName="text2"/>
              <dgm:constr type="l" for="ch" forName="line3" refType="w" fact="0.625"/>
              <dgm:constr type="ctrY" for="ch" forName="line3" refType="ctrY" refFor="ch" refForName="text3"/>
              <dgm:constr type="w" for="ch" forName="line3" refType="w" fact="0.075"/>
              <dgm:constr type="h" for="ch" forName="line3"/>
              <dgm:constr type="l" for="ch" forName="d3" refType="w" fact="0.4255"/>
              <dgm:constr type="b" for="ch" forName="d3" refType="h" fact="0.78031"/>
              <dgm:constr type="w" for="ch" forName="d3" refType="w" fact="0.1995"/>
              <dgm:constr type="h" for="ch" forName="d3" refType="h" fact="0.332"/>
              <dgm:constr type="w" for="ch" forName="circle4" refType="w" fact="0.6"/>
              <dgm:constr type="h" for="ch" forName="circle4" refType="w" refFor="ch" refForName="circle4"/>
              <dgm:constr type="ctrX" for="ch" forName="circle4" refType="ctrX" refFor="ch" refForName="circle1"/>
              <dgm:constr type="ctrY" for="ch" forName="circle4" refType="ctrY" refFor="ch" refForName="circle1"/>
              <dgm:constr type="w" for="ch" forName="text4" refType="w" fact="0.3"/>
              <dgm:constr type="h" for="ch" forName="text4" refType="h" fact="0.17938"/>
              <dgm:constr type="r" for="ch" forName="text4" refType="w"/>
              <dgm:constr type="t" for="ch" forName="text4" refType="b" refFor="ch" refForName="text3"/>
              <dgm:constr type="l" for="ch" forName="line4" refType="w" fact="0.625"/>
              <dgm:constr type="ctrY" for="ch" forName="line4" refType="ctrY" refFor="ch" refForName="text4"/>
              <dgm:constr type="w" for="ch" forName="line4" refType="w" fact="0.075"/>
              <dgm:constr type="h" for="ch" forName="line4"/>
              <dgm:constr type="l" for="ch" forName="d4" refType="w" fact="0.48525"/>
              <dgm:constr type="b" for="ch" forName="d4" refType="h" fact="0.85594"/>
              <dgm:constr type="w" for="ch" forName="d4" refType="w" fact="0.1394"/>
              <dgm:constr type="h" for="ch" forName="d4" refType="h" fact="0.2282"/>
            </dgm:constrLst>
          </dgm:if>
          <dgm:if name="Name8" axis="ch" ptType="node" func="cnt" op="gte" val="5">
            <dgm:constrLst>
              <dgm:constr type="primFontSz" for="des" ptType="node" op="equ" val="65"/>
              <dgm:constr type="w" for="ch" forName="circle1" refType="w" fact="0.0667"/>
              <dgm:constr type="h" for="ch" forName="circle1" refType="w" refFor="ch" refForName="circle1"/>
              <dgm:constr type="ctrX" for="ch" forName="circle1" refType="w" fact="0.3"/>
              <dgm:constr type="ctrY" for="ch" forName="circle1" refType="h" fact="0.625"/>
              <dgm:constr type="w" for="ch" forName="text1" refType="w" fact="0.3"/>
              <dgm:constr type="h" for="ch" forName="text1" refType="h" fact="0.1324"/>
              <dgm:constr type="r" for="ch" forName="text1" refType="w"/>
              <dgm:constr type="ctrY" for="ch" forName="text1" refType="h" fact="0.13"/>
              <dgm:constr type="l" for="ch" forName="line1" refType="w" fact="0.625"/>
              <dgm:constr type="ctrY" for="ch" forName="line1" refType="ctrY" refFor="ch" refForName="text1"/>
              <dgm:constr type="w" for="ch" forName="line1" refType="w" fact="0.075"/>
              <dgm:constr type="h" for="ch" forName="line1"/>
              <dgm:constr type="l" for="ch" forName="d1" refType="w" fact="0.3"/>
              <dgm:constr type="b" for="ch" forName="d1" refType="h" fact="0.625"/>
              <dgm:constr type="w" for="ch" forName="d1" refType="w" fact="0.3245"/>
              <dgm:constr type="h" for="ch" forName="d1" refType="h" fact="0.495"/>
              <dgm:constr type="w" for="ch" forName="circle2" refType="w" fact="0.2"/>
              <dgm:constr type="h" for="ch" forName="circle2" refType="w" refFor="ch" refForName="circle2"/>
              <dgm:constr type="ctrX" for="ch" forName="circle2" refType="w" fact="0.3"/>
              <dgm:constr type="ctrY" for="ch" forName="circle2" refType="h" fact="0.625"/>
              <dgm:constr type="w" for="ch" forName="text2" refType="w" fact="0.3"/>
              <dgm:constr type="h" for="ch" forName="text2" refType="h" fact="0.1324"/>
              <dgm:constr type="r" for="ch" forName="text2" refType="w"/>
              <dgm:constr type="ctrY" for="ch" forName="text2" refType="h" fact="0.27"/>
              <dgm:constr type="l" for="ch" forName="line2" refType="w" fact="0.625"/>
              <dgm:constr type="ctrY" for="ch" forName="line2" refType="ctrY" refFor="ch" refForName="text2"/>
              <dgm:constr type="w" for="ch" forName="line2" refType="w" fact="0.075"/>
              <dgm:constr type="h" for="ch" forName="line2"/>
              <dgm:constr type="l" for="ch" forName="d2" refType="w" fact="0.3498"/>
              <dgm:constr type="b" for="ch" forName="d2" refType="h" fact="0.682"/>
              <dgm:constr type="w" for="ch" forName="d2" refType="w" fact="0.275"/>
              <dgm:constr type="h" for="ch" forName="d2" refType="h" fact="0.41215"/>
              <dgm:constr type="w" for="ch" forName="circle3" refType="w" fact="0.3334"/>
              <dgm:constr type="h" for="ch" forName="circle3" refType="w" refFor="ch" refForName="circle3"/>
              <dgm:constr type="ctrX" for="ch" forName="circle3" refType="ctrX" refFor="ch" refForName="circle1"/>
              <dgm:constr type="ctrY" for="ch" forName="circle3" refType="ctrY" refFor="ch" refForName="circle1"/>
              <dgm:constr type="w" for="ch" forName="text3" refType="w" fact="0.3"/>
              <dgm:constr type="h" for="ch" forName="text3" refType="h" fact="0.1324"/>
              <dgm:constr type="r" for="ch" forName="text3" refType="w"/>
              <dgm:constr type="ctrY" for="ch" forName="text3" refType="h" fact="0.41"/>
              <dgm:constr type="l" for="ch" forName="line3" refType="w" fact="0.625"/>
              <dgm:constr type="ctrY" for="ch" forName="line3" refType="ctrY" refFor="ch" refForName="text3"/>
              <dgm:constr type="w" for="ch" forName="line3" refType="w" fact="0.075"/>
              <dgm:constr type="h" for="ch" forName="line3"/>
              <dgm:constr type="l" for="ch" forName="d3" refType="w" fact="0.394"/>
              <dgm:constr type="b" for="ch" forName="d3" refType="h" fact="0.735"/>
              <dgm:constr type="w" for="ch" forName="d3" refType="w" fact="0.231"/>
              <dgm:constr type="h" for="ch" forName="d3" refType="h" fact="0.325"/>
              <dgm:constr type="w" for="ch" forName="circle4" refType="w" fact="0.4667"/>
              <dgm:constr type="h" for="ch" forName="circle4" refType="w" refFor="ch" refForName="circle4"/>
              <dgm:constr type="ctrX" for="ch" forName="circle4" refType="ctrX" refFor="ch" refForName="circle1"/>
              <dgm:constr type="ctrY" for="ch" forName="circle4" refType="ctrY" refFor="ch" refForName="circle1"/>
              <dgm:constr type="w" for="ch" forName="text4" refType="w" fact="0.3"/>
              <dgm:constr type="h" for="ch" forName="text4" refType="h" fact="0.1324"/>
              <dgm:constr type="r" for="ch" forName="text4" refType="w"/>
              <dgm:constr type="ctrY" for="ch" forName="text4" refType="h" fact="0.547"/>
              <dgm:constr type="l" for="ch" forName="line4" refType="w" fact="0.625"/>
              <dgm:constr type="ctrY" for="ch" forName="line4" refType="ctrY" refFor="ch" refForName="text4"/>
              <dgm:constr type="w" for="ch" forName="line4" refType="w" fact="0.075"/>
              <dgm:constr type="h" for="ch" forName="line4"/>
              <dgm:constr type="l" for="ch" forName="d4" refType="w" fact="0.446"/>
              <dgm:constr type="b" for="ch" forName="d4" refType="h" fact="0.795"/>
              <dgm:constr type="w" for="ch" forName="d4" refType="w" fact="0.179"/>
              <dgm:constr type="h" for="ch" forName="d4" refType="h" fact="0.248"/>
              <dgm:constr type="w" for="ch" forName="circle5" refType="w" fact="0.6"/>
              <dgm:constr type="h" for="ch" forName="circle5" refType="w" refFor="ch" refForName="circle5"/>
              <dgm:constr type="ctrX" for="ch" forName="circle5" refType="ctrX" refFor="ch" refForName="circle1"/>
              <dgm:constr type="ctrY" for="ch" forName="circle5" refType="ctrY" refFor="ch" refForName="circle1"/>
              <dgm:constr type="w" for="ch" forName="text5" refType="w" fact="0.3"/>
              <dgm:constr type="h" for="ch" forName="text5" refType="h" fact="0.1324"/>
              <dgm:constr type="r" for="ch" forName="text5" refType="w"/>
              <dgm:constr type="ctrY" for="ch" forName="text5" refType="h" fact="0.68"/>
              <dgm:constr type="l" for="ch" forName="line5" refType="w" fact="0.625"/>
              <dgm:constr type="ctrY" for="ch" forName="line5" refType="ctrY" refFor="ch" refForName="text5"/>
              <dgm:constr type="w" for="ch" forName="line5" refType="w" fact="0.075"/>
              <dgm:constr type="h" for="ch" forName="line5"/>
              <dgm:constr type="l" for="ch" forName="d5" refType="w" fact="0.495"/>
              <dgm:constr type="b" for="ch" forName="d5" refType="h" fact="0.855"/>
              <dgm:constr type="w" for="ch" forName="d5" refType="w" fact="0.13"/>
              <dgm:constr type="h" for="ch" forName="d5" refType="h" fact="0.175"/>
            </dgm:constrLst>
          </dgm:if>
          <dgm:else name="Name9"/>
        </dgm:choose>
      </dgm:if>
      <dgm:else name="Name10">
        <dgm:choose name="Name11">
          <dgm:if name="Name12" axis="ch" ptType="node" func="cnt" op="equ" val="0">
            <dgm:constrLst/>
          </dgm:if>
          <dgm:if name="Name13" axis="ch" ptType="node" func="cnt" op="equ" val="1">
            <dgm:constrLst>
              <dgm:constr type="primFontSz" for="des" ptType="node" op="equ" val="65"/>
              <dgm:constr type="w" for="ch" forName="circle1" refType="w" fact="0.6"/>
              <dgm:constr type="h" for="ch" forName="circle1" refType="w" refFor="ch" refForName="circle1"/>
              <dgm:constr type="ctrX" for="ch" forName="circle1" refType="w" fact="0.7"/>
              <dgm:constr type="ctrY" for="ch" forName="circle1" refType="h" fact="0.625"/>
              <dgm:constr type="w" for="ch" forName="text1" refType="w" fact="0.3"/>
              <dgm:constr type="h" for="ch" forName="text1" refType="h" fact="0.3125"/>
              <dgm:constr type="l" for="ch" forName="text1"/>
              <dgm:constr type="t" for="ch" forName="text1"/>
              <dgm:constr type="l" for="ch" forName="line1" refType="r" refFor="ch" refForName="text1"/>
              <dgm:constr type="ctrY" for="ch" forName="line1" refType="ctrY" refFor="ch" refForName="text1"/>
              <dgm:constr type="r" for="ch" forName="line1" refType="w" fact="0.375"/>
              <dgm:constr type="h" for="ch" forName="line1"/>
              <dgm:constr type="r" for="ch" forName="d1" refType="w" fact="0.7"/>
              <dgm:constr type="b" for="ch" forName="d1" refType="h" fact="0.625"/>
              <dgm:constr type="w" for="ch" forName="d1" refType="w" fact="0.32475"/>
              <dgm:constr type="h" for="ch" forName="d1" refType="h" fact="0.469"/>
            </dgm:constrLst>
          </dgm:if>
          <dgm:if name="Name14" axis="ch" ptType="node" func="cnt" op="equ" val="2">
            <dgm:constrLst>
              <dgm:constr type="primFontSz" for="des" ptType="node" op="equ" val="65"/>
              <dgm:constr type="w" for="ch" forName="circle1" refType="w" fact="0.2"/>
              <dgm:constr type="h" for="ch" forName="circle1" refType="w" refFor="ch" refForName="circle1"/>
              <dgm:constr type="ctrX" for="ch" forName="circle1" refType="w" fact="0.7"/>
              <dgm:constr type="ctrY" for="ch" forName="circle1" refType="h" fact="0.625"/>
              <dgm:constr type="w" for="ch" forName="text1" refType="w" fact="0.3"/>
              <dgm:constr type="h" for="ch" forName="text1" refType="h" fact="0.3125"/>
              <dgm:constr type="l" for="ch" forName="text1"/>
              <dgm:constr type="t" for="ch" forName="text1"/>
              <dgm:constr type="l" for="ch" forName="line1" refType="r" refFor="ch" refForName="text1"/>
              <dgm:constr type="ctrY" for="ch" forName="line1" refType="ctrY" refFor="ch" refForName="text1"/>
              <dgm:constr type="r" for="ch" forName="line1" refType="w" fact="0.375"/>
              <dgm:constr type="h" for="ch" forName="line1"/>
              <dgm:constr type="r" for="ch" forName="d1" refType="w" fact="0.7"/>
              <dgm:constr type="b" for="ch" forName="d1" refType="h" fact="0.625"/>
              <dgm:constr type="w" for="ch" forName="d1" refType="w" fact="0.32475"/>
              <dgm:constr type="h" for="ch" forName="d1" refType="h" fact="0.469"/>
              <dgm:constr type="w" for="ch" forName="circle2" refType="w" fact="0.6"/>
              <dgm:constr type="h" for="ch" forName="circle2" refType="w" refFor="ch" refForName="circle2"/>
              <dgm:constr type="ctrX" for="ch" forName="circle2" refType="w" fact="0.7"/>
              <dgm:constr type="ctrY" for="ch" forName="circle2" refType="h" fact="0.625"/>
              <dgm:constr type="w" for="ch" forName="text2" refType="w" fact="0.3"/>
              <dgm:constr type="h" for="ch" forName="text2" refType="h" fact="0.3125"/>
              <dgm:constr type="l" for="ch" forName="text2"/>
              <dgm:constr type="t" for="ch" forName="text2" refType="b" refFor="ch" refForName="text1"/>
              <dgm:constr type="l" for="ch" forName="line2" refType="r" refFor="ch" refForName="text2"/>
              <dgm:constr type="ctrY" for="ch" forName="line2" refType="ctrY" refFor="ch" refForName="text2"/>
              <dgm:constr type="r" for="ch" forName="line2" refType="w" fact="0.375"/>
              <dgm:constr type="h" for="ch" forName="line2"/>
              <dgm:constr type="r" for="ch" forName="d2" refType="w" fact="0.55675"/>
              <dgm:constr type="b" for="ch" forName="d2" refType="h" fact="0.7975"/>
              <dgm:constr type="w" for="ch" forName="d2" refType="w" fact="0.1815"/>
              <dgm:constr type="h" for="ch" forName="d2" refType="h" fact="0.3283"/>
            </dgm:constrLst>
          </dgm:if>
          <dgm:if name="Name15" axis="ch" ptType="node" func="cnt" op="equ" val="3">
            <dgm:constrLst>
              <dgm:constr type="primFontSz" for="des" ptType="node" op="equ" val="65"/>
              <dgm:constr type="w" for="ch" forName="circle1" refType="w" fact="0.12"/>
              <dgm:constr type="h" for="ch" forName="circle1" refType="w" refFor="ch" refForName="circle1"/>
              <dgm:constr type="ctrX" for="ch" forName="circle1" refType="w" fact="0.7"/>
              <dgm:constr type="ctrY" for="ch" forName="circle1" refType="h" fact="0.625"/>
              <dgm:constr type="w" for="ch" forName="text1" refType="w" fact="0.3"/>
              <dgm:constr type="h" for="ch" forName="text1" refType="h" fact="0.21875"/>
              <dgm:constr type="l" for="ch" forName="text1"/>
              <dgm:constr type="t" for="ch" forName="text1"/>
              <dgm:constr type="l" for="ch" forName="line1" refType="r" refFor="ch" refForName="text1"/>
              <dgm:constr type="ctrY" for="ch" forName="line1" refType="ctrY" refFor="ch" refForName="text1"/>
              <dgm:constr type="r" for="ch" forName="line1" refType="w" fact="0.375"/>
              <dgm:constr type="h" for="ch" forName="line1"/>
              <dgm:constr type="r" for="ch" forName="d1" refType="w" fact="0.7"/>
              <dgm:constr type="b" for="ch" forName="d1" refType="h" fact="0.625"/>
              <dgm:constr type="w" for="ch" forName="d1" refType="w" fact="0.3247"/>
              <dgm:constr type="h" for="ch" forName="d1" refType="h" fact="0.5155"/>
              <dgm:constr type="w" for="ch" forName="circle2" refType="w" fact="0.36"/>
              <dgm:constr type="h" for="ch" forName="circle2" refType="w" refFor="ch" refForName="circle2"/>
              <dgm:constr type="ctrX" for="ch" forName="circle2" refType="w" fact="0.7"/>
              <dgm:constr type="ctrY" for="ch" forName="circle2" refType="h" fact="0.625"/>
              <dgm:constr type="w" for="ch" forName="text2" refType="w" fact="0.3"/>
              <dgm:constr type="h" for="ch" forName="text2" refType="h" fact="0.21875"/>
              <dgm:constr type="l" for="ch" forName="text2"/>
              <dgm:constr type="t" for="ch" forName="text2" refType="b" refFor="ch" refForName="text1"/>
              <dgm:constr type="l" for="ch" forName="line2" refType="r" refFor="ch" refForName="text2"/>
              <dgm:constr type="ctrY" for="ch" forName="line2" refType="ctrY" refFor="ch" refForName="text2"/>
              <dgm:constr type="r" for="ch" forName="line2" refType="w" fact="0.375"/>
              <dgm:constr type="h" for="ch" forName="line2"/>
              <dgm:constr type="r" for="ch" forName="d2" refType="w" fact="0.614"/>
              <dgm:constr type="b" for="ch" forName="d2" refType="h" fact="0.72969"/>
              <dgm:constr type="w" for="ch" forName="d2" refType="w" fact="0.2387"/>
              <dgm:constr type="h" for="ch" forName="d2" refType="h" fact="0.4017"/>
              <dgm:constr type="w" for="ch" forName="circle3" refType="w" fact="0.6"/>
              <dgm:constr type="h" for="ch" forName="circle3" refType="w" refFor="ch" refForName="circle3"/>
              <dgm:constr type="ctrX" for="ch" forName="circle3" refType="ctrX" refFor="ch" refForName="circle1"/>
              <dgm:constr type="ctrY" for="ch" forName="circle3" refType="ctrY" refFor="ch" refForName="circle1"/>
              <dgm:constr type="w" for="ch" forName="text3" refType="w" fact="0.3"/>
              <dgm:constr type="h" for="ch" forName="text3" refType="h" fact="0.21875"/>
              <dgm:constr type="l" for="ch" forName="text3"/>
              <dgm:constr type="t" for="ch" forName="text3" refType="b" refFor="ch" refForName="text2"/>
              <dgm:constr type="l" for="ch" forName="line3" refType="r" refFor="ch" refForName="text3"/>
              <dgm:constr type="ctrY" for="ch" forName="line3" refType="ctrY" refFor="ch" refForName="text3"/>
              <dgm:constr type="r" for="ch" forName="line3" refType="w" fact="0.375"/>
              <dgm:constr type="h" for="ch" forName="line3"/>
              <dgm:constr type="r" for="ch" forName="d3" refType="w" fact="0.52825"/>
              <dgm:constr type="b" for="ch" forName="d3" refType="h" fact="0.83375"/>
              <dgm:constr type="w" for="ch" forName="d3" refType="w" fact="0.1527"/>
              <dgm:constr type="h" for="ch" forName="d3" refType="h" fact="0.287"/>
            </dgm:constrLst>
          </dgm:if>
          <dgm:if name="Name16" axis="ch" ptType="node" func="cnt" op="equ" val="4">
            <dgm:constrLst>
              <dgm:constr type="primFontSz" for="des" ptType="node" op="equ" val="65"/>
              <dgm:constr type="w" for="ch" forName="circle1" refType="w" fact="0.0857"/>
              <dgm:constr type="h" for="ch" forName="circle1" refType="w" refFor="ch" refForName="circle1"/>
              <dgm:constr type="ctrX" for="ch" forName="circle1" refType="w" fact="0.7"/>
              <dgm:constr type="ctrY" for="ch" forName="circle1" refType="h" fact="0.625"/>
              <dgm:constr type="w" for="ch" forName="text1" refType="w" fact="0.3"/>
              <dgm:constr type="h" for="ch" forName="text1" refType="h" fact="0.17938"/>
              <dgm:constr type="l" for="ch" forName="text1"/>
              <dgm:constr type="t" for="ch" forName="text1"/>
              <dgm:constr type="l" for="ch" forName="line1" refType="r" refFor="ch" refForName="text1"/>
              <dgm:constr type="ctrY" for="ch" forName="line1" refType="ctrY" refFor="ch" refForName="text1"/>
              <dgm:constr type="r" for="ch" forName="line1" refType="w" fact="0.375"/>
              <dgm:constr type="h" for="ch" forName="line1"/>
              <dgm:constr type="r" for="ch" forName="d1" refType="w" fact="0.705"/>
              <dgm:constr type="b" for="ch" forName="d1" refType="h" fact="0.62"/>
              <dgm:constr type="w" for="ch" forName="d1" refType="w" fact="0.33"/>
              <dgm:constr type="h" for="ch" forName="d1" refType="h" fact="0.53"/>
              <dgm:constr type="w" for="ch" forName="circle2" refType="w" fact="0.2571"/>
              <dgm:constr type="h" for="ch" forName="circle2" refType="w" refFor="ch" refForName="circle2"/>
              <dgm:constr type="ctrX" for="ch" forName="circle2" refType="w" fact="0.7"/>
              <dgm:constr type="ctrY" for="ch" forName="circle2" refType="h" fact="0.625"/>
              <dgm:constr type="w" for="ch" forName="text2" refType="w" fact="0.3"/>
              <dgm:constr type="h" for="ch" forName="text2" refType="h" fact="0.17938"/>
              <dgm:constr type="l" for="ch" forName="text2"/>
              <dgm:constr type="t" for="ch" forName="text2" refType="b" refFor="ch" refForName="text1"/>
              <dgm:constr type="l" for="ch" forName="line2" refType="r" refFor="ch" refForName="text2"/>
              <dgm:constr type="ctrY" for="ch" forName="line2" refType="ctrY" refFor="ch" refForName="text2"/>
              <dgm:constr type="r" for="ch" forName="line2" refType="w" fact="0.375"/>
              <dgm:constr type="h" for="ch" forName="line2"/>
              <dgm:constr type="r" for="ch" forName="d2" refType="w" fact="0.63375"/>
              <dgm:constr type="b" for="ch" forName="d2" refType="h" fact="0.70438"/>
              <dgm:constr type="w" for="ch" forName="d2" refType="w" fact="0.2585"/>
              <dgm:constr type="h" for="ch" forName="d2" refType="h" fact="0.43525"/>
              <dgm:constr type="w" for="ch" forName="circle3" refType="w" fact="0.4285"/>
              <dgm:constr type="h" for="ch" forName="circle3" refType="w" refFor="ch" refForName="circle3"/>
              <dgm:constr type="ctrX" for="ch" forName="circle3" refType="ctrX" refFor="ch" refForName="circle1"/>
              <dgm:constr type="ctrY" for="ch" forName="circle3" refType="ctrY" refFor="ch" refForName="circle1"/>
              <dgm:constr type="w" for="ch" forName="text3" refType="w" fact="0.3"/>
              <dgm:constr type="h" for="ch" forName="text3" refType="h" fact="0.17938"/>
              <dgm:constr type="l" for="ch" forName="text3"/>
              <dgm:constr type="t" for="ch" forName="text3" refType="b" refFor="ch" refForName="text2"/>
              <dgm:constr type="l" for="ch" forName="line3" refType="r" refFor="ch" refForName="text3"/>
              <dgm:constr type="ctrY" for="ch" forName="line3" refType="ctrY" refFor="ch" refForName="text3"/>
              <dgm:constr type="r" for="ch" forName="line3" refType="w" fact="0.375"/>
              <dgm:constr type="h" for="ch" forName="line3"/>
              <dgm:constr type="r" for="ch" forName="d3" refType="w" fact="0.5745"/>
              <dgm:constr type="b" for="ch" forName="d3" refType="h" fact="0.78031"/>
              <dgm:constr type="w" for="ch" forName="d3" refType="w" fact="0.1995"/>
              <dgm:constr type="h" for="ch" forName="d3" refType="h" fact="0.332"/>
              <dgm:constr type="w" for="ch" forName="circle4" refType="w" fact="0.6"/>
              <dgm:constr type="h" for="ch" forName="circle4" refType="w" refFor="ch" refForName="circle4"/>
              <dgm:constr type="ctrX" for="ch" forName="circle4" refType="ctrX" refFor="ch" refForName="circle1"/>
              <dgm:constr type="ctrY" for="ch" forName="circle4" refType="ctrY" refFor="ch" refForName="circle1"/>
              <dgm:constr type="w" for="ch" forName="text4" refType="w" fact="0.3"/>
              <dgm:constr type="h" for="ch" forName="text4" refType="h" fact="0.17938"/>
              <dgm:constr type="l" for="ch" forName="text4"/>
              <dgm:constr type="t" for="ch" forName="text4" refType="b" refFor="ch" refForName="text3"/>
              <dgm:constr type="l" for="ch" forName="line4" refType="r" refFor="ch" refForName="text4"/>
              <dgm:constr type="ctrY" for="ch" forName="line4" refType="ctrY" refFor="ch" refForName="text4"/>
              <dgm:constr type="r" for="ch" forName="line4" refType="w" fact="0.375"/>
              <dgm:constr type="h" for="ch" forName="line4"/>
              <dgm:constr type="r" for="ch" forName="d4" refType="w" fact="0.51475"/>
              <dgm:constr type="b" for="ch" forName="d4" refType="h" fact="0.85594"/>
              <dgm:constr type="w" for="ch" forName="d4" refType="w" fact="0.1394"/>
              <dgm:constr type="h" for="ch" forName="d4" refType="h" fact="0.2282"/>
            </dgm:constrLst>
          </dgm:if>
          <dgm:if name="Name17" axis="ch" ptType="node" func="cnt" op="gte" val="5">
            <dgm:constrLst>
              <dgm:constr type="primFontSz" for="des" ptType="node" op="equ" val="65"/>
              <dgm:constr type="w" for="ch" forName="circle1" refType="w" fact="0.0667"/>
              <dgm:constr type="h" for="ch" forName="circle1" refType="w" refFor="ch" refForName="circle1"/>
              <dgm:constr type="ctrX" for="ch" forName="circle1" refType="w" fact="0.7"/>
              <dgm:constr type="ctrY" for="ch" forName="circle1" refType="h" fact="0.625"/>
              <dgm:constr type="w" for="ch" forName="text1" refType="w" fact="0.3"/>
              <dgm:constr type="h" for="ch" forName="text1" refType="h" fact="0.1324"/>
              <dgm:constr type="l" for="ch" forName="text1"/>
              <dgm:constr type="ctrY" for="ch" forName="text1" refType="h" fact="0.13"/>
              <dgm:constr type="l" for="ch" forName="line1" refType="r" refFor="ch" refForName="text1"/>
              <dgm:constr type="ctrY" for="ch" forName="line1" refType="ctrY" refFor="ch" refForName="text1"/>
              <dgm:constr type="r" for="ch" forName="line1" refType="w" fact="0.375"/>
              <dgm:constr type="h" for="ch" forName="line1"/>
              <dgm:constr type="r" for="ch" forName="d1" refType="w" fact="0.7"/>
              <dgm:constr type="b" for="ch" forName="d1" refType="h" fact="0.625"/>
              <dgm:constr type="w" for="ch" forName="d1" refType="w" fact="0.3245"/>
              <dgm:constr type="h" for="ch" forName="d1" refType="h" fact="0.495"/>
              <dgm:constr type="w" for="ch" forName="circle2" refType="w" fact="0.2"/>
              <dgm:constr type="h" for="ch" forName="circle2" refType="w" refFor="ch" refForName="circle2"/>
              <dgm:constr type="ctrX" for="ch" forName="circle2" refType="w" fact="0.7"/>
              <dgm:constr type="ctrY" for="ch" forName="circle2" refType="h" fact="0.625"/>
              <dgm:constr type="w" for="ch" forName="text2" refType="w" fact="0.3"/>
              <dgm:constr type="h" for="ch" forName="text2" refType="h" fact="0.1324"/>
              <dgm:constr type="l" for="ch" forName="text2"/>
              <dgm:constr type="ctrY" for="ch" forName="text2" refType="h" fact="0.27"/>
              <dgm:constr type="l" for="ch" forName="line2" refType="r" refFor="ch" refForName="text2"/>
              <dgm:constr type="ctrY" for="ch" forName="line2" refType="ctrY" refFor="ch" refForName="text2"/>
              <dgm:constr type="r" for="ch" forName="line2" refType="w" fact="0.375"/>
              <dgm:constr type="h" for="ch" forName="line2"/>
              <dgm:constr type="r" for="ch" forName="d2" refType="w" fact="0.6502"/>
              <dgm:constr type="b" for="ch" forName="d2" refType="h" fact="0.682"/>
              <dgm:constr type="w" for="ch" forName="d2" refType="w" fact="0.275"/>
              <dgm:constr type="h" for="ch" forName="d2" refType="h" fact="0.41215"/>
              <dgm:constr type="w" for="ch" forName="circle3" refType="w" fact="0.3334"/>
              <dgm:constr type="h" for="ch" forName="circle3" refType="w" refFor="ch" refForName="circle3"/>
              <dgm:constr type="ctrX" for="ch" forName="circle3" refType="ctrX" refFor="ch" refForName="circle1"/>
              <dgm:constr type="ctrY" for="ch" forName="circle3" refType="ctrY" refFor="ch" refForName="circle1"/>
              <dgm:constr type="w" for="ch" forName="text3" refType="w" fact="0.3"/>
              <dgm:constr type="h" for="ch" forName="text3" refType="h" fact="0.1324"/>
              <dgm:constr type="l" for="ch" forName="text3"/>
              <dgm:constr type="ctrY" for="ch" forName="text3" refType="h" fact="0.41"/>
              <dgm:constr type="l" for="ch" forName="line3" refType="r" refFor="ch" refForName="text3"/>
              <dgm:constr type="ctrY" for="ch" forName="line3" refType="ctrY" refFor="ch" refForName="text3"/>
              <dgm:constr type="r" for="ch" forName="line3" refType="w" fact="0.375"/>
              <dgm:constr type="h" for="ch" forName="line3"/>
              <dgm:constr type="r" for="ch" forName="d3" refType="w" fact="0.606"/>
              <dgm:constr type="b" for="ch" forName="d3" refType="h" fact="0.735"/>
              <dgm:constr type="w" for="ch" forName="d3" refType="w" fact="0.231"/>
              <dgm:constr type="h" for="ch" forName="d3" refType="h" fact="0.325"/>
              <dgm:constr type="w" for="ch" forName="circle4" refType="w" fact="0.4667"/>
              <dgm:constr type="h" for="ch" forName="circle4" refType="w" refFor="ch" refForName="circle4"/>
              <dgm:constr type="ctrX" for="ch" forName="circle4" refType="ctrX" refFor="ch" refForName="circle1"/>
              <dgm:constr type="ctrY" for="ch" forName="circle4" refType="ctrY" refFor="ch" refForName="circle1"/>
              <dgm:constr type="w" for="ch" forName="text4" refType="w" fact="0.3"/>
              <dgm:constr type="h" for="ch" forName="text4" refType="h" fact="0.1324"/>
              <dgm:constr type="l" for="ch" forName="text4"/>
              <dgm:constr type="ctrY" for="ch" forName="text4" refType="h" fact="0.547"/>
              <dgm:constr type="l" for="ch" forName="line4" refType="r" refFor="ch" refForName="text4"/>
              <dgm:constr type="ctrY" for="ch" forName="line4" refType="ctrY" refFor="ch" refForName="text4"/>
              <dgm:constr type="r" for="ch" forName="line4" refType="w" fact="0.375"/>
              <dgm:constr type="h" for="ch" forName="line4"/>
              <dgm:constr type="r" for="ch" forName="d4" refType="w" fact="0.554"/>
              <dgm:constr type="b" for="ch" forName="d4" refType="h" fact="0.795"/>
              <dgm:constr type="w" for="ch" forName="d4" refType="w" fact="0.179"/>
              <dgm:constr type="h" for="ch" forName="d4" refType="h" fact="0.248"/>
              <dgm:constr type="w" for="ch" forName="circle5" refType="w" fact="0.6"/>
              <dgm:constr type="h" for="ch" forName="circle5" refType="w" refFor="ch" refForName="circle5"/>
              <dgm:constr type="ctrX" for="ch" forName="circle5" refType="ctrX" refFor="ch" refForName="circle1"/>
              <dgm:constr type="ctrY" for="ch" forName="circle5" refType="ctrY" refFor="ch" refForName="circle1"/>
              <dgm:constr type="w" for="ch" forName="text5" refType="w" fact="0.3"/>
              <dgm:constr type="h" for="ch" forName="text5" refType="h" fact="0.1324"/>
              <dgm:constr type="l" for="ch" forName="text5"/>
              <dgm:constr type="ctrY" for="ch" forName="text5" refType="h" fact="0.68"/>
              <dgm:constr type="l" for="ch" forName="line5" refType="r" refFor="ch" refForName="text5"/>
              <dgm:constr type="ctrY" for="ch" forName="line5" refType="ctrY" refFor="ch" refForName="text5"/>
              <dgm:constr type="r" for="ch" forName="line5" refType="w" fact="0.375"/>
              <dgm:constr type="h" for="ch" forName="line5"/>
              <dgm:constr type="r" for="ch" forName="d5" refType="w" fact="0.505"/>
              <dgm:constr type="b" for="ch" forName="d5" refType="h" fact="0.855"/>
              <dgm:constr type="w" for="ch" forName="d5" refType="w" fact="0.13"/>
              <dgm:constr type="h" for="ch" forName="d5" refType="h" fact="0.175"/>
            </dgm:constrLst>
          </dgm:if>
          <dgm:else name="Name18"/>
        </dgm:choose>
      </dgm:else>
    </dgm:choose>
    <dgm:ruleLst/>
    <dgm:forEach name="Name19" axis="ch" ptType="node" cnt="1">
      <dgm:layoutNode name="circle1" styleLbl="lnNode1">
        <dgm:alg type="sp"/>
        <dgm:shape xmlns:r="http://schemas.openxmlformats.org/officeDocument/2006/relationships" type="ellipse" r:blip="">
          <dgm:adjLst/>
        </dgm:shape>
        <dgm:presOf/>
        <dgm:constrLst/>
        <dgm:ruleLst/>
      </dgm:layoutNode>
      <dgm:layoutNode name="text1" styleLbl="revTx">
        <dgm:varLst>
          <dgm:bulletEnabled val="1"/>
        </dgm:varLst>
        <dgm:choose name="Name20">
          <dgm:if name="Name21" func="var" arg="dir" op="equ" val="norm">
            <dgm:choose name="Name22">
              <dgm:if name="Name23" axis="root des" ptType="all node" func="maxDepth" op="gt" val="1">
                <dgm:alg type="tx">
                  <dgm:param type="parTxLTRAlign" val="l"/>
                  <dgm:param type="parTxRTLAlign" val="r"/>
                </dgm:alg>
              </dgm:if>
              <dgm:else name="Name24">
                <dgm:alg type="tx">
                  <dgm:param type="parTxLTRAlign" val="l"/>
                  <dgm:param type="parTxRTLAlign" val="l"/>
                </dgm:alg>
              </dgm:else>
            </dgm:choose>
          </dgm:if>
          <dgm:else name="Name25">
            <dgm:choose name="Name26">
              <dgm:if name="Name27" axis="root des" ptType="all node" func="maxDepth" op="gt" val="1">
                <dgm:alg type="tx">
                  <dgm:param type="parTxLTRAlign" val="l"/>
                  <dgm:param type="parTxRTLAlign" val="r"/>
                </dgm:alg>
              </dgm:if>
              <dgm:else name="Name28">
                <dgm:alg type="tx">
                  <dgm:param type="parTxLTRAlign" val="r"/>
                  <dgm:param type="parTxRTLAlign" val="r"/>
                </dgm:alg>
              </dgm:else>
            </dgm:choose>
          </dgm:else>
        </dgm:choose>
        <dgm:shape xmlns:r="http://schemas.openxmlformats.org/officeDocument/2006/relationships" type="rect" r:blip="">
          <dgm:adjLst/>
        </dgm:shape>
        <dgm:presOf axis="desOrSelf" ptType="node"/>
        <dgm:choose name="Name29">
          <dgm:if name="Name30" func="var" arg="dir" op="equ" val="norm">
            <dgm:constrLst>
              <dgm:constr type="tMarg" refType="primFontSz" fact="0.1"/>
              <dgm:constr type="bMarg" refType="primFontSz" fact="0.1"/>
              <dgm:constr type="rMarg" refType="primFontSz" fact="0.1"/>
            </dgm:constrLst>
          </dgm:if>
          <dgm:else name="Name31">
            <dgm:constrLst>
              <dgm:constr type="tMarg" refType="primFontSz" fact="0.1"/>
              <dgm:constr type="bMarg" refType="primFontSz" fact="0.1"/>
              <dgm:constr type="lMarg" refType="primFontSz" fact="0.1"/>
            </dgm:constrLst>
          </dgm:else>
        </dgm:choose>
        <dgm:ruleLst>
          <dgm:rule type="primFontSz" val="5" fact="NaN" max="NaN"/>
        </dgm:ruleLst>
      </dgm:layoutNode>
      <dgm:layoutNode name="line1" styleLbl="callout">
        <dgm:alg type="sp"/>
        <dgm:shape xmlns:r="http://schemas.openxmlformats.org/officeDocument/2006/relationships" type="line" r:blip="">
          <dgm:adjLst/>
        </dgm:shape>
        <dgm:presOf/>
        <dgm:constrLst/>
        <dgm:ruleLst/>
      </dgm:layoutNode>
      <dgm:layoutNode name="d1" styleLbl="callout">
        <dgm:alg type="sp"/>
        <dgm:choose name="Name32">
          <dgm:if name="Name33" func="var" arg="dir" op="equ" val="norm">
            <dgm:shape xmlns:r="http://schemas.openxmlformats.org/officeDocument/2006/relationships" rot="90" type="line" r:blip="">
              <dgm:adjLst/>
            </dgm:shape>
          </dgm:if>
          <dgm:else name="Name34">
            <dgm:shape xmlns:r="http://schemas.openxmlformats.org/officeDocument/2006/relationships" rot="180" type="line" r:blip="">
              <dgm:adjLst/>
            </dgm:shape>
          </dgm:else>
        </dgm:choose>
        <dgm:presOf/>
        <dgm:constrLst/>
        <dgm:ruleLst/>
      </dgm:layoutNode>
    </dgm:forEach>
    <dgm:forEach name="Name35" axis="ch" ptType="node" st="2" cnt="1">
      <dgm:layoutNode name="circle2" styleLbl="lnNode1">
        <dgm:alg type="sp"/>
        <dgm:shape xmlns:r="http://schemas.openxmlformats.org/officeDocument/2006/relationships" type="ellipse" r:blip="" zOrderOff="-5">
          <dgm:adjLst/>
        </dgm:shape>
        <dgm:presOf/>
        <dgm:constrLst/>
        <dgm:ruleLst/>
      </dgm:layoutNode>
      <dgm:layoutNode name="text2" styleLbl="revTx">
        <dgm:varLst>
          <dgm:bulletEnabled val="1"/>
        </dgm:varLst>
        <dgm:choose name="Name36">
          <dgm:if name="Name37" func="var" arg="dir" op="equ" val="norm">
            <dgm:choose name="Name38">
              <dgm:if name="Name39" axis="root des" ptType="all node" func="maxDepth" op="gt" val="1">
                <dgm:alg type="tx">
                  <dgm:param type="parTxLTRAlign" val="l"/>
                  <dgm:param type="parTxRTLAlign" val="r"/>
                </dgm:alg>
              </dgm:if>
              <dgm:else name="Name40">
                <dgm:alg type="tx">
                  <dgm:param type="parTxLTRAlign" val="l"/>
                  <dgm:param type="parTxRTLAlign" val="l"/>
                </dgm:alg>
              </dgm:else>
            </dgm:choose>
          </dgm:if>
          <dgm:else name="Name41">
            <dgm:choose name="Name42">
              <dgm:if name="Name43" axis="root des" ptType="all node" func="maxDepth" op="gt" val="1">
                <dgm:alg type="tx">
                  <dgm:param type="parTxLTRAlign" val="l"/>
                  <dgm:param type="parTxRTLAlign" val="r"/>
                </dgm:alg>
              </dgm:if>
              <dgm:else name="Name44">
                <dgm:alg type="tx">
                  <dgm:param type="parTxLTRAlign" val="r"/>
                  <dgm:param type="parTxRTLAlign" val="r"/>
                </dgm:alg>
              </dgm:else>
            </dgm:choose>
          </dgm:else>
        </dgm:choose>
        <dgm:shape xmlns:r="http://schemas.openxmlformats.org/officeDocument/2006/relationships" type="rect" r:blip="">
          <dgm:adjLst/>
        </dgm:shape>
        <dgm:presOf axis="desOrSelf" ptType="node"/>
        <dgm:choose name="Name45">
          <dgm:if name="Name46" func="var" arg="dir" op="equ" val="norm">
            <dgm:constrLst>
              <dgm:constr type="tMarg" refType="primFontSz" fact="0.1"/>
              <dgm:constr type="bMarg" refType="primFontSz" fact="0.1"/>
              <dgm:constr type="rMarg" refType="primFontSz" fact="0.1"/>
            </dgm:constrLst>
          </dgm:if>
          <dgm:else name="Name47">
            <dgm:constrLst>
              <dgm:constr type="tMarg" refType="primFontSz" fact="0.1"/>
              <dgm:constr type="bMarg" refType="primFontSz" fact="0.1"/>
              <dgm:constr type="lMarg" refType="primFontSz" fact="0.1"/>
            </dgm:constrLst>
          </dgm:else>
        </dgm:choose>
        <dgm:ruleLst>
          <dgm:rule type="primFontSz" val="5" fact="NaN" max="NaN"/>
        </dgm:ruleLst>
      </dgm:layoutNode>
      <dgm:layoutNode name="line2" styleLbl="callout">
        <dgm:alg type="sp"/>
        <dgm:shape xmlns:r="http://schemas.openxmlformats.org/officeDocument/2006/relationships" type="line" r:blip="">
          <dgm:adjLst/>
        </dgm:shape>
        <dgm:presOf/>
        <dgm:constrLst/>
        <dgm:ruleLst/>
      </dgm:layoutNode>
      <dgm:layoutNode name="d2" styleLbl="callout">
        <dgm:alg type="sp"/>
        <dgm:choose name="Name48">
          <dgm:if name="Name49" func="var" arg="dir" op="equ" val="norm">
            <dgm:shape xmlns:r="http://schemas.openxmlformats.org/officeDocument/2006/relationships" rot="90" type="line" r:blip="">
              <dgm:adjLst/>
            </dgm:shape>
          </dgm:if>
          <dgm:else name="Name50">
            <dgm:shape xmlns:r="http://schemas.openxmlformats.org/officeDocument/2006/relationships" rot="180" type="line" r:blip="">
              <dgm:adjLst/>
            </dgm:shape>
          </dgm:else>
        </dgm:choose>
        <dgm:presOf/>
        <dgm:constrLst/>
        <dgm:ruleLst/>
      </dgm:layoutNode>
    </dgm:forEach>
    <dgm:forEach name="Name51" axis="ch" ptType="node" st="3" cnt="1">
      <dgm:layoutNode name="circle3" styleLbl="lnNode1">
        <dgm:alg type="sp"/>
        <dgm:shape xmlns:r="http://schemas.openxmlformats.org/officeDocument/2006/relationships" type="ellipse" r:blip="" zOrderOff="-10">
          <dgm:adjLst/>
        </dgm:shape>
        <dgm:presOf/>
        <dgm:constrLst/>
        <dgm:ruleLst/>
      </dgm:layoutNode>
      <dgm:layoutNode name="text3" styleLbl="revTx">
        <dgm:varLst>
          <dgm:bulletEnabled val="1"/>
        </dgm:varLst>
        <dgm:choose name="Name52">
          <dgm:if name="Name53" func="var" arg="dir" op="equ" val="norm">
            <dgm:choose name="Name54">
              <dgm:if name="Name55" axis="root des" ptType="all node" func="maxDepth" op="gt" val="1">
                <dgm:alg type="tx">
                  <dgm:param type="parTxLTRAlign" val="l"/>
                  <dgm:param type="parTxRTLAlign" val="r"/>
                </dgm:alg>
              </dgm:if>
              <dgm:else name="Name56">
                <dgm:alg type="tx">
                  <dgm:param type="parTxLTRAlign" val="l"/>
                  <dgm:param type="parTxRTLAlign" val="l"/>
                </dgm:alg>
              </dgm:else>
            </dgm:choose>
          </dgm:if>
          <dgm:else name="Name57">
            <dgm:choose name="Name58">
              <dgm:if name="Name59" axis="root des" ptType="all node" func="maxDepth" op="gt" val="1">
                <dgm:alg type="tx">
                  <dgm:param type="parTxLTRAlign" val="l"/>
                  <dgm:param type="parTxRTLAlign" val="r"/>
                </dgm:alg>
              </dgm:if>
              <dgm:else name="Name60">
                <dgm:alg type="tx">
                  <dgm:param type="parTxLTRAlign" val="r"/>
                  <dgm:param type="parTxRTLAlign" val="r"/>
                </dgm:alg>
              </dgm:else>
            </dgm:choose>
          </dgm:else>
        </dgm:choose>
        <dgm:shape xmlns:r="http://schemas.openxmlformats.org/officeDocument/2006/relationships" type="rect" r:blip="">
          <dgm:adjLst/>
        </dgm:shape>
        <dgm:presOf axis="desOrSelf" ptType="node"/>
        <dgm:choose name="Name61">
          <dgm:if name="Name62" func="var" arg="dir" op="equ" val="norm">
            <dgm:constrLst>
              <dgm:constr type="tMarg" refType="primFontSz" fact="0.1"/>
              <dgm:constr type="bMarg" refType="primFontSz" fact="0.1"/>
              <dgm:constr type="rMarg" refType="primFontSz" fact="0.1"/>
            </dgm:constrLst>
          </dgm:if>
          <dgm:else name="Name63">
            <dgm:constrLst>
              <dgm:constr type="tMarg" refType="primFontSz" fact="0.1"/>
              <dgm:constr type="bMarg" refType="primFontSz" fact="0.1"/>
              <dgm:constr type="lMarg" refType="primFontSz" fact="0.1"/>
            </dgm:constrLst>
          </dgm:else>
        </dgm:choose>
        <dgm:ruleLst>
          <dgm:rule type="primFontSz" val="5" fact="NaN" max="NaN"/>
        </dgm:ruleLst>
      </dgm:layoutNode>
      <dgm:layoutNode name="line3" styleLbl="callout">
        <dgm:alg type="sp"/>
        <dgm:shape xmlns:r="http://schemas.openxmlformats.org/officeDocument/2006/relationships" type="line" r:blip="">
          <dgm:adjLst/>
        </dgm:shape>
        <dgm:presOf/>
        <dgm:constrLst/>
        <dgm:ruleLst/>
      </dgm:layoutNode>
      <dgm:layoutNode name="d3" styleLbl="callout">
        <dgm:alg type="sp"/>
        <dgm:choose name="Name64">
          <dgm:if name="Name65" func="var" arg="dir" op="equ" val="norm">
            <dgm:shape xmlns:r="http://schemas.openxmlformats.org/officeDocument/2006/relationships" rot="90" type="line" r:blip="">
              <dgm:adjLst/>
            </dgm:shape>
          </dgm:if>
          <dgm:else name="Name66">
            <dgm:shape xmlns:r="http://schemas.openxmlformats.org/officeDocument/2006/relationships" rot="180" type="line" r:blip="">
              <dgm:adjLst/>
            </dgm:shape>
          </dgm:else>
        </dgm:choose>
        <dgm:presOf/>
        <dgm:constrLst/>
        <dgm:ruleLst/>
      </dgm:layoutNode>
    </dgm:forEach>
    <dgm:forEach name="Name67" axis="ch" ptType="node" st="4" cnt="1">
      <dgm:layoutNode name="circle4" styleLbl="lnNode1">
        <dgm:alg type="sp"/>
        <dgm:shape xmlns:r="http://schemas.openxmlformats.org/officeDocument/2006/relationships" type="ellipse" r:blip="" zOrderOff="-15">
          <dgm:adjLst/>
        </dgm:shape>
        <dgm:presOf/>
        <dgm:constrLst/>
        <dgm:ruleLst/>
      </dgm:layoutNode>
      <dgm:layoutNode name="text4" styleLbl="revTx">
        <dgm:varLst>
          <dgm:bulletEnabled val="1"/>
        </dgm:varLst>
        <dgm:choose name="Name68">
          <dgm:if name="Name69" func="var" arg="dir" op="equ" val="norm">
            <dgm:choose name="Name70">
              <dgm:if name="Name71" axis="root des" ptType="all node" func="maxDepth" op="gt" val="1">
                <dgm:alg type="tx">
                  <dgm:param type="parTxLTRAlign" val="l"/>
                  <dgm:param type="parTxRTLAlign" val="r"/>
                </dgm:alg>
              </dgm:if>
              <dgm:else name="Name72">
                <dgm:alg type="tx">
                  <dgm:param type="parTxLTRAlign" val="l"/>
                  <dgm:param type="parTxRTLAlign" val="l"/>
                </dgm:alg>
              </dgm:else>
            </dgm:choose>
          </dgm:if>
          <dgm:else name="Name73">
            <dgm:choose name="Name74">
              <dgm:if name="Name75" axis="root des" ptType="all node" func="maxDepth" op="gt" val="1">
                <dgm:alg type="tx">
                  <dgm:param type="parTxLTRAlign" val="l"/>
                  <dgm:param type="parTxRTLAlign" val="r"/>
                </dgm:alg>
              </dgm:if>
              <dgm:else name="Name76">
                <dgm:alg type="tx">
                  <dgm:param type="parTxLTRAlign" val="r"/>
                  <dgm:param type="parTxRTLAlign" val="r"/>
                </dgm:alg>
              </dgm:else>
            </dgm:choose>
          </dgm:else>
        </dgm:choose>
        <dgm:shape xmlns:r="http://schemas.openxmlformats.org/officeDocument/2006/relationships" type="rect" r:blip="">
          <dgm:adjLst/>
        </dgm:shape>
        <dgm:presOf axis="desOrSelf" ptType="node"/>
        <dgm:choose name="Name77">
          <dgm:if name="Name78" func="var" arg="dir" op="equ" val="norm">
            <dgm:constrLst>
              <dgm:constr type="tMarg" refType="primFontSz" fact="0.1"/>
              <dgm:constr type="bMarg" refType="primFontSz" fact="0.1"/>
              <dgm:constr type="rMarg" refType="primFontSz" fact="0.1"/>
            </dgm:constrLst>
          </dgm:if>
          <dgm:else name="Name79">
            <dgm:constrLst>
              <dgm:constr type="tMarg" refType="primFontSz" fact="0.1"/>
              <dgm:constr type="bMarg" refType="primFontSz" fact="0.1"/>
              <dgm:constr type="lMarg" refType="primFontSz" fact="0.1"/>
            </dgm:constrLst>
          </dgm:else>
        </dgm:choose>
        <dgm:ruleLst>
          <dgm:rule type="primFontSz" val="5" fact="NaN" max="NaN"/>
        </dgm:ruleLst>
      </dgm:layoutNode>
      <dgm:layoutNode name="line4" styleLbl="callout">
        <dgm:alg type="sp"/>
        <dgm:shape xmlns:r="http://schemas.openxmlformats.org/officeDocument/2006/relationships" type="line" r:blip="">
          <dgm:adjLst/>
        </dgm:shape>
        <dgm:presOf/>
        <dgm:constrLst/>
        <dgm:ruleLst/>
      </dgm:layoutNode>
      <dgm:layoutNode name="d4" styleLbl="callout">
        <dgm:alg type="sp"/>
        <dgm:choose name="Name80">
          <dgm:if name="Name81" func="var" arg="dir" op="equ" val="norm">
            <dgm:shape xmlns:r="http://schemas.openxmlformats.org/officeDocument/2006/relationships" rot="90" type="line" r:blip="">
              <dgm:adjLst/>
            </dgm:shape>
          </dgm:if>
          <dgm:else name="Name82">
            <dgm:shape xmlns:r="http://schemas.openxmlformats.org/officeDocument/2006/relationships" rot="180" type="line" r:blip="">
              <dgm:adjLst/>
            </dgm:shape>
          </dgm:else>
        </dgm:choose>
        <dgm:presOf/>
        <dgm:constrLst/>
        <dgm:ruleLst/>
      </dgm:layoutNode>
    </dgm:forEach>
    <dgm:forEach name="Name83" axis="ch" ptType="node" st="5" cnt="1">
      <dgm:layoutNode name="circle5" styleLbl="lnNode1">
        <dgm:alg type="sp"/>
        <dgm:shape xmlns:r="http://schemas.openxmlformats.org/officeDocument/2006/relationships" type="ellipse" r:blip="" zOrderOff="-20">
          <dgm:adjLst/>
        </dgm:shape>
        <dgm:presOf/>
        <dgm:constrLst/>
        <dgm:ruleLst/>
      </dgm:layoutNode>
      <dgm:layoutNode name="text5" styleLbl="revTx">
        <dgm:varLst>
          <dgm:bulletEnabled val="1"/>
        </dgm:varLst>
        <dgm:choose name="Name84">
          <dgm:if name="Name85" func="var" arg="dir" op="equ" val="norm">
            <dgm:choose name="Name86">
              <dgm:if name="Name87" axis="root des" ptType="all node" func="maxDepth" op="gt" val="1">
                <dgm:alg type="tx">
                  <dgm:param type="parTxLTRAlign" val="l"/>
                  <dgm:param type="parTxRTLAlign" val="r"/>
                </dgm:alg>
              </dgm:if>
              <dgm:else name="Name88">
                <dgm:alg type="tx">
                  <dgm:param type="parTxLTRAlign" val="l"/>
                  <dgm:param type="parTxRTLAlign" val="l"/>
                </dgm:alg>
              </dgm:else>
            </dgm:choose>
          </dgm:if>
          <dgm:else name="Name89">
            <dgm:choose name="Name90">
              <dgm:if name="Name91" axis="root des" ptType="all node" func="maxDepth" op="gt" val="1">
                <dgm:alg type="tx">
                  <dgm:param type="parTxLTRAlign" val="l"/>
                  <dgm:param type="parTxRTLAlign" val="r"/>
                </dgm:alg>
              </dgm:if>
              <dgm:else name="Name92">
                <dgm:alg type="tx">
                  <dgm:param type="parTxLTRAlign" val="r"/>
                  <dgm:param type="parTxRTLAlign" val="r"/>
                </dgm:alg>
              </dgm:else>
            </dgm:choose>
          </dgm:else>
        </dgm:choose>
        <dgm:shape xmlns:r="http://schemas.openxmlformats.org/officeDocument/2006/relationships" type="rect" r:blip="">
          <dgm:adjLst/>
        </dgm:shape>
        <dgm:presOf axis="desOrSelf" ptType="node"/>
        <dgm:choose name="Name93">
          <dgm:if name="Name94" func="var" arg="dir" op="equ" val="norm">
            <dgm:constrLst>
              <dgm:constr type="tMarg" refType="primFontSz" fact="0.1"/>
              <dgm:constr type="bMarg" refType="primFontSz" fact="0.1"/>
              <dgm:constr type="rMarg" refType="primFontSz" fact="0.1"/>
            </dgm:constrLst>
          </dgm:if>
          <dgm:else name="Name95">
            <dgm:constrLst>
              <dgm:constr type="tMarg" refType="primFontSz" fact="0.1"/>
              <dgm:constr type="bMarg" refType="primFontSz" fact="0.1"/>
              <dgm:constr type="lMarg" refType="primFontSz" fact="0.1"/>
            </dgm:constrLst>
          </dgm:else>
        </dgm:choose>
        <dgm:ruleLst>
          <dgm:rule type="primFontSz" val="5" fact="NaN" max="NaN"/>
        </dgm:ruleLst>
      </dgm:layoutNode>
      <dgm:layoutNode name="line5" styleLbl="callout">
        <dgm:alg type="sp"/>
        <dgm:shape xmlns:r="http://schemas.openxmlformats.org/officeDocument/2006/relationships" type="line" r:blip="">
          <dgm:adjLst/>
        </dgm:shape>
        <dgm:presOf/>
        <dgm:constrLst/>
        <dgm:ruleLst/>
      </dgm:layoutNode>
      <dgm:layoutNode name="d5" styleLbl="callout">
        <dgm:alg type="sp"/>
        <dgm:choose name="Name96">
          <dgm:if name="Name97" func="var" arg="dir" op="equ" val="norm">
            <dgm:shape xmlns:r="http://schemas.openxmlformats.org/officeDocument/2006/relationships" rot="90" type="line" r:blip="">
              <dgm:adjLst/>
            </dgm:shape>
          </dgm:if>
          <dgm:else name="Name98">
            <dgm:shape xmlns:r="http://schemas.openxmlformats.org/officeDocument/2006/relationships" rot="180" type="line" r:blip="">
              <dgm:adjLst/>
            </dgm:shape>
          </dgm:else>
        </dgm:choose>
        <dgm:presOf/>
        <dgm:constrLst/>
        <dgm:ruleLst/>
      </dgm:layoutNode>
    </dgm:forEach>
  </dgm:layoutNode>
</dgm:layoutDef>
</file>

<file path=ppt/diagrams/layout9.xml><?xml version="1.0" encoding="utf-8"?>
<dgm:layoutDef xmlns:dgm="http://schemas.openxmlformats.org/drawingml/2006/diagram" xmlns:a="http://schemas.openxmlformats.org/drawingml/2006/main" uniqueId="urn:microsoft.com/office/officeart/2005/8/layout/target1">
  <dgm:title val=""/>
  <dgm:desc val=""/>
  <dgm:catLst>
    <dgm:cat type="relationship" pri="25000"/>
    <dgm:cat type="convert" pri="20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composite">
    <dgm:varLst>
      <dgm:chMax val="5"/>
      <dgm:dir/>
      <dgm:resizeHandles val="exact"/>
    </dgm:varLst>
    <dgm:alg type="composite">
      <dgm:param type="ar" val="1.25"/>
    </dgm:alg>
    <dgm:shape xmlns:r="http://schemas.openxmlformats.org/officeDocument/2006/relationships" r:blip="">
      <dgm:adjLst/>
    </dgm:shape>
    <dgm:presOf/>
    <dgm:choose name="Name0">
      <dgm:if name="Name1" func="var" arg="dir" op="equ" val="norm">
        <dgm:choose name="Name2">
          <dgm:if name="Name3" axis="ch" ptType="node" func="cnt" op="equ" val="0">
            <dgm:constrLst/>
          </dgm:if>
          <dgm:if name="Name4" axis="ch" ptType="node" func="cnt" op="equ" val="1">
            <dgm:constrLst>
              <dgm:constr type="primFontSz" for="des" ptType="node" op="equ" val="65"/>
              <dgm:constr type="w" for="ch" forName="circle1" refType="w" fact="0.6"/>
              <dgm:constr type="h" for="ch" forName="circle1" refType="w" refFor="ch" refForName="circle1"/>
              <dgm:constr type="ctrX" for="ch" forName="circle1" refType="w" fact="0.3"/>
              <dgm:constr type="ctrY" for="ch" forName="circle1" refType="h" fact="0.625"/>
              <dgm:constr type="w" for="ch" forName="text1" refType="w" fact="0.3"/>
              <dgm:constr type="h" for="ch" forName="text1" refType="h" fact="0.3125"/>
              <dgm:constr type="r" for="ch" forName="text1" refType="w"/>
              <dgm:constr type="t" for="ch" forName="text1"/>
              <dgm:constr type="l" for="ch" forName="line1" refType="w" fact="0.625"/>
              <dgm:constr type="ctrY" for="ch" forName="line1" refType="ctrY" refFor="ch" refForName="text1"/>
              <dgm:constr type="r" for="ch" forName="line1" refType="l" refFor="ch" refForName="text1"/>
              <dgm:constr type="h" for="ch" forName="line1"/>
              <dgm:constr type="l" for="ch" forName="d1" refType="w" fact="0.3"/>
              <dgm:constr type="b" for="ch" forName="d1" refType="h" fact="0.625"/>
              <dgm:constr type="w" for="ch" forName="d1" refType="w" fact="0.32475"/>
              <dgm:constr type="h" for="ch" forName="d1" refType="h" fact="0.469"/>
            </dgm:constrLst>
          </dgm:if>
          <dgm:if name="Name5" axis="ch" ptType="node" func="cnt" op="equ" val="2">
            <dgm:constrLst>
              <dgm:constr type="primFontSz" for="des" ptType="node" op="equ" val="65"/>
              <dgm:constr type="w" for="ch" forName="circle1" refType="w" fact="0.2"/>
              <dgm:constr type="h" for="ch" forName="circle1" refType="w" refFor="ch" refForName="circle1"/>
              <dgm:constr type="ctrX" for="ch" forName="circle1" refType="w" fact="0.3"/>
              <dgm:constr type="ctrY" for="ch" forName="circle1" refType="h" fact="0.625"/>
              <dgm:constr type="w" for="ch" forName="text1" refType="w" fact="0.3"/>
              <dgm:constr type="h" for="ch" forName="text1" refType="h" fact="0.3125"/>
              <dgm:constr type="r" for="ch" forName="text1" refType="w"/>
              <dgm:constr type="t" for="ch" forName="text1"/>
              <dgm:constr type="l" for="ch" forName="line1" refType="w" fact="0.625"/>
              <dgm:constr type="ctrY" for="ch" forName="line1" refType="ctrY" refFor="ch" refForName="text1"/>
              <dgm:constr type="w" for="ch" forName="line1" refType="w" fact="0.075"/>
              <dgm:constr type="h" for="ch" forName="line1"/>
              <dgm:constr type="l" for="ch" forName="d1" refType="w" fact="0.3"/>
              <dgm:constr type="b" for="ch" forName="d1" refType="h" fact="0.625"/>
              <dgm:constr type="w" for="ch" forName="d1" refType="w" fact="0.32475"/>
              <dgm:constr type="h" for="ch" forName="d1" refType="h" fact="0.469"/>
              <dgm:constr type="w" for="ch" forName="circle2" refType="w" fact="0.6"/>
              <dgm:constr type="h" for="ch" forName="circle2" refType="w" refFor="ch" refForName="circle2"/>
              <dgm:constr type="ctrX" for="ch" forName="circle2" refType="w" fact="0.3"/>
              <dgm:constr type="ctrY" for="ch" forName="circle2" refType="h" fact="0.625"/>
              <dgm:constr type="w" for="ch" forName="text2" refType="w" fact="0.3"/>
              <dgm:constr type="h" for="ch" forName="text2" refType="h" fact="0.3125"/>
              <dgm:constr type="r" for="ch" forName="text2" refType="w"/>
              <dgm:constr type="t" for="ch" forName="text2" refType="b" refFor="ch" refForName="text1"/>
              <dgm:constr type="l" for="ch" forName="line2" refType="w" fact="0.625"/>
              <dgm:constr type="ctrY" for="ch" forName="line2" refType="ctrY" refFor="ch" refForName="text2"/>
              <dgm:constr type="w" for="ch" forName="line2" refType="w" fact="0.075"/>
              <dgm:constr type="h" for="ch" forName="line2"/>
              <dgm:constr type="l" for="ch" forName="d2" refType="w" fact="0.44325"/>
              <dgm:constr type="b" for="ch" forName="d2" refType="h" fact="0.7975"/>
              <dgm:constr type="w" for="ch" forName="d2" refType="w" fact="0.1815"/>
              <dgm:constr type="h" for="ch" forName="d2" refType="h" fact="0.3283"/>
            </dgm:constrLst>
          </dgm:if>
          <dgm:if name="Name6" axis="ch" ptType="node" func="cnt" op="equ" val="3">
            <dgm:constrLst>
              <dgm:constr type="primFontSz" for="des" ptType="node" op="equ" val="65"/>
              <dgm:constr type="w" for="ch" forName="circle1" refType="w" fact="0.12"/>
              <dgm:constr type="h" for="ch" forName="circle1" refType="w" refFor="ch" refForName="circle1"/>
              <dgm:constr type="ctrX" for="ch" forName="circle1" refType="w" fact="0.3"/>
              <dgm:constr type="ctrY" for="ch" forName="circle1" refType="h" fact="0.625"/>
              <dgm:constr type="w" for="ch" forName="text1" refType="w" fact="0.3"/>
              <dgm:constr type="h" for="ch" forName="text1" refType="h" fact="0.21875"/>
              <dgm:constr type="r" for="ch" forName="text1" refType="w"/>
              <dgm:constr type="t" for="ch" forName="text1"/>
              <dgm:constr type="l" for="ch" forName="line1" refType="w" fact="0.625"/>
              <dgm:constr type="ctrY" for="ch" forName="line1" refType="ctrY" refFor="ch" refForName="text1"/>
              <dgm:constr type="w" for="ch" forName="line1" refType="w" fact="0.075"/>
              <dgm:constr type="h" for="ch" forName="line1"/>
              <dgm:constr type="l" for="ch" forName="d1" refType="w" fact="0.3"/>
              <dgm:constr type="b" for="ch" forName="d1" refType="h" fact="0.625"/>
              <dgm:constr type="w" for="ch" forName="d1" refType="w" fact="0.3247"/>
              <dgm:constr type="h" for="ch" forName="d1" refType="h" fact="0.5155"/>
              <dgm:constr type="w" for="ch" forName="circle2" refType="w" fact="0.36"/>
              <dgm:constr type="h" for="ch" forName="circle2" refType="w" refFor="ch" refForName="circle2"/>
              <dgm:constr type="ctrX" for="ch" forName="circle2" refType="w" fact="0.3"/>
              <dgm:constr type="ctrY" for="ch" forName="circle2" refType="h" fact="0.625"/>
              <dgm:constr type="w" for="ch" forName="text2" refType="w" fact="0.3"/>
              <dgm:constr type="h" for="ch" forName="text2" refType="h" fact="0.21875"/>
              <dgm:constr type="r" for="ch" forName="text2" refType="w"/>
              <dgm:constr type="t" for="ch" forName="text2" refType="b" refFor="ch" refForName="text1"/>
              <dgm:constr type="l" for="ch" forName="line2" refType="w" fact="0.625"/>
              <dgm:constr type="ctrY" for="ch" forName="line2" refType="ctrY" refFor="ch" refForName="text2"/>
              <dgm:constr type="w" for="ch" forName="line2" refType="w" fact="0.075"/>
              <dgm:constr type="h" for="ch" forName="line2"/>
              <dgm:constr type="l" for="ch" forName="d2" refType="w" fact="0.386"/>
              <dgm:constr type="b" for="ch" forName="d2" refType="h" fact="0.72969"/>
              <dgm:constr type="w" for="ch" forName="d2" refType="w" fact="0.2387"/>
              <dgm:constr type="h" for="ch" forName="d2" refType="h" fact="0.4017"/>
              <dgm:constr type="w" for="ch" forName="circle3" refType="w" fact="0.6"/>
              <dgm:constr type="h" for="ch" forName="circle3" refType="w" refFor="ch" refForName="circle3"/>
              <dgm:constr type="ctrX" for="ch" forName="circle3" refType="ctrX" refFor="ch" refForName="circle1"/>
              <dgm:constr type="ctrY" for="ch" forName="circle3" refType="ctrY" refFor="ch" refForName="circle1"/>
              <dgm:constr type="w" for="ch" forName="text3" refType="w" fact="0.3"/>
              <dgm:constr type="h" for="ch" forName="text3" refType="h" fact="0.21875"/>
              <dgm:constr type="r" for="ch" forName="text3" refType="w"/>
              <dgm:constr type="t" for="ch" forName="text3" refType="b" refFor="ch" refForName="text2"/>
              <dgm:constr type="l" for="ch" forName="line3" refType="w" fact="0.625"/>
              <dgm:constr type="ctrY" for="ch" forName="line3" refType="ctrY" refFor="ch" refForName="text3"/>
              <dgm:constr type="w" for="ch" forName="line3" refType="w" fact="0.075"/>
              <dgm:constr type="h" for="ch" forName="line3"/>
              <dgm:constr type="l" for="ch" forName="d3" refType="w" fact="0.47175"/>
              <dgm:constr type="b" for="ch" forName="d3" refType="h" fact="0.83375"/>
              <dgm:constr type="w" for="ch" forName="d3" refType="w" fact="0.1527"/>
              <dgm:constr type="h" for="ch" forName="d3" refType="h" fact="0.287"/>
            </dgm:constrLst>
          </dgm:if>
          <dgm:if name="Name7" axis="ch" ptType="node" func="cnt" op="equ" val="4">
            <dgm:constrLst>
              <dgm:constr type="primFontSz" for="des" ptType="node" op="equ" val="65"/>
              <dgm:constr type="w" for="ch" forName="circle1" refType="w" fact="0.0857"/>
              <dgm:constr type="h" for="ch" forName="circle1" refType="w" refFor="ch" refForName="circle1"/>
              <dgm:constr type="ctrX" for="ch" forName="circle1" refType="w" fact="0.3"/>
              <dgm:constr type="ctrY" for="ch" forName="circle1" refType="h" fact="0.625"/>
              <dgm:constr type="w" for="ch" forName="text1" refType="w" fact="0.3"/>
              <dgm:constr type="h" for="ch" forName="text1" refType="h" fact="0.17938"/>
              <dgm:constr type="r" for="ch" forName="text1" refType="w"/>
              <dgm:constr type="t" for="ch" forName="text1"/>
              <dgm:constr type="l" for="ch" forName="line1" refType="w" fact="0.625"/>
              <dgm:constr type="ctrY" for="ch" forName="line1" refType="ctrY" refFor="ch" refForName="text1"/>
              <dgm:constr type="w" for="ch" forName="line1" refType="w" fact="0.075"/>
              <dgm:constr type="h" for="ch" forName="line1"/>
              <dgm:constr type="l" for="ch" forName="d1" refType="w" fact="0.295"/>
              <dgm:constr type="b" for="ch" forName="d1" refType="h" fact="0.62"/>
              <dgm:constr type="w" for="ch" forName="d1" refType="w" fact="0.33"/>
              <dgm:constr type="h" for="ch" forName="d1" refType="h" fact="0.53"/>
              <dgm:constr type="w" for="ch" forName="circle2" refType="w" fact="0.2571"/>
              <dgm:constr type="h" for="ch" forName="circle2" refType="w" refFor="ch" refForName="circle2"/>
              <dgm:constr type="ctrX" for="ch" forName="circle2" refType="w" fact="0.3"/>
              <dgm:constr type="ctrY" for="ch" forName="circle2" refType="h" fact="0.625"/>
              <dgm:constr type="w" for="ch" forName="text2" refType="w" fact="0.3"/>
              <dgm:constr type="h" for="ch" forName="text2" refType="h" fact="0.17938"/>
              <dgm:constr type="r" for="ch" forName="text2" refType="w"/>
              <dgm:constr type="t" for="ch" forName="text2" refType="b" refFor="ch" refForName="text1"/>
              <dgm:constr type="l" for="ch" forName="line2" refType="w" fact="0.625"/>
              <dgm:constr type="ctrY" for="ch" forName="line2" refType="ctrY" refFor="ch" refForName="text2"/>
              <dgm:constr type="w" for="ch" forName="line2" refType="w" fact="0.075"/>
              <dgm:constr type="h" for="ch" forName="line2"/>
              <dgm:constr type="l" for="ch" forName="d2" refType="w" fact="0.36625"/>
              <dgm:constr type="b" for="ch" forName="d2" refType="h" fact="0.70438"/>
              <dgm:constr type="w" for="ch" forName="d2" refType="w" fact="0.2585"/>
              <dgm:constr type="h" for="ch" forName="d2" refType="h" fact="0.43525"/>
              <dgm:constr type="w" for="ch" forName="circle3" refType="w" fact="0.4285"/>
              <dgm:constr type="h" for="ch" forName="circle3" refType="w" refFor="ch" refForName="circle3"/>
              <dgm:constr type="ctrX" for="ch" forName="circle3" refType="ctrX" refFor="ch" refForName="circle1"/>
              <dgm:constr type="ctrY" for="ch" forName="circle3" refType="ctrY" refFor="ch" refForName="circle1"/>
              <dgm:constr type="w" for="ch" forName="text3" refType="w" fact="0.3"/>
              <dgm:constr type="h" for="ch" forName="text3" refType="h" fact="0.17938"/>
              <dgm:constr type="r" for="ch" forName="text3" refType="w"/>
              <dgm:constr type="t" for="ch" forName="text3" refType="b" refFor="ch" refForName="text2"/>
              <dgm:constr type="l" for="ch" forName="line3" refType="w" fact="0.625"/>
              <dgm:constr type="ctrY" for="ch" forName="line3" refType="ctrY" refFor="ch" refForName="text3"/>
              <dgm:constr type="w" for="ch" forName="line3" refType="w" fact="0.075"/>
              <dgm:constr type="h" for="ch" forName="line3"/>
              <dgm:constr type="l" for="ch" forName="d3" refType="w" fact="0.4255"/>
              <dgm:constr type="b" for="ch" forName="d3" refType="h" fact="0.78031"/>
              <dgm:constr type="w" for="ch" forName="d3" refType="w" fact="0.1995"/>
              <dgm:constr type="h" for="ch" forName="d3" refType="h" fact="0.332"/>
              <dgm:constr type="w" for="ch" forName="circle4" refType="w" fact="0.6"/>
              <dgm:constr type="h" for="ch" forName="circle4" refType="w" refFor="ch" refForName="circle4"/>
              <dgm:constr type="ctrX" for="ch" forName="circle4" refType="ctrX" refFor="ch" refForName="circle1"/>
              <dgm:constr type="ctrY" for="ch" forName="circle4" refType="ctrY" refFor="ch" refForName="circle1"/>
              <dgm:constr type="w" for="ch" forName="text4" refType="w" fact="0.3"/>
              <dgm:constr type="h" for="ch" forName="text4" refType="h" fact="0.17938"/>
              <dgm:constr type="r" for="ch" forName="text4" refType="w"/>
              <dgm:constr type="t" for="ch" forName="text4" refType="b" refFor="ch" refForName="text3"/>
              <dgm:constr type="l" for="ch" forName="line4" refType="w" fact="0.625"/>
              <dgm:constr type="ctrY" for="ch" forName="line4" refType="ctrY" refFor="ch" refForName="text4"/>
              <dgm:constr type="w" for="ch" forName="line4" refType="w" fact="0.075"/>
              <dgm:constr type="h" for="ch" forName="line4"/>
              <dgm:constr type="l" for="ch" forName="d4" refType="w" fact="0.48525"/>
              <dgm:constr type="b" for="ch" forName="d4" refType="h" fact="0.85594"/>
              <dgm:constr type="w" for="ch" forName="d4" refType="w" fact="0.1394"/>
              <dgm:constr type="h" for="ch" forName="d4" refType="h" fact="0.2282"/>
            </dgm:constrLst>
          </dgm:if>
          <dgm:if name="Name8" axis="ch" ptType="node" func="cnt" op="gte" val="5">
            <dgm:constrLst>
              <dgm:constr type="primFontSz" for="des" ptType="node" op="equ" val="65"/>
              <dgm:constr type="w" for="ch" forName="circle1" refType="w" fact="0.0667"/>
              <dgm:constr type="h" for="ch" forName="circle1" refType="w" refFor="ch" refForName="circle1"/>
              <dgm:constr type="ctrX" for="ch" forName="circle1" refType="w" fact="0.3"/>
              <dgm:constr type="ctrY" for="ch" forName="circle1" refType="h" fact="0.625"/>
              <dgm:constr type="w" for="ch" forName="text1" refType="w" fact="0.3"/>
              <dgm:constr type="h" for="ch" forName="text1" refType="h" fact="0.1324"/>
              <dgm:constr type="r" for="ch" forName="text1" refType="w"/>
              <dgm:constr type="ctrY" for="ch" forName="text1" refType="h" fact="0.13"/>
              <dgm:constr type="l" for="ch" forName="line1" refType="w" fact="0.625"/>
              <dgm:constr type="ctrY" for="ch" forName="line1" refType="ctrY" refFor="ch" refForName="text1"/>
              <dgm:constr type="w" for="ch" forName="line1" refType="w" fact="0.075"/>
              <dgm:constr type="h" for="ch" forName="line1"/>
              <dgm:constr type="l" for="ch" forName="d1" refType="w" fact="0.3"/>
              <dgm:constr type="b" for="ch" forName="d1" refType="h" fact="0.625"/>
              <dgm:constr type="w" for="ch" forName="d1" refType="w" fact="0.3245"/>
              <dgm:constr type="h" for="ch" forName="d1" refType="h" fact="0.495"/>
              <dgm:constr type="w" for="ch" forName="circle2" refType="w" fact="0.2"/>
              <dgm:constr type="h" for="ch" forName="circle2" refType="w" refFor="ch" refForName="circle2"/>
              <dgm:constr type="ctrX" for="ch" forName="circle2" refType="w" fact="0.3"/>
              <dgm:constr type="ctrY" for="ch" forName="circle2" refType="h" fact="0.625"/>
              <dgm:constr type="w" for="ch" forName="text2" refType="w" fact="0.3"/>
              <dgm:constr type="h" for="ch" forName="text2" refType="h" fact="0.1324"/>
              <dgm:constr type="r" for="ch" forName="text2" refType="w"/>
              <dgm:constr type="ctrY" for="ch" forName="text2" refType="h" fact="0.27"/>
              <dgm:constr type="l" for="ch" forName="line2" refType="w" fact="0.625"/>
              <dgm:constr type="ctrY" for="ch" forName="line2" refType="ctrY" refFor="ch" refForName="text2"/>
              <dgm:constr type="w" for="ch" forName="line2" refType="w" fact="0.075"/>
              <dgm:constr type="h" for="ch" forName="line2"/>
              <dgm:constr type="l" for="ch" forName="d2" refType="w" fact="0.3498"/>
              <dgm:constr type="b" for="ch" forName="d2" refType="h" fact="0.682"/>
              <dgm:constr type="w" for="ch" forName="d2" refType="w" fact="0.275"/>
              <dgm:constr type="h" for="ch" forName="d2" refType="h" fact="0.41215"/>
              <dgm:constr type="w" for="ch" forName="circle3" refType="w" fact="0.3334"/>
              <dgm:constr type="h" for="ch" forName="circle3" refType="w" refFor="ch" refForName="circle3"/>
              <dgm:constr type="ctrX" for="ch" forName="circle3" refType="ctrX" refFor="ch" refForName="circle1"/>
              <dgm:constr type="ctrY" for="ch" forName="circle3" refType="ctrY" refFor="ch" refForName="circle1"/>
              <dgm:constr type="w" for="ch" forName="text3" refType="w" fact="0.3"/>
              <dgm:constr type="h" for="ch" forName="text3" refType="h" fact="0.1324"/>
              <dgm:constr type="r" for="ch" forName="text3" refType="w"/>
              <dgm:constr type="ctrY" for="ch" forName="text3" refType="h" fact="0.41"/>
              <dgm:constr type="l" for="ch" forName="line3" refType="w" fact="0.625"/>
              <dgm:constr type="ctrY" for="ch" forName="line3" refType="ctrY" refFor="ch" refForName="text3"/>
              <dgm:constr type="w" for="ch" forName="line3" refType="w" fact="0.075"/>
              <dgm:constr type="h" for="ch" forName="line3"/>
              <dgm:constr type="l" for="ch" forName="d3" refType="w" fact="0.394"/>
              <dgm:constr type="b" for="ch" forName="d3" refType="h" fact="0.735"/>
              <dgm:constr type="w" for="ch" forName="d3" refType="w" fact="0.231"/>
              <dgm:constr type="h" for="ch" forName="d3" refType="h" fact="0.325"/>
              <dgm:constr type="w" for="ch" forName="circle4" refType="w" fact="0.4667"/>
              <dgm:constr type="h" for="ch" forName="circle4" refType="w" refFor="ch" refForName="circle4"/>
              <dgm:constr type="ctrX" for="ch" forName="circle4" refType="ctrX" refFor="ch" refForName="circle1"/>
              <dgm:constr type="ctrY" for="ch" forName="circle4" refType="ctrY" refFor="ch" refForName="circle1"/>
              <dgm:constr type="w" for="ch" forName="text4" refType="w" fact="0.3"/>
              <dgm:constr type="h" for="ch" forName="text4" refType="h" fact="0.1324"/>
              <dgm:constr type="r" for="ch" forName="text4" refType="w"/>
              <dgm:constr type="ctrY" for="ch" forName="text4" refType="h" fact="0.547"/>
              <dgm:constr type="l" for="ch" forName="line4" refType="w" fact="0.625"/>
              <dgm:constr type="ctrY" for="ch" forName="line4" refType="ctrY" refFor="ch" refForName="text4"/>
              <dgm:constr type="w" for="ch" forName="line4" refType="w" fact="0.075"/>
              <dgm:constr type="h" for="ch" forName="line4"/>
              <dgm:constr type="l" for="ch" forName="d4" refType="w" fact="0.446"/>
              <dgm:constr type="b" for="ch" forName="d4" refType="h" fact="0.795"/>
              <dgm:constr type="w" for="ch" forName="d4" refType="w" fact="0.179"/>
              <dgm:constr type="h" for="ch" forName="d4" refType="h" fact="0.248"/>
              <dgm:constr type="w" for="ch" forName="circle5" refType="w" fact="0.6"/>
              <dgm:constr type="h" for="ch" forName="circle5" refType="w" refFor="ch" refForName="circle5"/>
              <dgm:constr type="ctrX" for="ch" forName="circle5" refType="ctrX" refFor="ch" refForName="circle1"/>
              <dgm:constr type="ctrY" for="ch" forName="circle5" refType="ctrY" refFor="ch" refForName="circle1"/>
              <dgm:constr type="w" for="ch" forName="text5" refType="w" fact="0.3"/>
              <dgm:constr type="h" for="ch" forName="text5" refType="h" fact="0.1324"/>
              <dgm:constr type="r" for="ch" forName="text5" refType="w"/>
              <dgm:constr type="ctrY" for="ch" forName="text5" refType="h" fact="0.68"/>
              <dgm:constr type="l" for="ch" forName="line5" refType="w" fact="0.625"/>
              <dgm:constr type="ctrY" for="ch" forName="line5" refType="ctrY" refFor="ch" refForName="text5"/>
              <dgm:constr type="w" for="ch" forName="line5" refType="w" fact="0.075"/>
              <dgm:constr type="h" for="ch" forName="line5"/>
              <dgm:constr type="l" for="ch" forName="d5" refType="w" fact="0.495"/>
              <dgm:constr type="b" for="ch" forName="d5" refType="h" fact="0.855"/>
              <dgm:constr type="w" for="ch" forName="d5" refType="w" fact="0.13"/>
              <dgm:constr type="h" for="ch" forName="d5" refType="h" fact="0.175"/>
            </dgm:constrLst>
          </dgm:if>
          <dgm:else name="Name9"/>
        </dgm:choose>
      </dgm:if>
      <dgm:else name="Name10">
        <dgm:choose name="Name11">
          <dgm:if name="Name12" axis="ch" ptType="node" func="cnt" op="equ" val="0">
            <dgm:constrLst/>
          </dgm:if>
          <dgm:if name="Name13" axis="ch" ptType="node" func="cnt" op="equ" val="1">
            <dgm:constrLst>
              <dgm:constr type="primFontSz" for="des" ptType="node" op="equ" val="65"/>
              <dgm:constr type="w" for="ch" forName="circle1" refType="w" fact="0.6"/>
              <dgm:constr type="h" for="ch" forName="circle1" refType="w" refFor="ch" refForName="circle1"/>
              <dgm:constr type="ctrX" for="ch" forName="circle1" refType="w" fact="0.7"/>
              <dgm:constr type="ctrY" for="ch" forName="circle1" refType="h" fact="0.625"/>
              <dgm:constr type="w" for="ch" forName="text1" refType="w" fact="0.3"/>
              <dgm:constr type="h" for="ch" forName="text1" refType="h" fact="0.3125"/>
              <dgm:constr type="l" for="ch" forName="text1"/>
              <dgm:constr type="t" for="ch" forName="text1"/>
              <dgm:constr type="l" for="ch" forName="line1" refType="r" refFor="ch" refForName="text1"/>
              <dgm:constr type="ctrY" for="ch" forName="line1" refType="ctrY" refFor="ch" refForName="text1"/>
              <dgm:constr type="r" for="ch" forName="line1" refType="w" fact="0.375"/>
              <dgm:constr type="h" for="ch" forName="line1"/>
              <dgm:constr type="r" for="ch" forName="d1" refType="w" fact="0.7"/>
              <dgm:constr type="b" for="ch" forName="d1" refType="h" fact="0.625"/>
              <dgm:constr type="w" for="ch" forName="d1" refType="w" fact="0.32475"/>
              <dgm:constr type="h" for="ch" forName="d1" refType="h" fact="0.469"/>
            </dgm:constrLst>
          </dgm:if>
          <dgm:if name="Name14" axis="ch" ptType="node" func="cnt" op="equ" val="2">
            <dgm:constrLst>
              <dgm:constr type="primFontSz" for="des" ptType="node" op="equ" val="65"/>
              <dgm:constr type="w" for="ch" forName="circle1" refType="w" fact="0.2"/>
              <dgm:constr type="h" for="ch" forName="circle1" refType="w" refFor="ch" refForName="circle1"/>
              <dgm:constr type="ctrX" for="ch" forName="circle1" refType="w" fact="0.7"/>
              <dgm:constr type="ctrY" for="ch" forName="circle1" refType="h" fact="0.625"/>
              <dgm:constr type="w" for="ch" forName="text1" refType="w" fact="0.3"/>
              <dgm:constr type="h" for="ch" forName="text1" refType="h" fact="0.3125"/>
              <dgm:constr type="l" for="ch" forName="text1"/>
              <dgm:constr type="t" for="ch" forName="text1"/>
              <dgm:constr type="l" for="ch" forName="line1" refType="r" refFor="ch" refForName="text1"/>
              <dgm:constr type="ctrY" for="ch" forName="line1" refType="ctrY" refFor="ch" refForName="text1"/>
              <dgm:constr type="r" for="ch" forName="line1" refType="w" fact="0.375"/>
              <dgm:constr type="h" for="ch" forName="line1"/>
              <dgm:constr type="r" for="ch" forName="d1" refType="w" fact="0.7"/>
              <dgm:constr type="b" for="ch" forName="d1" refType="h" fact="0.625"/>
              <dgm:constr type="w" for="ch" forName="d1" refType="w" fact="0.32475"/>
              <dgm:constr type="h" for="ch" forName="d1" refType="h" fact="0.469"/>
              <dgm:constr type="w" for="ch" forName="circle2" refType="w" fact="0.6"/>
              <dgm:constr type="h" for="ch" forName="circle2" refType="w" refFor="ch" refForName="circle2"/>
              <dgm:constr type="ctrX" for="ch" forName="circle2" refType="w" fact="0.7"/>
              <dgm:constr type="ctrY" for="ch" forName="circle2" refType="h" fact="0.625"/>
              <dgm:constr type="w" for="ch" forName="text2" refType="w" fact="0.3"/>
              <dgm:constr type="h" for="ch" forName="text2" refType="h" fact="0.3125"/>
              <dgm:constr type="l" for="ch" forName="text2"/>
              <dgm:constr type="t" for="ch" forName="text2" refType="b" refFor="ch" refForName="text1"/>
              <dgm:constr type="l" for="ch" forName="line2" refType="r" refFor="ch" refForName="text2"/>
              <dgm:constr type="ctrY" for="ch" forName="line2" refType="ctrY" refFor="ch" refForName="text2"/>
              <dgm:constr type="r" for="ch" forName="line2" refType="w" fact="0.375"/>
              <dgm:constr type="h" for="ch" forName="line2"/>
              <dgm:constr type="r" for="ch" forName="d2" refType="w" fact="0.55675"/>
              <dgm:constr type="b" for="ch" forName="d2" refType="h" fact="0.7975"/>
              <dgm:constr type="w" for="ch" forName="d2" refType="w" fact="0.1815"/>
              <dgm:constr type="h" for="ch" forName="d2" refType="h" fact="0.3283"/>
            </dgm:constrLst>
          </dgm:if>
          <dgm:if name="Name15" axis="ch" ptType="node" func="cnt" op="equ" val="3">
            <dgm:constrLst>
              <dgm:constr type="primFontSz" for="des" ptType="node" op="equ" val="65"/>
              <dgm:constr type="w" for="ch" forName="circle1" refType="w" fact="0.12"/>
              <dgm:constr type="h" for="ch" forName="circle1" refType="w" refFor="ch" refForName="circle1"/>
              <dgm:constr type="ctrX" for="ch" forName="circle1" refType="w" fact="0.7"/>
              <dgm:constr type="ctrY" for="ch" forName="circle1" refType="h" fact="0.625"/>
              <dgm:constr type="w" for="ch" forName="text1" refType="w" fact="0.3"/>
              <dgm:constr type="h" for="ch" forName="text1" refType="h" fact="0.21875"/>
              <dgm:constr type="l" for="ch" forName="text1"/>
              <dgm:constr type="t" for="ch" forName="text1"/>
              <dgm:constr type="l" for="ch" forName="line1" refType="r" refFor="ch" refForName="text1"/>
              <dgm:constr type="ctrY" for="ch" forName="line1" refType="ctrY" refFor="ch" refForName="text1"/>
              <dgm:constr type="r" for="ch" forName="line1" refType="w" fact="0.375"/>
              <dgm:constr type="h" for="ch" forName="line1"/>
              <dgm:constr type="r" for="ch" forName="d1" refType="w" fact="0.7"/>
              <dgm:constr type="b" for="ch" forName="d1" refType="h" fact="0.625"/>
              <dgm:constr type="w" for="ch" forName="d1" refType="w" fact="0.3247"/>
              <dgm:constr type="h" for="ch" forName="d1" refType="h" fact="0.5155"/>
              <dgm:constr type="w" for="ch" forName="circle2" refType="w" fact="0.36"/>
              <dgm:constr type="h" for="ch" forName="circle2" refType="w" refFor="ch" refForName="circle2"/>
              <dgm:constr type="ctrX" for="ch" forName="circle2" refType="w" fact="0.7"/>
              <dgm:constr type="ctrY" for="ch" forName="circle2" refType="h" fact="0.625"/>
              <dgm:constr type="w" for="ch" forName="text2" refType="w" fact="0.3"/>
              <dgm:constr type="h" for="ch" forName="text2" refType="h" fact="0.21875"/>
              <dgm:constr type="l" for="ch" forName="text2"/>
              <dgm:constr type="t" for="ch" forName="text2" refType="b" refFor="ch" refForName="text1"/>
              <dgm:constr type="l" for="ch" forName="line2" refType="r" refFor="ch" refForName="text2"/>
              <dgm:constr type="ctrY" for="ch" forName="line2" refType="ctrY" refFor="ch" refForName="text2"/>
              <dgm:constr type="r" for="ch" forName="line2" refType="w" fact="0.375"/>
              <dgm:constr type="h" for="ch" forName="line2"/>
              <dgm:constr type="r" for="ch" forName="d2" refType="w" fact="0.614"/>
              <dgm:constr type="b" for="ch" forName="d2" refType="h" fact="0.72969"/>
              <dgm:constr type="w" for="ch" forName="d2" refType="w" fact="0.2387"/>
              <dgm:constr type="h" for="ch" forName="d2" refType="h" fact="0.4017"/>
              <dgm:constr type="w" for="ch" forName="circle3" refType="w" fact="0.6"/>
              <dgm:constr type="h" for="ch" forName="circle3" refType="w" refFor="ch" refForName="circle3"/>
              <dgm:constr type="ctrX" for="ch" forName="circle3" refType="ctrX" refFor="ch" refForName="circle1"/>
              <dgm:constr type="ctrY" for="ch" forName="circle3" refType="ctrY" refFor="ch" refForName="circle1"/>
              <dgm:constr type="w" for="ch" forName="text3" refType="w" fact="0.3"/>
              <dgm:constr type="h" for="ch" forName="text3" refType="h" fact="0.21875"/>
              <dgm:constr type="l" for="ch" forName="text3"/>
              <dgm:constr type="t" for="ch" forName="text3" refType="b" refFor="ch" refForName="text2"/>
              <dgm:constr type="l" for="ch" forName="line3" refType="r" refFor="ch" refForName="text3"/>
              <dgm:constr type="ctrY" for="ch" forName="line3" refType="ctrY" refFor="ch" refForName="text3"/>
              <dgm:constr type="r" for="ch" forName="line3" refType="w" fact="0.375"/>
              <dgm:constr type="h" for="ch" forName="line3"/>
              <dgm:constr type="r" for="ch" forName="d3" refType="w" fact="0.52825"/>
              <dgm:constr type="b" for="ch" forName="d3" refType="h" fact="0.83375"/>
              <dgm:constr type="w" for="ch" forName="d3" refType="w" fact="0.1527"/>
              <dgm:constr type="h" for="ch" forName="d3" refType="h" fact="0.287"/>
            </dgm:constrLst>
          </dgm:if>
          <dgm:if name="Name16" axis="ch" ptType="node" func="cnt" op="equ" val="4">
            <dgm:constrLst>
              <dgm:constr type="primFontSz" for="des" ptType="node" op="equ" val="65"/>
              <dgm:constr type="w" for="ch" forName="circle1" refType="w" fact="0.0857"/>
              <dgm:constr type="h" for="ch" forName="circle1" refType="w" refFor="ch" refForName="circle1"/>
              <dgm:constr type="ctrX" for="ch" forName="circle1" refType="w" fact="0.7"/>
              <dgm:constr type="ctrY" for="ch" forName="circle1" refType="h" fact="0.625"/>
              <dgm:constr type="w" for="ch" forName="text1" refType="w" fact="0.3"/>
              <dgm:constr type="h" for="ch" forName="text1" refType="h" fact="0.17938"/>
              <dgm:constr type="l" for="ch" forName="text1"/>
              <dgm:constr type="t" for="ch" forName="text1"/>
              <dgm:constr type="l" for="ch" forName="line1" refType="r" refFor="ch" refForName="text1"/>
              <dgm:constr type="ctrY" for="ch" forName="line1" refType="ctrY" refFor="ch" refForName="text1"/>
              <dgm:constr type="r" for="ch" forName="line1" refType="w" fact="0.375"/>
              <dgm:constr type="h" for="ch" forName="line1"/>
              <dgm:constr type="r" for="ch" forName="d1" refType="w" fact="0.705"/>
              <dgm:constr type="b" for="ch" forName="d1" refType="h" fact="0.62"/>
              <dgm:constr type="w" for="ch" forName="d1" refType="w" fact="0.33"/>
              <dgm:constr type="h" for="ch" forName="d1" refType="h" fact="0.53"/>
              <dgm:constr type="w" for="ch" forName="circle2" refType="w" fact="0.2571"/>
              <dgm:constr type="h" for="ch" forName="circle2" refType="w" refFor="ch" refForName="circle2"/>
              <dgm:constr type="ctrX" for="ch" forName="circle2" refType="w" fact="0.7"/>
              <dgm:constr type="ctrY" for="ch" forName="circle2" refType="h" fact="0.625"/>
              <dgm:constr type="w" for="ch" forName="text2" refType="w" fact="0.3"/>
              <dgm:constr type="h" for="ch" forName="text2" refType="h" fact="0.17938"/>
              <dgm:constr type="l" for="ch" forName="text2"/>
              <dgm:constr type="t" for="ch" forName="text2" refType="b" refFor="ch" refForName="text1"/>
              <dgm:constr type="l" for="ch" forName="line2" refType="r" refFor="ch" refForName="text2"/>
              <dgm:constr type="ctrY" for="ch" forName="line2" refType="ctrY" refFor="ch" refForName="text2"/>
              <dgm:constr type="r" for="ch" forName="line2" refType="w" fact="0.375"/>
              <dgm:constr type="h" for="ch" forName="line2"/>
              <dgm:constr type="r" for="ch" forName="d2" refType="w" fact="0.63375"/>
              <dgm:constr type="b" for="ch" forName="d2" refType="h" fact="0.70438"/>
              <dgm:constr type="w" for="ch" forName="d2" refType="w" fact="0.2585"/>
              <dgm:constr type="h" for="ch" forName="d2" refType="h" fact="0.43525"/>
              <dgm:constr type="w" for="ch" forName="circle3" refType="w" fact="0.4285"/>
              <dgm:constr type="h" for="ch" forName="circle3" refType="w" refFor="ch" refForName="circle3"/>
              <dgm:constr type="ctrX" for="ch" forName="circle3" refType="ctrX" refFor="ch" refForName="circle1"/>
              <dgm:constr type="ctrY" for="ch" forName="circle3" refType="ctrY" refFor="ch" refForName="circle1"/>
              <dgm:constr type="w" for="ch" forName="text3" refType="w" fact="0.3"/>
              <dgm:constr type="h" for="ch" forName="text3" refType="h" fact="0.17938"/>
              <dgm:constr type="l" for="ch" forName="text3"/>
              <dgm:constr type="t" for="ch" forName="text3" refType="b" refFor="ch" refForName="text2"/>
              <dgm:constr type="l" for="ch" forName="line3" refType="r" refFor="ch" refForName="text3"/>
              <dgm:constr type="ctrY" for="ch" forName="line3" refType="ctrY" refFor="ch" refForName="text3"/>
              <dgm:constr type="r" for="ch" forName="line3" refType="w" fact="0.375"/>
              <dgm:constr type="h" for="ch" forName="line3"/>
              <dgm:constr type="r" for="ch" forName="d3" refType="w" fact="0.5745"/>
              <dgm:constr type="b" for="ch" forName="d3" refType="h" fact="0.78031"/>
              <dgm:constr type="w" for="ch" forName="d3" refType="w" fact="0.1995"/>
              <dgm:constr type="h" for="ch" forName="d3" refType="h" fact="0.332"/>
              <dgm:constr type="w" for="ch" forName="circle4" refType="w" fact="0.6"/>
              <dgm:constr type="h" for="ch" forName="circle4" refType="w" refFor="ch" refForName="circle4"/>
              <dgm:constr type="ctrX" for="ch" forName="circle4" refType="ctrX" refFor="ch" refForName="circle1"/>
              <dgm:constr type="ctrY" for="ch" forName="circle4" refType="ctrY" refFor="ch" refForName="circle1"/>
              <dgm:constr type="w" for="ch" forName="text4" refType="w" fact="0.3"/>
              <dgm:constr type="h" for="ch" forName="text4" refType="h" fact="0.17938"/>
              <dgm:constr type="l" for="ch" forName="text4"/>
              <dgm:constr type="t" for="ch" forName="text4" refType="b" refFor="ch" refForName="text3"/>
              <dgm:constr type="l" for="ch" forName="line4" refType="r" refFor="ch" refForName="text4"/>
              <dgm:constr type="ctrY" for="ch" forName="line4" refType="ctrY" refFor="ch" refForName="text4"/>
              <dgm:constr type="r" for="ch" forName="line4" refType="w" fact="0.375"/>
              <dgm:constr type="h" for="ch" forName="line4"/>
              <dgm:constr type="r" for="ch" forName="d4" refType="w" fact="0.51475"/>
              <dgm:constr type="b" for="ch" forName="d4" refType="h" fact="0.85594"/>
              <dgm:constr type="w" for="ch" forName="d4" refType="w" fact="0.1394"/>
              <dgm:constr type="h" for="ch" forName="d4" refType="h" fact="0.2282"/>
            </dgm:constrLst>
          </dgm:if>
          <dgm:if name="Name17" axis="ch" ptType="node" func="cnt" op="gte" val="5">
            <dgm:constrLst>
              <dgm:constr type="primFontSz" for="des" ptType="node" op="equ" val="65"/>
              <dgm:constr type="w" for="ch" forName="circle1" refType="w" fact="0.0667"/>
              <dgm:constr type="h" for="ch" forName="circle1" refType="w" refFor="ch" refForName="circle1"/>
              <dgm:constr type="ctrX" for="ch" forName="circle1" refType="w" fact="0.7"/>
              <dgm:constr type="ctrY" for="ch" forName="circle1" refType="h" fact="0.625"/>
              <dgm:constr type="w" for="ch" forName="text1" refType="w" fact="0.3"/>
              <dgm:constr type="h" for="ch" forName="text1" refType="h" fact="0.1324"/>
              <dgm:constr type="l" for="ch" forName="text1"/>
              <dgm:constr type="ctrY" for="ch" forName="text1" refType="h" fact="0.13"/>
              <dgm:constr type="l" for="ch" forName="line1" refType="r" refFor="ch" refForName="text1"/>
              <dgm:constr type="ctrY" for="ch" forName="line1" refType="ctrY" refFor="ch" refForName="text1"/>
              <dgm:constr type="r" for="ch" forName="line1" refType="w" fact="0.375"/>
              <dgm:constr type="h" for="ch" forName="line1"/>
              <dgm:constr type="r" for="ch" forName="d1" refType="w" fact="0.7"/>
              <dgm:constr type="b" for="ch" forName="d1" refType="h" fact="0.625"/>
              <dgm:constr type="w" for="ch" forName="d1" refType="w" fact="0.3245"/>
              <dgm:constr type="h" for="ch" forName="d1" refType="h" fact="0.495"/>
              <dgm:constr type="w" for="ch" forName="circle2" refType="w" fact="0.2"/>
              <dgm:constr type="h" for="ch" forName="circle2" refType="w" refFor="ch" refForName="circle2"/>
              <dgm:constr type="ctrX" for="ch" forName="circle2" refType="w" fact="0.7"/>
              <dgm:constr type="ctrY" for="ch" forName="circle2" refType="h" fact="0.625"/>
              <dgm:constr type="w" for="ch" forName="text2" refType="w" fact="0.3"/>
              <dgm:constr type="h" for="ch" forName="text2" refType="h" fact="0.1324"/>
              <dgm:constr type="l" for="ch" forName="text2"/>
              <dgm:constr type="ctrY" for="ch" forName="text2" refType="h" fact="0.27"/>
              <dgm:constr type="l" for="ch" forName="line2" refType="r" refFor="ch" refForName="text2"/>
              <dgm:constr type="ctrY" for="ch" forName="line2" refType="ctrY" refFor="ch" refForName="text2"/>
              <dgm:constr type="r" for="ch" forName="line2" refType="w" fact="0.375"/>
              <dgm:constr type="h" for="ch" forName="line2"/>
              <dgm:constr type="r" for="ch" forName="d2" refType="w" fact="0.6502"/>
              <dgm:constr type="b" for="ch" forName="d2" refType="h" fact="0.682"/>
              <dgm:constr type="w" for="ch" forName="d2" refType="w" fact="0.275"/>
              <dgm:constr type="h" for="ch" forName="d2" refType="h" fact="0.41215"/>
              <dgm:constr type="w" for="ch" forName="circle3" refType="w" fact="0.3334"/>
              <dgm:constr type="h" for="ch" forName="circle3" refType="w" refFor="ch" refForName="circle3"/>
              <dgm:constr type="ctrX" for="ch" forName="circle3" refType="ctrX" refFor="ch" refForName="circle1"/>
              <dgm:constr type="ctrY" for="ch" forName="circle3" refType="ctrY" refFor="ch" refForName="circle1"/>
              <dgm:constr type="w" for="ch" forName="text3" refType="w" fact="0.3"/>
              <dgm:constr type="h" for="ch" forName="text3" refType="h" fact="0.1324"/>
              <dgm:constr type="l" for="ch" forName="text3"/>
              <dgm:constr type="ctrY" for="ch" forName="text3" refType="h" fact="0.41"/>
              <dgm:constr type="l" for="ch" forName="line3" refType="r" refFor="ch" refForName="text3"/>
              <dgm:constr type="ctrY" for="ch" forName="line3" refType="ctrY" refFor="ch" refForName="text3"/>
              <dgm:constr type="r" for="ch" forName="line3" refType="w" fact="0.375"/>
              <dgm:constr type="h" for="ch" forName="line3"/>
              <dgm:constr type="r" for="ch" forName="d3" refType="w" fact="0.606"/>
              <dgm:constr type="b" for="ch" forName="d3" refType="h" fact="0.735"/>
              <dgm:constr type="w" for="ch" forName="d3" refType="w" fact="0.231"/>
              <dgm:constr type="h" for="ch" forName="d3" refType="h" fact="0.325"/>
              <dgm:constr type="w" for="ch" forName="circle4" refType="w" fact="0.4667"/>
              <dgm:constr type="h" for="ch" forName="circle4" refType="w" refFor="ch" refForName="circle4"/>
              <dgm:constr type="ctrX" for="ch" forName="circle4" refType="ctrX" refFor="ch" refForName="circle1"/>
              <dgm:constr type="ctrY" for="ch" forName="circle4" refType="ctrY" refFor="ch" refForName="circle1"/>
              <dgm:constr type="w" for="ch" forName="text4" refType="w" fact="0.3"/>
              <dgm:constr type="h" for="ch" forName="text4" refType="h" fact="0.1324"/>
              <dgm:constr type="l" for="ch" forName="text4"/>
              <dgm:constr type="ctrY" for="ch" forName="text4" refType="h" fact="0.547"/>
              <dgm:constr type="l" for="ch" forName="line4" refType="r" refFor="ch" refForName="text4"/>
              <dgm:constr type="ctrY" for="ch" forName="line4" refType="ctrY" refFor="ch" refForName="text4"/>
              <dgm:constr type="r" for="ch" forName="line4" refType="w" fact="0.375"/>
              <dgm:constr type="h" for="ch" forName="line4"/>
              <dgm:constr type="r" for="ch" forName="d4" refType="w" fact="0.554"/>
              <dgm:constr type="b" for="ch" forName="d4" refType="h" fact="0.795"/>
              <dgm:constr type="w" for="ch" forName="d4" refType="w" fact="0.179"/>
              <dgm:constr type="h" for="ch" forName="d4" refType="h" fact="0.248"/>
              <dgm:constr type="w" for="ch" forName="circle5" refType="w" fact="0.6"/>
              <dgm:constr type="h" for="ch" forName="circle5" refType="w" refFor="ch" refForName="circle5"/>
              <dgm:constr type="ctrX" for="ch" forName="circle5" refType="ctrX" refFor="ch" refForName="circle1"/>
              <dgm:constr type="ctrY" for="ch" forName="circle5" refType="ctrY" refFor="ch" refForName="circle1"/>
              <dgm:constr type="w" for="ch" forName="text5" refType="w" fact="0.3"/>
              <dgm:constr type="h" for="ch" forName="text5" refType="h" fact="0.1324"/>
              <dgm:constr type="l" for="ch" forName="text5"/>
              <dgm:constr type="ctrY" for="ch" forName="text5" refType="h" fact="0.68"/>
              <dgm:constr type="l" for="ch" forName="line5" refType="r" refFor="ch" refForName="text5"/>
              <dgm:constr type="ctrY" for="ch" forName="line5" refType="ctrY" refFor="ch" refForName="text5"/>
              <dgm:constr type="r" for="ch" forName="line5" refType="w" fact="0.375"/>
              <dgm:constr type="h" for="ch" forName="line5"/>
              <dgm:constr type="r" for="ch" forName="d5" refType="w" fact="0.505"/>
              <dgm:constr type="b" for="ch" forName="d5" refType="h" fact="0.855"/>
              <dgm:constr type="w" for="ch" forName="d5" refType="w" fact="0.13"/>
              <dgm:constr type="h" for="ch" forName="d5" refType="h" fact="0.175"/>
            </dgm:constrLst>
          </dgm:if>
          <dgm:else name="Name18"/>
        </dgm:choose>
      </dgm:else>
    </dgm:choose>
    <dgm:ruleLst/>
    <dgm:forEach name="Name19" axis="ch" ptType="node" cnt="1">
      <dgm:layoutNode name="circle1" styleLbl="lnNode1">
        <dgm:alg type="sp"/>
        <dgm:shape xmlns:r="http://schemas.openxmlformats.org/officeDocument/2006/relationships" type="ellipse" r:blip="">
          <dgm:adjLst/>
        </dgm:shape>
        <dgm:presOf/>
        <dgm:constrLst/>
        <dgm:ruleLst/>
      </dgm:layoutNode>
      <dgm:layoutNode name="text1" styleLbl="revTx">
        <dgm:varLst>
          <dgm:bulletEnabled val="1"/>
        </dgm:varLst>
        <dgm:choose name="Name20">
          <dgm:if name="Name21" func="var" arg="dir" op="equ" val="norm">
            <dgm:choose name="Name22">
              <dgm:if name="Name23" axis="root des" ptType="all node" func="maxDepth" op="gt" val="1">
                <dgm:alg type="tx">
                  <dgm:param type="parTxLTRAlign" val="l"/>
                  <dgm:param type="parTxRTLAlign" val="r"/>
                </dgm:alg>
              </dgm:if>
              <dgm:else name="Name24">
                <dgm:alg type="tx">
                  <dgm:param type="parTxLTRAlign" val="l"/>
                  <dgm:param type="parTxRTLAlign" val="l"/>
                </dgm:alg>
              </dgm:else>
            </dgm:choose>
          </dgm:if>
          <dgm:else name="Name25">
            <dgm:choose name="Name26">
              <dgm:if name="Name27" axis="root des" ptType="all node" func="maxDepth" op="gt" val="1">
                <dgm:alg type="tx">
                  <dgm:param type="parTxLTRAlign" val="l"/>
                  <dgm:param type="parTxRTLAlign" val="r"/>
                </dgm:alg>
              </dgm:if>
              <dgm:else name="Name28">
                <dgm:alg type="tx">
                  <dgm:param type="parTxLTRAlign" val="r"/>
                  <dgm:param type="parTxRTLAlign" val="r"/>
                </dgm:alg>
              </dgm:else>
            </dgm:choose>
          </dgm:else>
        </dgm:choose>
        <dgm:shape xmlns:r="http://schemas.openxmlformats.org/officeDocument/2006/relationships" type="rect" r:blip="">
          <dgm:adjLst/>
        </dgm:shape>
        <dgm:presOf axis="desOrSelf" ptType="node"/>
        <dgm:choose name="Name29">
          <dgm:if name="Name30" func="var" arg="dir" op="equ" val="norm">
            <dgm:constrLst>
              <dgm:constr type="tMarg" refType="primFontSz" fact="0.1"/>
              <dgm:constr type="bMarg" refType="primFontSz" fact="0.1"/>
              <dgm:constr type="rMarg" refType="primFontSz" fact="0.1"/>
            </dgm:constrLst>
          </dgm:if>
          <dgm:else name="Name31">
            <dgm:constrLst>
              <dgm:constr type="tMarg" refType="primFontSz" fact="0.1"/>
              <dgm:constr type="bMarg" refType="primFontSz" fact="0.1"/>
              <dgm:constr type="lMarg" refType="primFontSz" fact="0.1"/>
            </dgm:constrLst>
          </dgm:else>
        </dgm:choose>
        <dgm:ruleLst>
          <dgm:rule type="primFontSz" val="5" fact="NaN" max="NaN"/>
        </dgm:ruleLst>
      </dgm:layoutNode>
      <dgm:layoutNode name="line1" styleLbl="callout">
        <dgm:alg type="sp"/>
        <dgm:shape xmlns:r="http://schemas.openxmlformats.org/officeDocument/2006/relationships" type="line" r:blip="">
          <dgm:adjLst/>
        </dgm:shape>
        <dgm:presOf/>
        <dgm:constrLst/>
        <dgm:ruleLst/>
      </dgm:layoutNode>
      <dgm:layoutNode name="d1" styleLbl="callout">
        <dgm:alg type="sp"/>
        <dgm:choose name="Name32">
          <dgm:if name="Name33" func="var" arg="dir" op="equ" val="norm">
            <dgm:shape xmlns:r="http://schemas.openxmlformats.org/officeDocument/2006/relationships" rot="90" type="line" r:blip="">
              <dgm:adjLst/>
            </dgm:shape>
          </dgm:if>
          <dgm:else name="Name34">
            <dgm:shape xmlns:r="http://schemas.openxmlformats.org/officeDocument/2006/relationships" rot="180" type="line" r:blip="">
              <dgm:adjLst/>
            </dgm:shape>
          </dgm:else>
        </dgm:choose>
        <dgm:presOf/>
        <dgm:constrLst/>
        <dgm:ruleLst/>
      </dgm:layoutNode>
    </dgm:forEach>
    <dgm:forEach name="Name35" axis="ch" ptType="node" st="2" cnt="1">
      <dgm:layoutNode name="circle2" styleLbl="lnNode1">
        <dgm:alg type="sp"/>
        <dgm:shape xmlns:r="http://schemas.openxmlformats.org/officeDocument/2006/relationships" type="ellipse" r:blip="" zOrderOff="-5">
          <dgm:adjLst/>
        </dgm:shape>
        <dgm:presOf/>
        <dgm:constrLst/>
        <dgm:ruleLst/>
      </dgm:layoutNode>
      <dgm:layoutNode name="text2" styleLbl="revTx">
        <dgm:varLst>
          <dgm:bulletEnabled val="1"/>
        </dgm:varLst>
        <dgm:choose name="Name36">
          <dgm:if name="Name37" func="var" arg="dir" op="equ" val="norm">
            <dgm:choose name="Name38">
              <dgm:if name="Name39" axis="root des" ptType="all node" func="maxDepth" op="gt" val="1">
                <dgm:alg type="tx">
                  <dgm:param type="parTxLTRAlign" val="l"/>
                  <dgm:param type="parTxRTLAlign" val="r"/>
                </dgm:alg>
              </dgm:if>
              <dgm:else name="Name40">
                <dgm:alg type="tx">
                  <dgm:param type="parTxLTRAlign" val="l"/>
                  <dgm:param type="parTxRTLAlign" val="l"/>
                </dgm:alg>
              </dgm:else>
            </dgm:choose>
          </dgm:if>
          <dgm:else name="Name41">
            <dgm:choose name="Name42">
              <dgm:if name="Name43" axis="root des" ptType="all node" func="maxDepth" op="gt" val="1">
                <dgm:alg type="tx">
                  <dgm:param type="parTxLTRAlign" val="l"/>
                  <dgm:param type="parTxRTLAlign" val="r"/>
                </dgm:alg>
              </dgm:if>
              <dgm:else name="Name44">
                <dgm:alg type="tx">
                  <dgm:param type="parTxLTRAlign" val="r"/>
                  <dgm:param type="parTxRTLAlign" val="r"/>
                </dgm:alg>
              </dgm:else>
            </dgm:choose>
          </dgm:else>
        </dgm:choose>
        <dgm:shape xmlns:r="http://schemas.openxmlformats.org/officeDocument/2006/relationships" type="rect" r:blip="">
          <dgm:adjLst/>
        </dgm:shape>
        <dgm:presOf axis="desOrSelf" ptType="node"/>
        <dgm:choose name="Name45">
          <dgm:if name="Name46" func="var" arg="dir" op="equ" val="norm">
            <dgm:constrLst>
              <dgm:constr type="tMarg" refType="primFontSz" fact="0.1"/>
              <dgm:constr type="bMarg" refType="primFontSz" fact="0.1"/>
              <dgm:constr type="rMarg" refType="primFontSz" fact="0.1"/>
            </dgm:constrLst>
          </dgm:if>
          <dgm:else name="Name47">
            <dgm:constrLst>
              <dgm:constr type="tMarg" refType="primFontSz" fact="0.1"/>
              <dgm:constr type="bMarg" refType="primFontSz" fact="0.1"/>
              <dgm:constr type="lMarg" refType="primFontSz" fact="0.1"/>
            </dgm:constrLst>
          </dgm:else>
        </dgm:choose>
        <dgm:ruleLst>
          <dgm:rule type="primFontSz" val="5" fact="NaN" max="NaN"/>
        </dgm:ruleLst>
      </dgm:layoutNode>
      <dgm:layoutNode name="line2" styleLbl="callout">
        <dgm:alg type="sp"/>
        <dgm:shape xmlns:r="http://schemas.openxmlformats.org/officeDocument/2006/relationships" type="line" r:blip="">
          <dgm:adjLst/>
        </dgm:shape>
        <dgm:presOf/>
        <dgm:constrLst/>
        <dgm:ruleLst/>
      </dgm:layoutNode>
      <dgm:layoutNode name="d2" styleLbl="callout">
        <dgm:alg type="sp"/>
        <dgm:choose name="Name48">
          <dgm:if name="Name49" func="var" arg="dir" op="equ" val="norm">
            <dgm:shape xmlns:r="http://schemas.openxmlformats.org/officeDocument/2006/relationships" rot="90" type="line" r:blip="">
              <dgm:adjLst/>
            </dgm:shape>
          </dgm:if>
          <dgm:else name="Name50">
            <dgm:shape xmlns:r="http://schemas.openxmlformats.org/officeDocument/2006/relationships" rot="180" type="line" r:blip="">
              <dgm:adjLst/>
            </dgm:shape>
          </dgm:else>
        </dgm:choose>
        <dgm:presOf/>
        <dgm:constrLst/>
        <dgm:ruleLst/>
      </dgm:layoutNode>
    </dgm:forEach>
    <dgm:forEach name="Name51" axis="ch" ptType="node" st="3" cnt="1">
      <dgm:layoutNode name="circle3" styleLbl="lnNode1">
        <dgm:alg type="sp"/>
        <dgm:shape xmlns:r="http://schemas.openxmlformats.org/officeDocument/2006/relationships" type="ellipse" r:blip="" zOrderOff="-10">
          <dgm:adjLst/>
        </dgm:shape>
        <dgm:presOf/>
        <dgm:constrLst/>
        <dgm:ruleLst/>
      </dgm:layoutNode>
      <dgm:layoutNode name="text3" styleLbl="revTx">
        <dgm:varLst>
          <dgm:bulletEnabled val="1"/>
        </dgm:varLst>
        <dgm:choose name="Name52">
          <dgm:if name="Name53" func="var" arg="dir" op="equ" val="norm">
            <dgm:choose name="Name54">
              <dgm:if name="Name55" axis="root des" ptType="all node" func="maxDepth" op="gt" val="1">
                <dgm:alg type="tx">
                  <dgm:param type="parTxLTRAlign" val="l"/>
                  <dgm:param type="parTxRTLAlign" val="r"/>
                </dgm:alg>
              </dgm:if>
              <dgm:else name="Name56">
                <dgm:alg type="tx">
                  <dgm:param type="parTxLTRAlign" val="l"/>
                  <dgm:param type="parTxRTLAlign" val="l"/>
                </dgm:alg>
              </dgm:else>
            </dgm:choose>
          </dgm:if>
          <dgm:else name="Name57">
            <dgm:choose name="Name58">
              <dgm:if name="Name59" axis="root des" ptType="all node" func="maxDepth" op="gt" val="1">
                <dgm:alg type="tx">
                  <dgm:param type="parTxLTRAlign" val="l"/>
                  <dgm:param type="parTxRTLAlign" val="r"/>
                </dgm:alg>
              </dgm:if>
              <dgm:else name="Name60">
                <dgm:alg type="tx">
                  <dgm:param type="parTxLTRAlign" val="r"/>
                  <dgm:param type="parTxRTLAlign" val="r"/>
                </dgm:alg>
              </dgm:else>
            </dgm:choose>
          </dgm:else>
        </dgm:choose>
        <dgm:shape xmlns:r="http://schemas.openxmlformats.org/officeDocument/2006/relationships" type="rect" r:blip="">
          <dgm:adjLst/>
        </dgm:shape>
        <dgm:presOf axis="desOrSelf" ptType="node"/>
        <dgm:choose name="Name61">
          <dgm:if name="Name62" func="var" arg="dir" op="equ" val="norm">
            <dgm:constrLst>
              <dgm:constr type="tMarg" refType="primFontSz" fact="0.1"/>
              <dgm:constr type="bMarg" refType="primFontSz" fact="0.1"/>
              <dgm:constr type="rMarg" refType="primFontSz" fact="0.1"/>
            </dgm:constrLst>
          </dgm:if>
          <dgm:else name="Name63">
            <dgm:constrLst>
              <dgm:constr type="tMarg" refType="primFontSz" fact="0.1"/>
              <dgm:constr type="bMarg" refType="primFontSz" fact="0.1"/>
              <dgm:constr type="lMarg" refType="primFontSz" fact="0.1"/>
            </dgm:constrLst>
          </dgm:else>
        </dgm:choose>
        <dgm:ruleLst>
          <dgm:rule type="primFontSz" val="5" fact="NaN" max="NaN"/>
        </dgm:ruleLst>
      </dgm:layoutNode>
      <dgm:layoutNode name="line3" styleLbl="callout">
        <dgm:alg type="sp"/>
        <dgm:shape xmlns:r="http://schemas.openxmlformats.org/officeDocument/2006/relationships" type="line" r:blip="">
          <dgm:adjLst/>
        </dgm:shape>
        <dgm:presOf/>
        <dgm:constrLst/>
        <dgm:ruleLst/>
      </dgm:layoutNode>
      <dgm:layoutNode name="d3" styleLbl="callout">
        <dgm:alg type="sp"/>
        <dgm:choose name="Name64">
          <dgm:if name="Name65" func="var" arg="dir" op="equ" val="norm">
            <dgm:shape xmlns:r="http://schemas.openxmlformats.org/officeDocument/2006/relationships" rot="90" type="line" r:blip="">
              <dgm:adjLst/>
            </dgm:shape>
          </dgm:if>
          <dgm:else name="Name66">
            <dgm:shape xmlns:r="http://schemas.openxmlformats.org/officeDocument/2006/relationships" rot="180" type="line" r:blip="">
              <dgm:adjLst/>
            </dgm:shape>
          </dgm:else>
        </dgm:choose>
        <dgm:presOf/>
        <dgm:constrLst/>
        <dgm:ruleLst/>
      </dgm:layoutNode>
    </dgm:forEach>
    <dgm:forEach name="Name67" axis="ch" ptType="node" st="4" cnt="1">
      <dgm:layoutNode name="circle4" styleLbl="lnNode1">
        <dgm:alg type="sp"/>
        <dgm:shape xmlns:r="http://schemas.openxmlformats.org/officeDocument/2006/relationships" type="ellipse" r:blip="" zOrderOff="-15">
          <dgm:adjLst/>
        </dgm:shape>
        <dgm:presOf/>
        <dgm:constrLst/>
        <dgm:ruleLst/>
      </dgm:layoutNode>
      <dgm:layoutNode name="text4" styleLbl="revTx">
        <dgm:varLst>
          <dgm:bulletEnabled val="1"/>
        </dgm:varLst>
        <dgm:choose name="Name68">
          <dgm:if name="Name69" func="var" arg="dir" op="equ" val="norm">
            <dgm:choose name="Name70">
              <dgm:if name="Name71" axis="root des" ptType="all node" func="maxDepth" op="gt" val="1">
                <dgm:alg type="tx">
                  <dgm:param type="parTxLTRAlign" val="l"/>
                  <dgm:param type="parTxRTLAlign" val="r"/>
                </dgm:alg>
              </dgm:if>
              <dgm:else name="Name72">
                <dgm:alg type="tx">
                  <dgm:param type="parTxLTRAlign" val="l"/>
                  <dgm:param type="parTxRTLAlign" val="l"/>
                </dgm:alg>
              </dgm:else>
            </dgm:choose>
          </dgm:if>
          <dgm:else name="Name73">
            <dgm:choose name="Name74">
              <dgm:if name="Name75" axis="root des" ptType="all node" func="maxDepth" op="gt" val="1">
                <dgm:alg type="tx">
                  <dgm:param type="parTxLTRAlign" val="l"/>
                  <dgm:param type="parTxRTLAlign" val="r"/>
                </dgm:alg>
              </dgm:if>
              <dgm:else name="Name76">
                <dgm:alg type="tx">
                  <dgm:param type="parTxLTRAlign" val="r"/>
                  <dgm:param type="parTxRTLAlign" val="r"/>
                </dgm:alg>
              </dgm:else>
            </dgm:choose>
          </dgm:else>
        </dgm:choose>
        <dgm:shape xmlns:r="http://schemas.openxmlformats.org/officeDocument/2006/relationships" type="rect" r:blip="">
          <dgm:adjLst/>
        </dgm:shape>
        <dgm:presOf axis="desOrSelf" ptType="node"/>
        <dgm:choose name="Name77">
          <dgm:if name="Name78" func="var" arg="dir" op="equ" val="norm">
            <dgm:constrLst>
              <dgm:constr type="tMarg" refType="primFontSz" fact="0.1"/>
              <dgm:constr type="bMarg" refType="primFontSz" fact="0.1"/>
              <dgm:constr type="rMarg" refType="primFontSz" fact="0.1"/>
            </dgm:constrLst>
          </dgm:if>
          <dgm:else name="Name79">
            <dgm:constrLst>
              <dgm:constr type="tMarg" refType="primFontSz" fact="0.1"/>
              <dgm:constr type="bMarg" refType="primFontSz" fact="0.1"/>
              <dgm:constr type="lMarg" refType="primFontSz" fact="0.1"/>
            </dgm:constrLst>
          </dgm:else>
        </dgm:choose>
        <dgm:ruleLst>
          <dgm:rule type="primFontSz" val="5" fact="NaN" max="NaN"/>
        </dgm:ruleLst>
      </dgm:layoutNode>
      <dgm:layoutNode name="line4" styleLbl="callout">
        <dgm:alg type="sp"/>
        <dgm:shape xmlns:r="http://schemas.openxmlformats.org/officeDocument/2006/relationships" type="line" r:blip="">
          <dgm:adjLst/>
        </dgm:shape>
        <dgm:presOf/>
        <dgm:constrLst/>
        <dgm:ruleLst/>
      </dgm:layoutNode>
      <dgm:layoutNode name="d4" styleLbl="callout">
        <dgm:alg type="sp"/>
        <dgm:choose name="Name80">
          <dgm:if name="Name81" func="var" arg="dir" op="equ" val="norm">
            <dgm:shape xmlns:r="http://schemas.openxmlformats.org/officeDocument/2006/relationships" rot="90" type="line" r:blip="">
              <dgm:adjLst/>
            </dgm:shape>
          </dgm:if>
          <dgm:else name="Name82">
            <dgm:shape xmlns:r="http://schemas.openxmlformats.org/officeDocument/2006/relationships" rot="180" type="line" r:blip="">
              <dgm:adjLst/>
            </dgm:shape>
          </dgm:else>
        </dgm:choose>
        <dgm:presOf/>
        <dgm:constrLst/>
        <dgm:ruleLst/>
      </dgm:layoutNode>
    </dgm:forEach>
    <dgm:forEach name="Name83" axis="ch" ptType="node" st="5" cnt="1">
      <dgm:layoutNode name="circle5" styleLbl="lnNode1">
        <dgm:alg type="sp"/>
        <dgm:shape xmlns:r="http://schemas.openxmlformats.org/officeDocument/2006/relationships" type="ellipse" r:blip="" zOrderOff="-20">
          <dgm:adjLst/>
        </dgm:shape>
        <dgm:presOf/>
        <dgm:constrLst/>
        <dgm:ruleLst/>
      </dgm:layoutNode>
      <dgm:layoutNode name="text5" styleLbl="revTx">
        <dgm:varLst>
          <dgm:bulletEnabled val="1"/>
        </dgm:varLst>
        <dgm:choose name="Name84">
          <dgm:if name="Name85" func="var" arg="dir" op="equ" val="norm">
            <dgm:choose name="Name86">
              <dgm:if name="Name87" axis="root des" ptType="all node" func="maxDepth" op="gt" val="1">
                <dgm:alg type="tx">
                  <dgm:param type="parTxLTRAlign" val="l"/>
                  <dgm:param type="parTxRTLAlign" val="r"/>
                </dgm:alg>
              </dgm:if>
              <dgm:else name="Name88">
                <dgm:alg type="tx">
                  <dgm:param type="parTxLTRAlign" val="l"/>
                  <dgm:param type="parTxRTLAlign" val="l"/>
                </dgm:alg>
              </dgm:else>
            </dgm:choose>
          </dgm:if>
          <dgm:else name="Name89">
            <dgm:choose name="Name90">
              <dgm:if name="Name91" axis="root des" ptType="all node" func="maxDepth" op="gt" val="1">
                <dgm:alg type="tx">
                  <dgm:param type="parTxLTRAlign" val="l"/>
                  <dgm:param type="parTxRTLAlign" val="r"/>
                </dgm:alg>
              </dgm:if>
              <dgm:else name="Name92">
                <dgm:alg type="tx">
                  <dgm:param type="parTxLTRAlign" val="r"/>
                  <dgm:param type="parTxRTLAlign" val="r"/>
                </dgm:alg>
              </dgm:else>
            </dgm:choose>
          </dgm:else>
        </dgm:choose>
        <dgm:shape xmlns:r="http://schemas.openxmlformats.org/officeDocument/2006/relationships" type="rect" r:blip="">
          <dgm:adjLst/>
        </dgm:shape>
        <dgm:presOf axis="desOrSelf" ptType="node"/>
        <dgm:choose name="Name93">
          <dgm:if name="Name94" func="var" arg="dir" op="equ" val="norm">
            <dgm:constrLst>
              <dgm:constr type="tMarg" refType="primFontSz" fact="0.1"/>
              <dgm:constr type="bMarg" refType="primFontSz" fact="0.1"/>
              <dgm:constr type="rMarg" refType="primFontSz" fact="0.1"/>
            </dgm:constrLst>
          </dgm:if>
          <dgm:else name="Name95">
            <dgm:constrLst>
              <dgm:constr type="tMarg" refType="primFontSz" fact="0.1"/>
              <dgm:constr type="bMarg" refType="primFontSz" fact="0.1"/>
              <dgm:constr type="lMarg" refType="primFontSz" fact="0.1"/>
            </dgm:constrLst>
          </dgm:else>
        </dgm:choose>
        <dgm:ruleLst>
          <dgm:rule type="primFontSz" val="5" fact="NaN" max="NaN"/>
        </dgm:ruleLst>
      </dgm:layoutNode>
      <dgm:layoutNode name="line5" styleLbl="callout">
        <dgm:alg type="sp"/>
        <dgm:shape xmlns:r="http://schemas.openxmlformats.org/officeDocument/2006/relationships" type="line" r:blip="">
          <dgm:adjLst/>
        </dgm:shape>
        <dgm:presOf/>
        <dgm:constrLst/>
        <dgm:ruleLst/>
      </dgm:layoutNode>
      <dgm:layoutNode name="d5" styleLbl="callout">
        <dgm:alg type="sp"/>
        <dgm:choose name="Name96">
          <dgm:if name="Name97" func="var" arg="dir" op="equ" val="norm">
            <dgm:shape xmlns:r="http://schemas.openxmlformats.org/officeDocument/2006/relationships" rot="90" type="line" r:blip="">
              <dgm:adjLst/>
            </dgm:shape>
          </dgm:if>
          <dgm:else name="Name98">
            <dgm:shape xmlns:r="http://schemas.openxmlformats.org/officeDocument/2006/relationships" rot="180" type="line" r:blip="">
              <dgm:adjLst/>
            </dgm:shape>
          </dgm:else>
        </dgm:choose>
        <dgm:presOf/>
        <dgm:constrLst/>
        <dgm:ruleLst/>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1.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_rels/vmlDrawing1.vml.rels><?xml version="1.0" encoding="UTF-8" standalone="yes"?>
<Relationships xmlns="http://schemas.openxmlformats.org/package/2006/relationships"><Relationship Id="rId1" Type="http://schemas.openxmlformats.org/officeDocument/2006/relationships/image" Target="../media/image7.png"/></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0898" name="Rectangle 2"/>
          <p:cNvSpPr>
            <a:spLocks noGrp="1" noChangeArrowheads="1"/>
          </p:cNvSpPr>
          <p:nvPr>
            <p:ph type="hdr" sz="quarter"/>
          </p:nvPr>
        </p:nvSpPr>
        <p:spPr bwMode="auto">
          <a:xfrm>
            <a:off x="0" y="0"/>
            <a:ext cx="3009900" cy="463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2738" tIns="46368" rIns="92738" bIns="46368" numCol="1" anchor="t" anchorCtr="0" compatLnSpc="1">
            <a:prstTxWarp prst="textNoShape">
              <a:avLst/>
            </a:prstTxWarp>
          </a:bodyPr>
          <a:lstStyle>
            <a:lvl1pPr algn="r" defTabSz="925513" rtl="1">
              <a:defRPr sz="1200">
                <a:ea typeface="굴림" pitchFamily="34" charset="-127"/>
              </a:defRPr>
            </a:lvl1pPr>
          </a:lstStyle>
          <a:p>
            <a:endParaRPr lang="he-IL"/>
          </a:p>
        </p:txBody>
      </p:sp>
      <p:sp>
        <p:nvSpPr>
          <p:cNvPr id="80899" name="Rectangle 3"/>
          <p:cNvSpPr>
            <a:spLocks noGrp="1" noChangeArrowheads="1"/>
          </p:cNvSpPr>
          <p:nvPr>
            <p:ph type="dt" idx="1"/>
          </p:nvPr>
        </p:nvSpPr>
        <p:spPr bwMode="auto">
          <a:xfrm>
            <a:off x="3937000" y="0"/>
            <a:ext cx="3009900" cy="463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2738" tIns="46368" rIns="92738" bIns="46368" numCol="1" anchor="t" anchorCtr="0" compatLnSpc="1">
            <a:prstTxWarp prst="textNoShape">
              <a:avLst/>
            </a:prstTxWarp>
          </a:bodyPr>
          <a:lstStyle>
            <a:lvl1pPr algn="l" defTabSz="925513" rtl="1">
              <a:defRPr sz="1200">
                <a:ea typeface="굴림" pitchFamily="34" charset="-127"/>
              </a:defRPr>
            </a:lvl1pPr>
          </a:lstStyle>
          <a:p>
            <a:endParaRPr lang="he-IL"/>
          </a:p>
        </p:txBody>
      </p:sp>
      <p:sp>
        <p:nvSpPr>
          <p:cNvPr id="80900" name="Rectangle 4"/>
          <p:cNvSpPr>
            <a:spLocks noGrp="1" noRot="1" noChangeAspect="1" noChangeArrowheads="1" noTextEdit="1"/>
          </p:cNvSpPr>
          <p:nvPr>
            <p:ph type="sldImg" idx="2"/>
          </p:nvPr>
        </p:nvSpPr>
        <p:spPr bwMode="auto">
          <a:xfrm>
            <a:off x="1152525" y="696913"/>
            <a:ext cx="4641850" cy="3481387"/>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80901" name="Rectangle 5"/>
          <p:cNvSpPr>
            <a:spLocks noGrp="1" noChangeArrowheads="1"/>
          </p:cNvSpPr>
          <p:nvPr>
            <p:ph type="body" sz="quarter" idx="3"/>
          </p:nvPr>
        </p:nvSpPr>
        <p:spPr bwMode="auto">
          <a:xfrm>
            <a:off x="925513" y="4410075"/>
            <a:ext cx="5095875" cy="417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2738" tIns="46368" rIns="92738" bIns="46368" numCol="1" anchor="t" anchorCtr="0" compatLnSpc="1">
            <a:prstTxWarp prst="textNoShape">
              <a:avLst/>
            </a:prstTxWarp>
          </a:bodyPr>
          <a:lstStyle/>
          <a:p>
            <a:pPr lvl="0"/>
            <a:r>
              <a:rPr lang="he-IL" smtClean="0"/>
              <a:t>לחץ כדי לערוך סגנונות טקסט של תבנית בסיס</a:t>
            </a:r>
          </a:p>
          <a:p>
            <a:pPr lvl="1"/>
            <a:r>
              <a:rPr lang="he-IL" smtClean="0"/>
              <a:t>רמה שניה</a:t>
            </a:r>
          </a:p>
          <a:p>
            <a:pPr lvl="2"/>
            <a:r>
              <a:rPr lang="he-IL" smtClean="0"/>
              <a:t>רמה שלישית</a:t>
            </a:r>
          </a:p>
          <a:p>
            <a:pPr lvl="3"/>
            <a:r>
              <a:rPr lang="he-IL" smtClean="0"/>
              <a:t>רמה רביעית</a:t>
            </a:r>
          </a:p>
          <a:p>
            <a:pPr lvl="4"/>
            <a:r>
              <a:rPr lang="he-IL" smtClean="0"/>
              <a:t>רמה חמישית</a:t>
            </a:r>
          </a:p>
        </p:txBody>
      </p:sp>
      <p:sp>
        <p:nvSpPr>
          <p:cNvPr id="80902" name="Rectangle 6"/>
          <p:cNvSpPr>
            <a:spLocks noGrp="1" noChangeArrowheads="1"/>
          </p:cNvSpPr>
          <p:nvPr>
            <p:ph type="ftr" sz="quarter" idx="4"/>
          </p:nvPr>
        </p:nvSpPr>
        <p:spPr bwMode="auto">
          <a:xfrm>
            <a:off x="0" y="8820150"/>
            <a:ext cx="3009900" cy="463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2738" tIns="46368" rIns="92738" bIns="46368" numCol="1" anchor="b" anchorCtr="0" compatLnSpc="1">
            <a:prstTxWarp prst="textNoShape">
              <a:avLst/>
            </a:prstTxWarp>
          </a:bodyPr>
          <a:lstStyle>
            <a:lvl1pPr algn="r" defTabSz="925513" rtl="1">
              <a:defRPr sz="1200">
                <a:ea typeface="굴림" pitchFamily="34" charset="-127"/>
              </a:defRPr>
            </a:lvl1pPr>
          </a:lstStyle>
          <a:p>
            <a:endParaRPr lang="he-IL"/>
          </a:p>
        </p:txBody>
      </p:sp>
      <p:sp>
        <p:nvSpPr>
          <p:cNvPr id="80903" name="Rectangle 7"/>
          <p:cNvSpPr>
            <a:spLocks noGrp="1" noChangeArrowheads="1"/>
          </p:cNvSpPr>
          <p:nvPr>
            <p:ph type="sldNum" sz="quarter" idx="5"/>
          </p:nvPr>
        </p:nvSpPr>
        <p:spPr bwMode="auto">
          <a:xfrm>
            <a:off x="3937000" y="8820150"/>
            <a:ext cx="3009900" cy="4635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2738" tIns="46368" rIns="92738" bIns="46368" numCol="1" anchor="b" anchorCtr="0" compatLnSpc="1">
            <a:prstTxWarp prst="textNoShape">
              <a:avLst/>
            </a:prstTxWarp>
          </a:bodyPr>
          <a:lstStyle>
            <a:lvl1pPr algn="l" defTabSz="925513" rtl="1">
              <a:defRPr sz="1200">
                <a:ea typeface="굴림" pitchFamily="34" charset="-127"/>
              </a:defRPr>
            </a:lvl1pPr>
          </a:lstStyle>
          <a:p>
            <a:fld id="{ABFE148C-B3FF-4F14-A00F-D3FB63FB143F}" type="slidenum">
              <a:rPr lang="ar-SA"/>
              <a:pPr/>
              <a:t>‹#›</a:t>
            </a:fld>
            <a:endParaRPr lang="he-IL"/>
          </a:p>
        </p:txBody>
      </p:sp>
    </p:spTree>
    <p:extLst>
      <p:ext uri="{BB962C8B-B14F-4D97-AF65-F5344CB8AC3E}">
        <p14:creationId xmlns:p14="http://schemas.microsoft.com/office/powerpoint/2010/main" val="492729496"/>
      </p:ext>
    </p:extLst>
  </p:cSld>
  <p:clrMap bg1="lt1" tx1="dk1" bg2="lt2" tx2="dk2" accent1="accent1" accent2="accent2" accent3="accent3" accent4="accent4" accent5="accent5" accent6="accent6" hlink="hlink" folHlink="folHlink"/>
  <p:notesStyle>
    <a:lvl1pPr algn="r" rtl="1" fontAlgn="base">
      <a:spcBef>
        <a:spcPct val="30000"/>
      </a:spcBef>
      <a:spcAft>
        <a:spcPct val="0"/>
      </a:spcAft>
      <a:defRPr kumimoji="1" sz="1200" kern="1200">
        <a:solidFill>
          <a:schemeClr val="tx1"/>
        </a:solidFill>
        <a:latin typeface="Tahoma" pitchFamily="34" charset="0"/>
        <a:ea typeface="+mn-ea"/>
        <a:cs typeface="Times New Roman" pitchFamily="18" charset="0"/>
      </a:defRPr>
    </a:lvl1pPr>
    <a:lvl2pPr marL="457200" algn="r" rtl="1" fontAlgn="base">
      <a:spcBef>
        <a:spcPct val="30000"/>
      </a:spcBef>
      <a:spcAft>
        <a:spcPct val="0"/>
      </a:spcAft>
      <a:defRPr kumimoji="1" sz="1200" kern="1200">
        <a:solidFill>
          <a:schemeClr val="tx1"/>
        </a:solidFill>
        <a:latin typeface="Tahoma" pitchFamily="34" charset="0"/>
        <a:ea typeface="+mn-ea"/>
        <a:cs typeface="Times New Roman" pitchFamily="18" charset="0"/>
      </a:defRPr>
    </a:lvl2pPr>
    <a:lvl3pPr marL="914400" algn="r" rtl="1" fontAlgn="base">
      <a:spcBef>
        <a:spcPct val="30000"/>
      </a:spcBef>
      <a:spcAft>
        <a:spcPct val="0"/>
      </a:spcAft>
      <a:defRPr kumimoji="1" sz="1200" kern="1200">
        <a:solidFill>
          <a:schemeClr val="tx1"/>
        </a:solidFill>
        <a:latin typeface="Tahoma" pitchFamily="34" charset="0"/>
        <a:ea typeface="+mn-ea"/>
        <a:cs typeface="Times New Roman" pitchFamily="18" charset="0"/>
      </a:defRPr>
    </a:lvl3pPr>
    <a:lvl4pPr marL="1371600" algn="r" rtl="1" fontAlgn="base">
      <a:spcBef>
        <a:spcPct val="30000"/>
      </a:spcBef>
      <a:spcAft>
        <a:spcPct val="0"/>
      </a:spcAft>
      <a:defRPr kumimoji="1" sz="1200" kern="1200">
        <a:solidFill>
          <a:schemeClr val="tx1"/>
        </a:solidFill>
        <a:latin typeface="Tahoma" pitchFamily="34" charset="0"/>
        <a:ea typeface="+mn-ea"/>
        <a:cs typeface="Times New Roman" pitchFamily="18" charset="0"/>
      </a:defRPr>
    </a:lvl4pPr>
    <a:lvl5pPr marL="1828800" algn="r" rtl="1" fontAlgn="base">
      <a:spcBef>
        <a:spcPct val="30000"/>
      </a:spcBef>
      <a:spcAft>
        <a:spcPct val="0"/>
      </a:spcAft>
      <a:defRPr kumimoji="1" sz="1200" kern="1200">
        <a:solidFill>
          <a:schemeClr val="tx1"/>
        </a:solidFill>
        <a:latin typeface="Tahoma" pitchFamily="34" charset="0"/>
        <a:ea typeface="+mn-ea"/>
        <a:cs typeface="Times New Roman" pitchFamily="18" charset="0"/>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של תמונת שקופית 1"/>
          <p:cNvSpPr>
            <a:spLocks noGrp="1" noRot="1" noChangeAspect="1"/>
          </p:cNvSpPr>
          <p:nvPr>
            <p:ph type="sldImg"/>
          </p:nvPr>
        </p:nvSpPr>
        <p:spPr/>
      </p:sp>
      <p:sp>
        <p:nvSpPr>
          <p:cNvPr id="3" name="מציין מיקום של הערות 2"/>
          <p:cNvSpPr>
            <a:spLocks noGrp="1"/>
          </p:cNvSpPr>
          <p:nvPr>
            <p:ph type="body" idx="1"/>
          </p:nvPr>
        </p:nvSpPr>
        <p:spPr/>
        <p:txBody>
          <a:bodyPr/>
          <a:lstStyle/>
          <a:p>
            <a:endParaRPr lang="he-IL" dirty="0"/>
          </a:p>
        </p:txBody>
      </p:sp>
      <p:sp>
        <p:nvSpPr>
          <p:cNvPr id="4" name="מציין מיקום של מספר שקופית 3"/>
          <p:cNvSpPr>
            <a:spLocks noGrp="1"/>
          </p:cNvSpPr>
          <p:nvPr>
            <p:ph type="sldNum" sz="quarter" idx="10"/>
          </p:nvPr>
        </p:nvSpPr>
        <p:spPr/>
        <p:txBody>
          <a:bodyPr/>
          <a:lstStyle/>
          <a:p>
            <a:fld id="{ABFE148C-B3FF-4F14-A00F-D3FB63FB143F}" type="slidenum">
              <a:rPr lang="ar-SA" smtClean="0"/>
              <a:pPr/>
              <a:t>1</a:t>
            </a:fld>
            <a:endParaRPr lang="he-IL"/>
          </a:p>
        </p:txBody>
      </p:sp>
    </p:spTree>
    <p:extLst>
      <p:ext uri="{BB962C8B-B14F-4D97-AF65-F5344CB8AC3E}">
        <p14:creationId xmlns:p14="http://schemas.microsoft.com/office/powerpoint/2010/main" val="380483580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6898" name="מציין מיקום של תמונת שקופית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36899" name="מציין מיקום של הערות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spcBef>
                <a:spcPct val="0"/>
              </a:spcBef>
            </a:pPr>
            <a:endParaRPr lang="he-IL" altLang="he-IL" smtClean="0"/>
          </a:p>
        </p:txBody>
      </p:sp>
      <p:sp>
        <p:nvSpPr>
          <p:cNvPr id="336900" name="מציין מיקום של מספר שקופית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defTabSz="935038"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defTabSz="935038"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defTabSz="935038"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defTabSz="935038"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defTabSz="935038"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defTabSz="935038"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defTabSz="935038"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defTabSz="935038"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defTabSz="935038"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a:spcBef>
                <a:spcPct val="0"/>
              </a:spcBef>
            </a:pPr>
            <a:fld id="{09DC47EC-3349-43BE-ACF2-86952228EF20}" type="slidenum">
              <a:rPr lang="he-IL" altLang="he-IL">
                <a:solidFill>
                  <a:srgbClr val="000000"/>
                </a:solidFill>
                <a:latin typeface="Arial" panose="020B0604020202020204" pitchFamily="34" charset="0"/>
              </a:rPr>
              <a:pPr algn="l">
                <a:spcBef>
                  <a:spcPct val="0"/>
                </a:spcBef>
              </a:pPr>
              <a:t>17</a:t>
            </a:fld>
            <a:endParaRPr lang="en-US" altLang="he-IL">
              <a:solidFill>
                <a:srgbClr val="000000"/>
              </a:solidFill>
              <a:latin typeface="Arial" panose="020B0604020202020204" pitchFamily="34" charset="0"/>
            </a:endParaRPr>
          </a:p>
        </p:txBody>
      </p:sp>
    </p:spTree>
    <p:extLst>
      <p:ext uri="{BB962C8B-B14F-4D97-AF65-F5344CB8AC3E}">
        <p14:creationId xmlns:p14="http://schemas.microsoft.com/office/powerpoint/2010/main" val="336592166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8946" name="מציין מיקום של תמונת שקופית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38947" name="מציין מיקום של הערות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spcBef>
                <a:spcPct val="0"/>
              </a:spcBef>
            </a:pPr>
            <a:r>
              <a:rPr lang="he-IL" altLang="he-IL" dirty="0" smtClean="0"/>
              <a:t>שקופית קצת לא ברורה...</a:t>
            </a:r>
          </a:p>
          <a:p>
            <a:pPr eaLnBrk="1" hangingPunct="1">
              <a:spcBef>
                <a:spcPct val="0"/>
              </a:spcBef>
            </a:pPr>
            <a:r>
              <a:rPr lang="he-IL" altLang="he-IL" dirty="0" smtClean="0"/>
              <a:t>מה</a:t>
            </a:r>
            <a:r>
              <a:rPr lang="he-IL" altLang="he-IL" baseline="0" dirty="0" smtClean="0"/>
              <a:t> הכותרת לכל ריבוע</a:t>
            </a:r>
          </a:p>
          <a:p>
            <a:pPr eaLnBrk="1" hangingPunct="1">
              <a:spcBef>
                <a:spcPct val="0"/>
              </a:spcBef>
            </a:pPr>
            <a:r>
              <a:rPr lang="he-IL" altLang="he-IL" baseline="0" dirty="0" smtClean="0"/>
              <a:t>נראה כמו אוסף של סיסמאות</a:t>
            </a:r>
            <a:endParaRPr lang="he-IL" altLang="he-IL" dirty="0" smtClean="0"/>
          </a:p>
        </p:txBody>
      </p:sp>
      <p:sp>
        <p:nvSpPr>
          <p:cNvPr id="338948" name="מציין מיקום של מספר שקופית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defTabSz="935038"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defTabSz="935038"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defTabSz="935038"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defTabSz="935038"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defTabSz="935038"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defTabSz="935038"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defTabSz="935038"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defTabSz="935038"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defTabSz="935038"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a:spcBef>
                <a:spcPct val="0"/>
              </a:spcBef>
            </a:pPr>
            <a:fld id="{353D377A-4896-4705-90BA-C6833387ECB2}" type="slidenum">
              <a:rPr lang="he-IL" altLang="he-IL">
                <a:solidFill>
                  <a:srgbClr val="000000"/>
                </a:solidFill>
                <a:latin typeface="Arial" panose="020B0604020202020204" pitchFamily="34" charset="0"/>
              </a:rPr>
              <a:pPr algn="l">
                <a:spcBef>
                  <a:spcPct val="0"/>
                </a:spcBef>
              </a:pPr>
              <a:t>18</a:t>
            </a:fld>
            <a:endParaRPr lang="en-US" altLang="he-IL">
              <a:solidFill>
                <a:srgbClr val="000000"/>
              </a:solidFill>
              <a:latin typeface="Arial" panose="020B0604020202020204" pitchFamily="34" charset="0"/>
            </a:endParaRPr>
          </a:p>
        </p:txBody>
      </p:sp>
    </p:spTree>
    <p:extLst>
      <p:ext uri="{BB962C8B-B14F-4D97-AF65-F5344CB8AC3E}">
        <p14:creationId xmlns:p14="http://schemas.microsoft.com/office/powerpoint/2010/main" val="28820218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1778" name="מציין מיקום של תמונת שקופית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31779" name="מציין מיקום של הערות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spcBef>
                <a:spcPct val="0"/>
              </a:spcBef>
            </a:pPr>
            <a:endParaRPr lang="he-IL" altLang="he-IL" smtClean="0"/>
          </a:p>
        </p:txBody>
      </p:sp>
      <p:sp>
        <p:nvSpPr>
          <p:cNvPr id="331780" name="מציין מיקום של מספר שקופית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a:spcBef>
                <a:spcPct val="0"/>
              </a:spcBef>
            </a:pPr>
            <a:fld id="{2DE4A183-6918-427A-8209-F555B7A7C45F}" type="slidenum">
              <a:rPr lang="he-IL" altLang="he-IL"/>
              <a:pPr algn="l">
                <a:spcBef>
                  <a:spcPct val="0"/>
                </a:spcBef>
              </a:pPr>
              <a:t>19</a:t>
            </a:fld>
            <a:endParaRPr lang="he-IL" altLang="he-IL"/>
          </a:p>
        </p:txBody>
      </p:sp>
    </p:spTree>
    <p:extLst>
      <p:ext uri="{BB962C8B-B14F-4D97-AF65-F5344CB8AC3E}">
        <p14:creationId xmlns:p14="http://schemas.microsoft.com/office/powerpoint/2010/main" val="414862231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0898" name="מציין מיקום של תמונת שקופית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80899" name="מציין מיקום של הערות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spcBef>
                <a:spcPct val="0"/>
              </a:spcBef>
            </a:pPr>
            <a:r>
              <a:rPr lang="he-IL" altLang="he-IL" dirty="0" smtClean="0"/>
              <a:t>הייתי עושה שקופית אחת עם</a:t>
            </a:r>
            <a:r>
              <a:rPr lang="he-IL" altLang="he-IL" baseline="0" dirty="0" smtClean="0"/>
              <a:t> התמונות של כולם ושורה או שתים מתחת לכל אחד</a:t>
            </a:r>
          </a:p>
          <a:p>
            <a:pPr eaLnBrk="1" hangingPunct="1">
              <a:spcBef>
                <a:spcPct val="0"/>
              </a:spcBef>
            </a:pPr>
            <a:r>
              <a:rPr lang="he-IL" altLang="he-IL" baseline="0" dirty="0" smtClean="0"/>
              <a:t>זה שוב עמוס מדי לדעתי...</a:t>
            </a:r>
            <a:endParaRPr lang="he-IL" altLang="he-IL" dirty="0" smtClean="0"/>
          </a:p>
        </p:txBody>
      </p:sp>
      <p:sp>
        <p:nvSpPr>
          <p:cNvPr id="80900" name="מציין מיקום של מספר שקופית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defTabSz="892175"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defTabSz="892175"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a:spcBef>
                <a:spcPct val="0"/>
              </a:spcBef>
            </a:pPr>
            <a:fld id="{BBF415E0-4B44-4FBC-A47C-B785ACF3ED52}" type="slidenum">
              <a:rPr lang="he-IL" altLang="he-IL">
                <a:solidFill>
                  <a:srgbClr val="000000"/>
                </a:solidFill>
                <a:latin typeface="Arial" panose="020B0604020202020204" pitchFamily="34" charset="0"/>
              </a:rPr>
              <a:pPr algn="l">
                <a:spcBef>
                  <a:spcPct val="0"/>
                </a:spcBef>
              </a:pPr>
              <a:t>20</a:t>
            </a:fld>
            <a:endParaRPr lang="en-US" altLang="he-IL">
              <a:solidFill>
                <a:srgbClr val="000000"/>
              </a:solidFill>
              <a:latin typeface="Arial" panose="020B0604020202020204" pitchFamily="34" charset="0"/>
            </a:endParaRPr>
          </a:p>
        </p:txBody>
      </p:sp>
    </p:spTree>
    <p:extLst>
      <p:ext uri="{BB962C8B-B14F-4D97-AF65-F5344CB8AC3E}">
        <p14:creationId xmlns:p14="http://schemas.microsoft.com/office/powerpoint/2010/main" val="290337000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1794"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61795"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spcBef>
                <a:spcPct val="0"/>
              </a:spcBef>
            </a:pPr>
            <a:r>
              <a:rPr lang="he-IL" altLang="he-IL" smtClean="0"/>
              <a:t>הרצועה מתבססת כמוקד התנועה ("הממשל" כנכס אסטרטגי); עזיבת סוריה פגעה בהשפעת הנהגת ה"חוץ"; השפעה גוברת לזרוע הצבאית בקבלת ההחלטות ובמוסדות ההנהגה</a:t>
            </a:r>
            <a:endParaRPr lang="en-US" altLang="he-IL" smtClean="0"/>
          </a:p>
          <a:p>
            <a:pPr eaLnBrk="1" hangingPunct="1">
              <a:spcBef>
                <a:spcPct val="0"/>
              </a:spcBef>
            </a:pPr>
            <a:endParaRPr lang="he-IL" altLang="he-IL" smtClean="0"/>
          </a:p>
        </p:txBody>
      </p:sp>
      <p:sp>
        <p:nvSpPr>
          <p:cNvPr id="161796"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defTabSz="892175"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defTabSz="892175"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a:spcBef>
                <a:spcPct val="0"/>
              </a:spcBef>
            </a:pPr>
            <a:fld id="{B763C988-6A2B-4219-A839-23112B4FF986}" type="slidenum">
              <a:rPr lang="he-IL" altLang="he-IL">
                <a:solidFill>
                  <a:srgbClr val="000000"/>
                </a:solidFill>
                <a:latin typeface="Arial" panose="020B0604020202020204" pitchFamily="34" charset="0"/>
              </a:rPr>
              <a:pPr algn="l">
                <a:spcBef>
                  <a:spcPct val="0"/>
                </a:spcBef>
              </a:pPr>
              <a:t>21</a:t>
            </a:fld>
            <a:endParaRPr lang="en-US" altLang="he-IL">
              <a:solidFill>
                <a:srgbClr val="000000"/>
              </a:solidFill>
              <a:latin typeface="Arial" panose="020B0604020202020204" pitchFamily="34" charset="0"/>
            </a:endParaRPr>
          </a:p>
        </p:txBody>
      </p:sp>
    </p:spTree>
    <p:extLst>
      <p:ext uri="{BB962C8B-B14F-4D97-AF65-F5344CB8AC3E}">
        <p14:creationId xmlns:p14="http://schemas.microsoft.com/office/powerpoint/2010/main" val="136077167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6978" name="מציין מיקום של תמונת שקופית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26979" name="מציין מיקום של הערות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he-IL" altLang="he-IL" smtClean="0"/>
          </a:p>
        </p:txBody>
      </p:sp>
      <p:sp>
        <p:nvSpPr>
          <p:cNvPr id="126980" name="מציין מיקום של מספר שקופית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defTabSz="892175"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defTabSz="892175"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a:spcBef>
                <a:spcPct val="0"/>
              </a:spcBef>
            </a:pPr>
            <a:fld id="{62EC9E37-32DB-42DE-AB0B-D59F0F347EB7}" type="slidenum">
              <a:rPr lang="he-IL" altLang="he-IL">
                <a:solidFill>
                  <a:srgbClr val="000000"/>
                </a:solidFill>
                <a:latin typeface="Arial" panose="020B0604020202020204" pitchFamily="34" charset="0"/>
              </a:rPr>
              <a:pPr algn="l">
                <a:spcBef>
                  <a:spcPct val="0"/>
                </a:spcBef>
              </a:pPr>
              <a:t>22</a:t>
            </a:fld>
            <a:endParaRPr lang="en-US" altLang="he-IL">
              <a:solidFill>
                <a:srgbClr val="000000"/>
              </a:solidFill>
              <a:latin typeface="Arial" panose="020B0604020202020204" pitchFamily="34" charset="0"/>
            </a:endParaRPr>
          </a:p>
        </p:txBody>
      </p:sp>
    </p:spTree>
    <p:extLst>
      <p:ext uri="{BB962C8B-B14F-4D97-AF65-F5344CB8AC3E}">
        <p14:creationId xmlns:p14="http://schemas.microsoft.com/office/powerpoint/2010/main" val="57627985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770" name="מציין מיקום של תמונת שקופית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2771" name="מציין מיקום של הערות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spcBef>
                <a:spcPct val="0"/>
              </a:spcBef>
            </a:pPr>
            <a:r>
              <a:rPr lang="he-IL" altLang="he-IL" dirty="0" smtClean="0"/>
              <a:t>עומס שקופיות של המנהיגים, ללא חוט מקשר</a:t>
            </a:r>
          </a:p>
        </p:txBody>
      </p:sp>
      <p:sp>
        <p:nvSpPr>
          <p:cNvPr id="32772" name="מציין מיקום של מספר שקופית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defTabSz="935038"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defTabSz="935038"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defTabSz="935038"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defTabSz="935038"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defTabSz="935038"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defTabSz="935038"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defTabSz="935038"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defTabSz="935038"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defTabSz="935038"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a:spcBef>
                <a:spcPct val="0"/>
              </a:spcBef>
            </a:pPr>
            <a:fld id="{395CFFF8-DD4C-4A49-8608-E34164163F70}" type="slidenum">
              <a:rPr lang="he-IL" altLang="he-IL">
                <a:solidFill>
                  <a:srgbClr val="000000"/>
                </a:solidFill>
                <a:latin typeface="Arial" panose="020B0604020202020204" pitchFamily="34" charset="0"/>
              </a:rPr>
              <a:pPr algn="l">
                <a:spcBef>
                  <a:spcPct val="0"/>
                </a:spcBef>
              </a:pPr>
              <a:t>23</a:t>
            </a:fld>
            <a:endParaRPr lang="en-US" altLang="he-IL">
              <a:solidFill>
                <a:srgbClr val="000000"/>
              </a:solidFill>
              <a:latin typeface="Arial" panose="020B0604020202020204" pitchFamily="34" charset="0"/>
            </a:endParaRPr>
          </a:p>
        </p:txBody>
      </p:sp>
    </p:spTree>
    <p:extLst>
      <p:ext uri="{BB962C8B-B14F-4D97-AF65-F5344CB8AC3E}">
        <p14:creationId xmlns:p14="http://schemas.microsoft.com/office/powerpoint/2010/main" val="4029849307"/>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8354" name="מציין מיקום של תמונת שקופית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28355" name="מציין מיקום של הערות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he-IL" altLang="he-IL" smtClean="0"/>
          </a:p>
        </p:txBody>
      </p:sp>
      <p:sp>
        <p:nvSpPr>
          <p:cNvPr id="228356" name="מציין מיקום של מספר שקופית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a:spcBef>
                <a:spcPct val="0"/>
              </a:spcBef>
            </a:pPr>
            <a:fld id="{A16F6EF7-59C3-4457-A3DC-6A3357ED3969}" type="slidenum">
              <a:rPr lang="he-IL" altLang="he-IL"/>
              <a:pPr algn="l">
                <a:spcBef>
                  <a:spcPct val="0"/>
                </a:spcBef>
              </a:pPr>
              <a:t>24</a:t>
            </a:fld>
            <a:endParaRPr lang="he-IL" altLang="he-IL"/>
          </a:p>
        </p:txBody>
      </p:sp>
    </p:spTree>
    <p:extLst>
      <p:ext uri="{BB962C8B-B14F-4D97-AF65-F5344CB8AC3E}">
        <p14:creationId xmlns:p14="http://schemas.microsoft.com/office/powerpoint/2010/main" val="220653533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0834"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20835"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89849" tIns="44924" rIns="89849" bIns="44924"/>
          <a:lstStyle/>
          <a:p>
            <a:pPr algn="just" defTabSz="715963" eaLnBrk="1" hangingPunct="1">
              <a:spcBef>
                <a:spcPts val="1800"/>
              </a:spcBef>
              <a:spcAft>
                <a:spcPts val="1200"/>
              </a:spcAft>
            </a:pPr>
            <a:endParaRPr lang="he-IL" altLang="he-IL" smtClean="0"/>
          </a:p>
        </p:txBody>
      </p:sp>
      <p:sp>
        <p:nvSpPr>
          <p:cNvPr id="120836" name="Slide Number Placeholder 3"/>
          <p:cNvSpPr txBox="1">
            <a:spLocks noGrp="1"/>
          </p:cNvSpPr>
          <p:nvPr/>
        </p:nvSpPr>
        <p:spPr bwMode="auto">
          <a:xfrm>
            <a:off x="1588" y="9409113"/>
            <a:ext cx="2949575" cy="495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89849" tIns="44924" rIns="89849" bIns="44924" anchor="b"/>
          <a:lstStyle>
            <a:lvl1pPr algn="r"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eaLnBrk="1" hangingPunct="1">
              <a:spcBef>
                <a:spcPct val="0"/>
              </a:spcBef>
            </a:pPr>
            <a:fld id="{93515A3B-1F85-4DCC-A79E-8522F05424B6}" type="slidenum">
              <a:rPr lang="he-IL" altLang="he-IL">
                <a:solidFill>
                  <a:srgbClr val="000000"/>
                </a:solidFill>
              </a:rPr>
              <a:pPr algn="l" eaLnBrk="1" hangingPunct="1">
                <a:spcBef>
                  <a:spcPct val="0"/>
                </a:spcBef>
              </a:pPr>
              <a:t>25</a:t>
            </a:fld>
            <a:endParaRPr lang="he-IL" altLang="he-IL">
              <a:solidFill>
                <a:srgbClr val="000000"/>
              </a:solidFill>
            </a:endParaRPr>
          </a:p>
        </p:txBody>
      </p:sp>
    </p:spTree>
    <p:extLst>
      <p:ext uri="{BB962C8B-B14F-4D97-AF65-F5344CB8AC3E}">
        <p14:creationId xmlns:p14="http://schemas.microsoft.com/office/powerpoint/2010/main" val="409519808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9794" name="מציין מיקום של תמונת שקופית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89795" name="מציין מיקום של הערות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r>
              <a:rPr lang="he-IL" altLang="he-IL" dirty="0" smtClean="0"/>
              <a:t>כאן הייתי מכניס קריקטורות שמבהירות את המצב</a:t>
            </a:r>
          </a:p>
        </p:txBody>
      </p:sp>
      <p:sp>
        <p:nvSpPr>
          <p:cNvPr id="289796" name="מציין מיקום של מספר שקופית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a:spcBef>
                <a:spcPct val="0"/>
              </a:spcBef>
            </a:pPr>
            <a:fld id="{E221F74B-7250-4B24-8FC9-2BAD0A9751EB}" type="slidenum">
              <a:rPr lang="he-IL" altLang="he-IL"/>
              <a:pPr algn="l">
                <a:spcBef>
                  <a:spcPct val="0"/>
                </a:spcBef>
              </a:pPr>
              <a:t>26</a:t>
            </a:fld>
            <a:endParaRPr lang="he-IL" altLang="he-IL"/>
          </a:p>
        </p:txBody>
      </p:sp>
    </p:spTree>
    <p:extLst>
      <p:ext uri="{BB962C8B-B14F-4D97-AF65-F5344CB8AC3E}">
        <p14:creationId xmlns:p14="http://schemas.microsoft.com/office/powerpoint/2010/main" val="400191329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של תמונת שקופית 1"/>
          <p:cNvSpPr>
            <a:spLocks noGrp="1" noRot="1" noChangeAspect="1"/>
          </p:cNvSpPr>
          <p:nvPr>
            <p:ph type="sldImg"/>
          </p:nvPr>
        </p:nvSpPr>
        <p:spPr/>
      </p:sp>
      <p:sp>
        <p:nvSpPr>
          <p:cNvPr id="3" name="מציין מיקום של הערות 2"/>
          <p:cNvSpPr>
            <a:spLocks noGrp="1"/>
          </p:cNvSpPr>
          <p:nvPr>
            <p:ph type="body" idx="1"/>
          </p:nvPr>
        </p:nvSpPr>
        <p:spPr/>
        <p:txBody>
          <a:bodyPr/>
          <a:lstStyle/>
          <a:p>
            <a:endParaRPr lang="he-IL" dirty="0"/>
          </a:p>
        </p:txBody>
      </p:sp>
      <p:sp>
        <p:nvSpPr>
          <p:cNvPr id="4" name="מציין מיקום של מספר שקופית 3"/>
          <p:cNvSpPr>
            <a:spLocks noGrp="1"/>
          </p:cNvSpPr>
          <p:nvPr>
            <p:ph type="sldNum" sz="quarter" idx="10"/>
          </p:nvPr>
        </p:nvSpPr>
        <p:spPr/>
        <p:txBody>
          <a:bodyPr/>
          <a:lstStyle/>
          <a:p>
            <a:fld id="{ABFE148C-B3FF-4F14-A00F-D3FB63FB143F}" type="slidenum">
              <a:rPr lang="ar-SA" smtClean="0"/>
              <a:pPr/>
              <a:t>2</a:t>
            </a:fld>
            <a:endParaRPr lang="he-IL"/>
          </a:p>
        </p:txBody>
      </p:sp>
    </p:spTree>
    <p:extLst>
      <p:ext uri="{BB962C8B-B14F-4D97-AF65-F5344CB8AC3E}">
        <p14:creationId xmlns:p14="http://schemas.microsoft.com/office/powerpoint/2010/main" val="2490408415"/>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62" name="מציין מיקום של תמונת שקופית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45763" name="מציין מיקום של הערות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spcBef>
                <a:spcPct val="0"/>
              </a:spcBef>
            </a:pPr>
            <a:r>
              <a:rPr lang="he-IL" altLang="he-IL" dirty="0" smtClean="0"/>
              <a:t>מיותר, כבר מופיע למעלה</a:t>
            </a:r>
          </a:p>
        </p:txBody>
      </p:sp>
      <p:sp>
        <p:nvSpPr>
          <p:cNvPr id="245764" name="מציין מיקום של מספר שקופית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a:spcBef>
                <a:spcPct val="0"/>
              </a:spcBef>
            </a:pPr>
            <a:fld id="{D354EA0B-90A7-43D1-BE2C-2B663775F24D}" type="slidenum">
              <a:rPr lang="he-IL" altLang="he-IL"/>
              <a:pPr algn="l">
                <a:spcBef>
                  <a:spcPct val="0"/>
                </a:spcBef>
              </a:pPr>
              <a:t>27</a:t>
            </a:fld>
            <a:endParaRPr lang="he-IL" altLang="he-IL"/>
          </a:p>
        </p:txBody>
      </p:sp>
    </p:spTree>
    <p:extLst>
      <p:ext uri="{BB962C8B-B14F-4D97-AF65-F5344CB8AC3E}">
        <p14:creationId xmlns:p14="http://schemas.microsoft.com/office/powerpoint/2010/main" val="2528745422"/>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של תמונת שקופית 1"/>
          <p:cNvSpPr>
            <a:spLocks noGrp="1" noRot="1" noChangeAspect="1"/>
          </p:cNvSpPr>
          <p:nvPr>
            <p:ph type="sldImg"/>
          </p:nvPr>
        </p:nvSpPr>
        <p:spPr/>
      </p:sp>
      <p:sp>
        <p:nvSpPr>
          <p:cNvPr id="3" name="מציין מיקום של הערות 2"/>
          <p:cNvSpPr>
            <a:spLocks noGrp="1"/>
          </p:cNvSpPr>
          <p:nvPr>
            <p:ph type="body" idx="1"/>
          </p:nvPr>
        </p:nvSpPr>
        <p:spPr/>
        <p:txBody>
          <a:bodyPr/>
          <a:lstStyle/>
          <a:p>
            <a:r>
              <a:rPr lang="he-IL" dirty="0" smtClean="0"/>
              <a:t>שקופית מעולה</a:t>
            </a:r>
            <a:endParaRPr lang="he-IL" dirty="0"/>
          </a:p>
        </p:txBody>
      </p:sp>
      <p:sp>
        <p:nvSpPr>
          <p:cNvPr id="4" name="מציין מיקום של מספר שקופית 3"/>
          <p:cNvSpPr>
            <a:spLocks noGrp="1"/>
          </p:cNvSpPr>
          <p:nvPr>
            <p:ph type="sldNum" sz="quarter" idx="10"/>
          </p:nvPr>
        </p:nvSpPr>
        <p:spPr/>
        <p:txBody>
          <a:bodyPr/>
          <a:lstStyle/>
          <a:p>
            <a:fld id="{ABFE148C-B3FF-4F14-A00F-D3FB63FB143F}" type="slidenum">
              <a:rPr lang="ar-SA" smtClean="0"/>
              <a:pPr/>
              <a:t>28</a:t>
            </a:fld>
            <a:endParaRPr lang="he-IL"/>
          </a:p>
        </p:txBody>
      </p:sp>
    </p:spTree>
    <p:extLst>
      <p:ext uri="{BB962C8B-B14F-4D97-AF65-F5344CB8AC3E}">
        <p14:creationId xmlns:p14="http://schemas.microsoft.com/office/powerpoint/2010/main" val="46895834"/>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4850" name="מציין מיקום של תמונת שקופית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34851" name="מציין מיקום של הערות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spcBef>
                <a:spcPct val="0"/>
              </a:spcBef>
            </a:pPr>
            <a:endParaRPr lang="he-IL" altLang="he-IL" dirty="0" smtClean="0"/>
          </a:p>
        </p:txBody>
      </p:sp>
      <p:sp>
        <p:nvSpPr>
          <p:cNvPr id="334852" name="מציין מיקום של מספר שקופית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a:spcBef>
                <a:spcPct val="0"/>
              </a:spcBef>
            </a:pPr>
            <a:fld id="{5A0051C2-9606-4AA1-A125-ABB6C0B4AA66}" type="slidenum">
              <a:rPr lang="he-IL" altLang="he-IL"/>
              <a:pPr algn="l">
                <a:spcBef>
                  <a:spcPct val="0"/>
                </a:spcBef>
              </a:pPr>
              <a:t>29</a:t>
            </a:fld>
            <a:endParaRPr lang="he-IL" altLang="he-IL"/>
          </a:p>
        </p:txBody>
      </p:sp>
    </p:spTree>
    <p:extLst>
      <p:ext uri="{BB962C8B-B14F-4D97-AF65-F5344CB8AC3E}">
        <p14:creationId xmlns:p14="http://schemas.microsoft.com/office/powerpoint/2010/main" val="2745505318"/>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0658" name="מציין מיקום של תמונת שקופית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70659" name="מציין מיקום של הערות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spcBef>
                <a:spcPct val="0"/>
              </a:spcBef>
            </a:pPr>
            <a:r>
              <a:rPr lang="he-IL" altLang="he-IL" dirty="0" smtClean="0"/>
              <a:t>זה צריך להיכנס למעלה</a:t>
            </a:r>
            <a:r>
              <a:rPr lang="he-IL" altLang="he-IL" baseline="0" dirty="0" smtClean="0"/>
              <a:t> </a:t>
            </a:r>
          </a:p>
          <a:p>
            <a:pPr eaLnBrk="1" hangingPunct="1">
              <a:spcBef>
                <a:spcPct val="0"/>
              </a:spcBef>
            </a:pPr>
            <a:r>
              <a:rPr lang="he-IL" altLang="he-IL" baseline="0" dirty="0" smtClean="0"/>
              <a:t>ולכן ריבוי השקופיות יוצר לדעתי בלבול</a:t>
            </a:r>
            <a:endParaRPr lang="he-IL" altLang="he-IL" dirty="0" smtClean="0"/>
          </a:p>
        </p:txBody>
      </p:sp>
      <p:sp>
        <p:nvSpPr>
          <p:cNvPr id="70660" name="מציין מיקום של מספר שקופית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defTabSz="892175"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defTabSz="892175"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a:spcBef>
                <a:spcPct val="0"/>
              </a:spcBef>
            </a:pPr>
            <a:fld id="{CCE6A6D6-1BDA-4CE4-A5A0-433365E450C8}" type="slidenum">
              <a:rPr lang="he-IL" altLang="he-IL">
                <a:solidFill>
                  <a:srgbClr val="000000"/>
                </a:solidFill>
                <a:latin typeface="Arial" panose="020B0604020202020204" pitchFamily="34" charset="0"/>
              </a:rPr>
              <a:pPr algn="l">
                <a:spcBef>
                  <a:spcPct val="0"/>
                </a:spcBef>
              </a:pPr>
              <a:t>30</a:t>
            </a:fld>
            <a:endParaRPr lang="en-US" altLang="he-IL">
              <a:solidFill>
                <a:srgbClr val="000000"/>
              </a:solidFill>
              <a:latin typeface="Arial" panose="020B0604020202020204" pitchFamily="34" charset="0"/>
            </a:endParaRPr>
          </a:p>
        </p:txBody>
      </p:sp>
    </p:spTree>
    <p:extLst>
      <p:ext uri="{BB962C8B-B14F-4D97-AF65-F5344CB8AC3E}">
        <p14:creationId xmlns:p14="http://schemas.microsoft.com/office/powerpoint/2010/main" val="3342165173"/>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14691"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spcBef>
                <a:spcPct val="0"/>
              </a:spcBef>
            </a:pPr>
            <a:endParaRPr lang="he-IL" altLang="he-IL" smtClean="0"/>
          </a:p>
        </p:txBody>
      </p:sp>
      <p:sp>
        <p:nvSpPr>
          <p:cNvPr id="114692"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defTabSz="892175"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defTabSz="892175"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a:spcBef>
                <a:spcPct val="0"/>
              </a:spcBef>
            </a:pPr>
            <a:fld id="{8213F6A0-45AA-4152-A099-1006274B9B70}" type="slidenum">
              <a:rPr lang="he-IL" altLang="he-IL">
                <a:solidFill>
                  <a:srgbClr val="000000"/>
                </a:solidFill>
                <a:latin typeface="Arial" panose="020B0604020202020204" pitchFamily="34" charset="0"/>
              </a:rPr>
              <a:pPr algn="l">
                <a:spcBef>
                  <a:spcPct val="0"/>
                </a:spcBef>
              </a:pPr>
              <a:t>31</a:t>
            </a:fld>
            <a:endParaRPr lang="en-US" altLang="he-IL">
              <a:solidFill>
                <a:srgbClr val="000000"/>
              </a:solidFill>
              <a:latin typeface="Arial" panose="020B0604020202020204" pitchFamily="34" charset="0"/>
            </a:endParaRPr>
          </a:p>
        </p:txBody>
      </p:sp>
    </p:spTree>
    <p:extLst>
      <p:ext uri="{BB962C8B-B14F-4D97-AF65-F5344CB8AC3E}">
        <p14:creationId xmlns:p14="http://schemas.microsoft.com/office/powerpoint/2010/main" val="2171527659"/>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8786"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18787"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89849" tIns="44924" rIns="89849" bIns="44924"/>
          <a:lstStyle/>
          <a:p>
            <a:pPr algn="just" defTabSz="715963" eaLnBrk="1" hangingPunct="1">
              <a:spcBef>
                <a:spcPts val="1800"/>
              </a:spcBef>
              <a:spcAft>
                <a:spcPts val="1200"/>
              </a:spcAft>
            </a:pPr>
            <a:endParaRPr lang="he-IL" altLang="he-IL" smtClean="0"/>
          </a:p>
        </p:txBody>
      </p:sp>
      <p:sp>
        <p:nvSpPr>
          <p:cNvPr id="118788" name="Slide Number Placeholder 3"/>
          <p:cNvSpPr txBox="1">
            <a:spLocks noGrp="1"/>
          </p:cNvSpPr>
          <p:nvPr/>
        </p:nvSpPr>
        <p:spPr bwMode="auto">
          <a:xfrm>
            <a:off x="1588" y="9409113"/>
            <a:ext cx="2949575" cy="495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89849" tIns="44924" rIns="89849" bIns="44924" anchor="b"/>
          <a:lstStyle>
            <a:lvl1pPr algn="r"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eaLnBrk="1" hangingPunct="1">
              <a:spcBef>
                <a:spcPct val="0"/>
              </a:spcBef>
            </a:pPr>
            <a:fld id="{7CE4BE66-3980-4560-89D5-23DB2C3834B7}" type="slidenum">
              <a:rPr lang="he-IL" altLang="he-IL">
                <a:solidFill>
                  <a:srgbClr val="000000"/>
                </a:solidFill>
              </a:rPr>
              <a:pPr algn="l" eaLnBrk="1" hangingPunct="1">
                <a:spcBef>
                  <a:spcPct val="0"/>
                </a:spcBef>
              </a:pPr>
              <a:t>32</a:t>
            </a:fld>
            <a:endParaRPr lang="he-IL" altLang="he-IL">
              <a:solidFill>
                <a:srgbClr val="000000"/>
              </a:solidFill>
            </a:endParaRPr>
          </a:p>
        </p:txBody>
      </p:sp>
    </p:spTree>
    <p:extLst>
      <p:ext uri="{BB962C8B-B14F-4D97-AF65-F5344CB8AC3E}">
        <p14:creationId xmlns:p14="http://schemas.microsoft.com/office/powerpoint/2010/main" val="1270770794"/>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626" name="מציין מיקום של תמונת שקופית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82627" name="מציין מיקום של הערות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he-IL" altLang="he-IL" smtClean="0"/>
          </a:p>
        </p:txBody>
      </p:sp>
      <p:sp>
        <p:nvSpPr>
          <p:cNvPr id="282628" name="מציין מיקום של מספר שקופית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a:spcBef>
                <a:spcPct val="0"/>
              </a:spcBef>
            </a:pPr>
            <a:fld id="{A33906D1-81C3-4771-B1B5-9F5AC8AA91C0}" type="slidenum">
              <a:rPr lang="he-IL" altLang="he-IL"/>
              <a:pPr algn="l">
                <a:spcBef>
                  <a:spcPct val="0"/>
                </a:spcBef>
              </a:pPr>
              <a:t>33</a:t>
            </a:fld>
            <a:endParaRPr lang="he-IL" altLang="he-IL"/>
          </a:p>
        </p:txBody>
      </p:sp>
    </p:spTree>
    <p:extLst>
      <p:ext uri="{BB962C8B-B14F-4D97-AF65-F5344CB8AC3E}">
        <p14:creationId xmlns:p14="http://schemas.microsoft.com/office/powerpoint/2010/main" val="633190889"/>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9250" name="מציין מיקום של תמונת שקופית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09251" name="מציין מיקום של הערות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spcBef>
                <a:spcPct val="0"/>
              </a:spcBef>
            </a:pPr>
            <a:endParaRPr lang="he-IL" altLang="he-IL" smtClean="0"/>
          </a:p>
        </p:txBody>
      </p:sp>
      <p:sp>
        <p:nvSpPr>
          <p:cNvPr id="309252" name="מציין מיקום של מספר שקופית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a:spcBef>
                <a:spcPct val="0"/>
              </a:spcBef>
            </a:pPr>
            <a:fld id="{33EE966C-A685-440A-AB29-48E74AD481B3}" type="slidenum">
              <a:rPr lang="he-IL" altLang="he-IL"/>
              <a:pPr algn="l">
                <a:spcBef>
                  <a:spcPct val="0"/>
                </a:spcBef>
              </a:pPr>
              <a:t>34</a:t>
            </a:fld>
            <a:endParaRPr lang="he-IL" altLang="he-IL"/>
          </a:p>
        </p:txBody>
      </p:sp>
    </p:spTree>
    <p:extLst>
      <p:ext uri="{BB962C8B-B14F-4D97-AF65-F5344CB8AC3E}">
        <p14:creationId xmlns:p14="http://schemas.microsoft.com/office/powerpoint/2010/main" val="2397532201"/>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7522" name="מציין מיקום של תמונת שקופית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07523" name="מציין מיקום של הערות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spcBef>
                <a:spcPct val="0"/>
              </a:spcBef>
            </a:pPr>
            <a:endParaRPr lang="he-IL" altLang="he-IL" smtClean="0"/>
          </a:p>
        </p:txBody>
      </p:sp>
      <p:sp>
        <p:nvSpPr>
          <p:cNvPr id="107524" name="מציין מיקום של מספר שקופית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defTabSz="892175"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defTabSz="892175"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a:spcBef>
                <a:spcPct val="0"/>
              </a:spcBef>
            </a:pPr>
            <a:fld id="{A519138C-AC9F-4A1F-AAD7-40C284D2FEE5}" type="slidenum">
              <a:rPr lang="he-IL" altLang="he-IL">
                <a:solidFill>
                  <a:srgbClr val="000000"/>
                </a:solidFill>
                <a:latin typeface="Arial" panose="020B0604020202020204" pitchFamily="34" charset="0"/>
              </a:rPr>
              <a:pPr algn="l">
                <a:spcBef>
                  <a:spcPct val="0"/>
                </a:spcBef>
              </a:pPr>
              <a:t>35</a:t>
            </a:fld>
            <a:endParaRPr lang="he-IL" altLang="he-IL">
              <a:solidFill>
                <a:srgbClr val="000000"/>
              </a:solidFill>
              <a:latin typeface="Arial" panose="020B0604020202020204" pitchFamily="34" charset="0"/>
            </a:endParaRPr>
          </a:p>
        </p:txBody>
      </p:sp>
    </p:spTree>
    <p:extLst>
      <p:ext uri="{BB962C8B-B14F-4D97-AF65-F5344CB8AC3E}">
        <p14:creationId xmlns:p14="http://schemas.microsoft.com/office/powerpoint/2010/main" val="4089888630"/>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8" name="מציין מיקום של תמונת שקופית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60419" name="מציין מיקום של הערות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spcBef>
                <a:spcPct val="0"/>
              </a:spcBef>
            </a:pPr>
            <a:endParaRPr lang="he-IL" altLang="he-IL" smtClean="0"/>
          </a:p>
        </p:txBody>
      </p:sp>
      <p:sp>
        <p:nvSpPr>
          <p:cNvPr id="60420" name="מציין מיקום של מספר שקופית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defTabSz="892175"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defTabSz="892175"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a:spcBef>
                <a:spcPct val="0"/>
              </a:spcBef>
            </a:pPr>
            <a:fld id="{0BF6F2B2-CEF2-47B2-A96D-956D8F7E57E3}" type="slidenum">
              <a:rPr lang="he-IL" altLang="he-IL">
                <a:solidFill>
                  <a:srgbClr val="000000"/>
                </a:solidFill>
                <a:latin typeface="Arial" panose="020B0604020202020204" pitchFamily="34" charset="0"/>
              </a:rPr>
              <a:pPr algn="l">
                <a:spcBef>
                  <a:spcPct val="0"/>
                </a:spcBef>
              </a:pPr>
              <a:t>36</a:t>
            </a:fld>
            <a:endParaRPr lang="en-US" altLang="he-IL">
              <a:solidFill>
                <a:srgbClr val="000000"/>
              </a:solidFill>
              <a:latin typeface="Arial" panose="020B0604020202020204" pitchFamily="34" charset="0"/>
            </a:endParaRPr>
          </a:p>
        </p:txBody>
      </p:sp>
    </p:spTree>
    <p:extLst>
      <p:ext uri="{BB962C8B-B14F-4D97-AF65-F5344CB8AC3E}">
        <p14:creationId xmlns:p14="http://schemas.microsoft.com/office/powerpoint/2010/main" val="28824421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של תמונת שקופית 1"/>
          <p:cNvSpPr>
            <a:spLocks noGrp="1" noRot="1" noChangeAspect="1"/>
          </p:cNvSpPr>
          <p:nvPr>
            <p:ph type="sldImg"/>
          </p:nvPr>
        </p:nvSpPr>
        <p:spPr/>
      </p:sp>
      <p:sp>
        <p:nvSpPr>
          <p:cNvPr id="3" name="מציין מיקום של הערות 2"/>
          <p:cNvSpPr>
            <a:spLocks noGrp="1"/>
          </p:cNvSpPr>
          <p:nvPr>
            <p:ph type="body" idx="1"/>
          </p:nvPr>
        </p:nvSpPr>
        <p:spPr/>
        <p:txBody>
          <a:bodyPr/>
          <a:lstStyle/>
          <a:p>
            <a:r>
              <a:rPr lang="he-IL" dirty="0" smtClean="0"/>
              <a:t>להסביר שאנחנו</a:t>
            </a:r>
            <a:r>
              <a:rPr lang="he-IL" baseline="0" dirty="0" smtClean="0"/>
              <a:t> מציעים בכלל מתודולוגיה אחרת לשיטת החקירה</a:t>
            </a:r>
          </a:p>
          <a:p>
            <a:r>
              <a:rPr lang="he-IL" baseline="0" dirty="0" smtClean="0"/>
              <a:t>קודם הגיון אסטרטגי ורק אז מערכת המערכות</a:t>
            </a:r>
            <a:endParaRPr lang="he-IL" dirty="0"/>
          </a:p>
        </p:txBody>
      </p:sp>
      <p:sp>
        <p:nvSpPr>
          <p:cNvPr id="4" name="מציין מיקום של מספר שקופית 3"/>
          <p:cNvSpPr>
            <a:spLocks noGrp="1"/>
          </p:cNvSpPr>
          <p:nvPr>
            <p:ph type="sldNum" sz="quarter" idx="10"/>
          </p:nvPr>
        </p:nvSpPr>
        <p:spPr/>
        <p:txBody>
          <a:bodyPr/>
          <a:lstStyle/>
          <a:p>
            <a:fld id="{ABFE148C-B3FF-4F14-A00F-D3FB63FB143F}" type="slidenum">
              <a:rPr lang="ar-SA" smtClean="0"/>
              <a:pPr/>
              <a:t>4</a:t>
            </a:fld>
            <a:endParaRPr lang="he-IL"/>
          </a:p>
        </p:txBody>
      </p:sp>
    </p:spTree>
    <p:extLst>
      <p:ext uri="{BB962C8B-B14F-4D97-AF65-F5344CB8AC3E}">
        <p14:creationId xmlns:p14="http://schemas.microsoft.com/office/powerpoint/2010/main" val="1132767866"/>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2450"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32451"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marL="0" lvl="1" eaLnBrk="1" hangingPunct="1">
              <a:spcBef>
                <a:spcPct val="0"/>
              </a:spcBef>
            </a:pPr>
            <a:endParaRPr lang="he-IL" altLang="he-IL" smtClean="0"/>
          </a:p>
        </p:txBody>
      </p:sp>
      <p:sp>
        <p:nvSpPr>
          <p:cNvPr id="232452"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a:spcBef>
                <a:spcPct val="0"/>
              </a:spcBef>
            </a:pPr>
            <a:fld id="{2D5F279D-5B66-4377-AF8F-F6922043399C}" type="slidenum">
              <a:rPr lang="he-IL" altLang="he-IL"/>
              <a:pPr algn="l">
                <a:spcBef>
                  <a:spcPct val="0"/>
                </a:spcBef>
              </a:pPr>
              <a:t>37</a:t>
            </a:fld>
            <a:endParaRPr lang="he-IL" altLang="he-IL"/>
          </a:p>
        </p:txBody>
      </p:sp>
    </p:spTree>
    <p:extLst>
      <p:ext uri="{BB962C8B-B14F-4D97-AF65-F5344CB8AC3E}">
        <p14:creationId xmlns:p14="http://schemas.microsoft.com/office/powerpoint/2010/main" val="2735937565"/>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של תמונת שקופית 1"/>
          <p:cNvSpPr>
            <a:spLocks noGrp="1" noRot="1" noChangeAspect="1"/>
          </p:cNvSpPr>
          <p:nvPr>
            <p:ph type="sldImg"/>
          </p:nvPr>
        </p:nvSpPr>
        <p:spPr/>
      </p:sp>
      <p:sp>
        <p:nvSpPr>
          <p:cNvPr id="3" name="מציין מיקום של הערות 2"/>
          <p:cNvSpPr>
            <a:spLocks noGrp="1"/>
          </p:cNvSpPr>
          <p:nvPr>
            <p:ph type="body" idx="1"/>
          </p:nvPr>
        </p:nvSpPr>
        <p:spPr/>
        <p:txBody>
          <a:bodyPr/>
          <a:lstStyle/>
          <a:p>
            <a:r>
              <a:rPr lang="he-IL" dirty="0" smtClean="0"/>
              <a:t>את זה אנחנו צריכים לעשות בעיגולים עם הקשרים</a:t>
            </a:r>
            <a:r>
              <a:rPr lang="he-IL" baseline="0" dirty="0" smtClean="0"/>
              <a:t> בין אחד לשני</a:t>
            </a:r>
            <a:endParaRPr lang="he-IL" dirty="0"/>
          </a:p>
        </p:txBody>
      </p:sp>
      <p:sp>
        <p:nvSpPr>
          <p:cNvPr id="4" name="מציין מיקום של מספר שקופית 3"/>
          <p:cNvSpPr>
            <a:spLocks noGrp="1"/>
          </p:cNvSpPr>
          <p:nvPr>
            <p:ph type="sldNum" sz="quarter" idx="10"/>
          </p:nvPr>
        </p:nvSpPr>
        <p:spPr/>
        <p:txBody>
          <a:bodyPr/>
          <a:lstStyle/>
          <a:p>
            <a:fld id="{ABFE148C-B3FF-4F14-A00F-D3FB63FB143F}" type="slidenum">
              <a:rPr lang="ar-SA" smtClean="0"/>
              <a:pPr/>
              <a:t>40</a:t>
            </a:fld>
            <a:endParaRPr lang="he-IL"/>
          </a:p>
        </p:txBody>
      </p:sp>
    </p:spTree>
    <p:extLst>
      <p:ext uri="{BB962C8B-B14F-4D97-AF65-F5344CB8AC3E}">
        <p14:creationId xmlns:p14="http://schemas.microsoft.com/office/powerpoint/2010/main" val="318910369"/>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של תמונת שקופית 1"/>
          <p:cNvSpPr>
            <a:spLocks noGrp="1" noRot="1" noChangeAspect="1"/>
          </p:cNvSpPr>
          <p:nvPr>
            <p:ph type="sldImg"/>
          </p:nvPr>
        </p:nvSpPr>
        <p:spPr/>
      </p:sp>
      <p:sp>
        <p:nvSpPr>
          <p:cNvPr id="3" name="מציין מיקום של הערות 2"/>
          <p:cNvSpPr>
            <a:spLocks noGrp="1"/>
          </p:cNvSpPr>
          <p:nvPr>
            <p:ph type="body" idx="1"/>
          </p:nvPr>
        </p:nvSpPr>
        <p:spPr/>
        <p:txBody>
          <a:bodyPr/>
          <a:lstStyle/>
          <a:p>
            <a:r>
              <a:rPr lang="he-IL" dirty="0" smtClean="0"/>
              <a:t>זו שקופית טובה מבחינת הטקסט, אך לא עיצובית</a:t>
            </a:r>
          </a:p>
          <a:p>
            <a:r>
              <a:rPr lang="he-IL" dirty="0" smtClean="0"/>
              <a:t>לדעתי שקופיות 82-89 יכולות להיות בתרשים אחד</a:t>
            </a:r>
            <a:endParaRPr lang="he-IL" dirty="0"/>
          </a:p>
        </p:txBody>
      </p:sp>
      <p:sp>
        <p:nvSpPr>
          <p:cNvPr id="4" name="מציין מיקום של מספר שקופית 3"/>
          <p:cNvSpPr>
            <a:spLocks noGrp="1"/>
          </p:cNvSpPr>
          <p:nvPr>
            <p:ph type="sldNum" sz="quarter" idx="10"/>
          </p:nvPr>
        </p:nvSpPr>
        <p:spPr/>
        <p:txBody>
          <a:bodyPr/>
          <a:lstStyle/>
          <a:p>
            <a:fld id="{ABFE148C-B3FF-4F14-A00F-D3FB63FB143F}" type="slidenum">
              <a:rPr lang="ar-SA" smtClean="0"/>
              <a:pPr/>
              <a:t>48</a:t>
            </a:fld>
            <a:endParaRPr lang="he-IL"/>
          </a:p>
        </p:txBody>
      </p:sp>
    </p:spTree>
    <p:extLst>
      <p:ext uri="{BB962C8B-B14F-4D97-AF65-F5344CB8AC3E}">
        <p14:creationId xmlns:p14="http://schemas.microsoft.com/office/powerpoint/2010/main" val="79474476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מציין מיקום של תמונת שקופית 1"/>
          <p:cNvSpPr>
            <a:spLocks noGrp="1" noRot="1" noChangeAspect="1"/>
          </p:cNvSpPr>
          <p:nvPr>
            <p:ph type="sldImg"/>
          </p:nvPr>
        </p:nvSpPr>
        <p:spPr/>
      </p:sp>
      <p:sp>
        <p:nvSpPr>
          <p:cNvPr id="3" name="מציין מיקום של הערות 2"/>
          <p:cNvSpPr>
            <a:spLocks noGrp="1"/>
          </p:cNvSpPr>
          <p:nvPr>
            <p:ph type="body" idx="1"/>
          </p:nvPr>
        </p:nvSpPr>
        <p:spPr/>
        <p:txBody>
          <a:bodyPr/>
          <a:lstStyle/>
          <a:p>
            <a:endParaRPr lang="he-IL" dirty="0">
              <a:latin typeface="Tahoma" panose="020B0604030504040204" pitchFamily="34" charset="0"/>
              <a:ea typeface="Tahoma" panose="020B0604030504040204" pitchFamily="34" charset="0"/>
              <a:cs typeface="Tahoma" panose="020B0604030504040204" pitchFamily="34" charset="0"/>
            </a:endParaRPr>
          </a:p>
        </p:txBody>
      </p:sp>
      <p:sp>
        <p:nvSpPr>
          <p:cNvPr id="4" name="מציין מיקום של מספר שקופית 3"/>
          <p:cNvSpPr>
            <a:spLocks noGrp="1"/>
          </p:cNvSpPr>
          <p:nvPr>
            <p:ph type="sldNum" sz="quarter" idx="10"/>
          </p:nvPr>
        </p:nvSpPr>
        <p:spPr/>
        <p:txBody>
          <a:bodyPr/>
          <a:lstStyle/>
          <a:p>
            <a:pPr rtl="1"/>
            <a:fld id="{69C971FF-EF28-4195-A575-329446EFAA55}" type="slidenum">
              <a:rPr smtClean="0">
                <a:solidFill>
                  <a:srgbClr val="545454"/>
                </a:solidFill>
                <a:latin typeface="Century Gothic"/>
              </a:rPr>
              <a:pPr rtl="1"/>
              <a:t>9</a:t>
            </a:fld>
            <a:endParaRPr>
              <a:solidFill>
                <a:srgbClr val="545454"/>
              </a:solidFill>
              <a:latin typeface="Century Gothic"/>
            </a:endParaRPr>
          </a:p>
        </p:txBody>
      </p:sp>
    </p:spTree>
    <p:extLst>
      <p:ext uri="{BB962C8B-B14F-4D97-AF65-F5344CB8AC3E}">
        <p14:creationId xmlns:p14="http://schemas.microsoft.com/office/powerpoint/2010/main" val="13922807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8850" name="Rectangle 7"/>
          <p:cNvSpPr txBox="1">
            <a:spLocks noGrp="1" noChangeArrowheads="1"/>
          </p:cNvSpPr>
          <p:nvPr/>
        </p:nvSpPr>
        <p:spPr bwMode="auto">
          <a:xfrm>
            <a:off x="1588" y="9410700"/>
            <a:ext cx="2949575" cy="4937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algn="r"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eaLnBrk="1" hangingPunct="1">
              <a:spcBef>
                <a:spcPct val="0"/>
              </a:spcBef>
            </a:pPr>
            <a:fld id="{14285749-22D8-479E-B3BA-ED3622557C47}" type="slidenum">
              <a:rPr lang="he-IL" altLang="he-IL">
                <a:solidFill>
                  <a:srgbClr val="000000"/>
                </a:solidFill>
              </a:rPr>
              <a:pPr algn="l" eaLnBrk="1" hangingPunct="1">
                <a:spcBef>
                  <a:spcPct val="0"/>
                </a:spcBef>
              </a:pPr>
              <a:t>11</a:t>
            </a:fld>
            <a:endParaRPr lang="en-US" altLang="he-IL">
              <a:solidFill>
                <a:srgbClr val="000000"/>
              </a:solidFill>
            </a:endParaRPr>
          </a:p>
        </p:txBody>
      </p:sp>
      <p:sp>
        <p:nvSpPr>
          <p:cNvPr id="78851" name="Rectangle 2"/>
          <p:cNvSpPr>
            <a:spLocks noGrp="1" noRot="1" noChangeAspect="1" noChangeArrowheads="1" noTextEdit="1"/>
          </p:cNvSpPr>
          <p:nvPr>
            <p:ph type="sldImg"/>
          </p:nvPr>
        </p:nvSpPr>
        <p:spPr bwMode="auto">
          <a:xfrm>
            <a:off x="927100" y="746125"/>
            <a:ext cx="4953000" cy="3714750"/>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78852" name="Rectangle 3"/>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spcBef>
                <a:spcPct val="0"/>
              </a:spcBef>
            </a:pPr>
            <a:endParaRPr lang="en-US" altLang="he-IL" smtClean="0"/>
          </a:p>
        </p:txBody>
      </p:sp>
    </p:spTree>
    <p:extLst>
      <p:ext uri="{BB962C8B-B14F-4D97-AF65-F5344CB8AC3E}">
        <p14:creationId xmlns:p14="http://schemas.microsoft.com/office/powerpoint/2010/main" val="265111344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818" name="מציין מיקום של תמונת שקופית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4819" name="מציין מיקום של הערות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spcBef>
                <a:spcPct val="0"/>
              </a:spcBef>
            </a:pPr>
            <a:r>
              <a:rPr lang="he-IL" altLang="he-IL" dirty="0" smtClean="0"/>
              <a:t>זה לדעתי צריך להיות הרבה יותר למעלה</a:t>
            </a:r>
          </a:p>
          <a:p>
            <a:pPr eaLnBrk="1" hangingPunct="1">
              <a:spcBef>
                <a:spcPct val="0"/>
              </a:spcBef>
            </a:pPr>
            <a:r>
              <a:rPr lang="he-IL" altLang="he-IL" dirty="0" smtClean="0"/>
              <a:t>מכאן נוצרת</a:t>
            </a:r>
            <a:r>
              <a:rPr lang="he-IL" altLang="he-IL" baseline="0" dirty="0" smtClean="0"/>
              <a:t> לדעתי התכלית האסטרטגית שהיא לב הסימולציה</a:t>
            </a:r>
            <a:endParaRPr lang="he-IL" altLang="he-IL" dirty="0" smtClean="0"/>
          </a:p>
        </p:txBody>
      </p:sp>
      <p:sp>
        <p:nvSpPr>
          <p:cNvPr id="34820" name="מציין מיקום של מספר שקופית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defTabSz="935038"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defTabSz="935038"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defTabSz="935038"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defTabSz="935038"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defTabSz="935038"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defTabSz="935038"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defTabSz="935038"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defTabSz="935038"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defTabSz="935038"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a:spcBef>
                <a:spcPct val="0"/>
              </a:spcBef>
            </a:pPr>
            <a:fld id="{D22668D0-9894-4327-B78F-7A4AAFBB2266}" type="slidenum">
              <a:rPr lang="he-IL" altLang="he-IL">
                <a:solidFill>
                  <a:srgbClr val="000000"/>
                </a:solidFill>
                <a:latin typeface="Arial" panose="020B0604020202020204" pitchFamily="34" charset="0"/>
              </a:rPr>
              <a:pPr algn="l">
                <a:spcBef>
                  <a:spcPct val="0"/>
                </a:spcBef>
              </a:pPr>
              <a:t>12</a:t>
            </a:fld>
            <a:endParaRPr lang="en-US" altLang="he-IL">
              <a:solidFill>
                <a:srgbClr val="000000"/>
              </a:solidFill>
              <a:latin typeface="Arial" panose="020B0604020202020204" pitchFamily="34" charset="0"/>
            </a:endParaRPr>
          </a:p>
        </p:txBody>
      </p:sp>
    </p:spTree>
    <p:extLst>
      <p:ext uri="{BB962C8B-B14F-4D97-AF65-F5344CB8AC3E}">
        <p14:creationId xmlns:p14="http://schemas.microsoft.com/office/powerpoint/2010/main" val="351914190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2"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0483"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spcBef>
                <a:spcPct val="0"/>
              </a:spcBef>
            </a:pPr>
            <a:endParaRPr lang="he-IL" altLang="he-IL" smtClean="0"/>
          </a:p>
        </p:txBody>
      </p:sp>
      <p:sp>
        <p:nvSpPr>
          <p:cNvPr id="20484"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defTabSz="892175"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defTabSz="892175"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a:spcBef>
                <a:spcPct val="0"/>
              </a:spcBef>
            </a:pPr>
            <a:fld id="{C6246728-C16C-47F9-A259-2E05FC2D3697}" type="slidenum">
              <a:rPr lang="he-IL" altLang="he-IL">
                <a:solidFill>
                  <a:srgbClr val="000000"/>
                </a:solidFill>
                <a:latin typeface="Arial" panose="020B0604020202020204" pitchFamily="34" charset="0"/>
              </a:rPr>
              <a:pPr algn="l">
                <a:spcBef>
                  <a:spcPct val="0"/>
                </a:spcBef>
              </a:pPr>
              <a:t>14</a:t>
            </a:fld>
            <a:endParaRPr lang="he-IL" altLang="he-IL">
              <a:solidFill>
                <a:srgbClr val="000000"/>
              </a:solidFill>
              <a:latin typeface="Arial" panose="020B0604020202020204" pitchFamily="34" charset="0"/>
            </a:endParaRPr>
          </a:p>
        </p:txBody>
      </p:sp>
    </p:spTree>
    <p:extLst>
      <p:ext uri="{BB962C8B-B14F-4D97-AF65-F5344CB8AC3E}">
        <p14:creationId xmlns:p14="http://schemas.microsoft.com/office/powerpoint/2010/main" val="392912502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3250" name="מציין מיקום של תמונת שקופית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53251" name="מציין מיקום של הערות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spcBef>
                <a:spcPct val="0"/>
              </a:spcBef>
            </a:pPr>
            <a:r>
              <a:rPr lang="he-IL" altLang="he-IL" dirty="0" smtClean="0"/>
              <a:t>זה בעיני לב העבודה שלנו</a:t>
            </a:r>
          </a:p>
          <a:p>
            <a:pPr eaLnBrk="1" hangingPunct="1">
              <a:spcBef>
                <a:spcPct val="0"/>
              </a:spcBef>
            </a:pPr>
            <a:r>
              <a:rPr lang="he-IL" altLang="he-IL" dirty="0" smtClean="0"/>
              <a:t>כמה מדינות לכמה עמים – זו לדעתי מהות האסטרטגיה שלנו מול ישראל</a:t>
            </a:r>
            <a:r>
              <a:rPr lang="he-IL" altLang="he-IL" baseline="0" dirty="0" smtClean="0"/>
              <a:t> והעולם ובתוך זה היכולת לרתום את החמאס</a:t>
            </a:r>
            <a:endParaRPr lang="he-IL" altLang="he-IL" dirty="0" smtClean="0"/>
          </a:p>
        </p:txBody>
      </p:sp>
      <p:sp>
        <p:nvSpPr>
          <p:cNvPr id="53252" name="מציין מיקום של מספר שקופית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defTabSz="892175"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defTabSz="892175"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a:spcBef>
                <a:spcPct val="0"/>
              </a:spcBef>
            </a:pPr>
            <a:fld id="{F90B3EFE-F223-417D-819B-5586537FD636}" type="slidenum">
              <a:rPr lang="he-IL" altLang="he-IL">
                <a:solidFill>
                  <a:srgbClr val="000000"/>
                </a:solidFill>
                <a:latin typeface="Arial" panose="020B0604020202020204" pitchFamily="34" charset="0"/>
              </a:rPr>
              <a:pPr algn="l">
                <a:spcBef>
                  <a:spcPct val="0"/>
                </a:spcBef>
              </a:pPr>
              <a:t>15</a:t>
            </a:fld>
            <a:endParaRPr lang="en-US" altLang="he-IL">
              <a:solidFill>
                <a:srgbClr val="000000"/>
              </a:solidFill>
              <a:latin typeface="Arial" panose="020B0604020202020204" pitchFamily="34" charset="0"/>
            </a:endParaRPr>
          </a:p>
        </p:txBody>
      </p:sp>
    </p:spTree>
    <p:extLst>
      <p:ext uri="{BB962C8B-B14F-4D97-AF65-F5344CB8AC3E}">
        <p14:creationId xmlns:p14="http://schemas.microsoft.com/office/powerpoint/2010/main" val="387977922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8" name="מציין מיקום של תמונת שקופית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55299" name="מציין מיקום של הערות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spcBef>
                <a:spcPct val="0"/>
              </a:spcBef>
            </a:pPr>
            <a:endParaRPr lang="he-IL" altLang="he-IL" smtClean="0"/>
          </a:p>
        </p:txBody>
      </p:sp>
      <p:sp>
        <p:nvSpPr>
          <p:cNvPr id="55300" name="מציין מיקום של מספר שקופית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defTabSz="892175" rtl="1">
              <a:spcBef>
                <a:spcPct val="30000"/>
              </a:spcBef>
              <a:defRPr sz="1200">
                <a:solidFill>
                  <a:schemeClr val="tx1"/>
                </a:solidFill>
                <a:latin typeface="Calibri" panose="020F0502020204030204" pitchFamily="34" charset="0"/>
                <a:cs typeface="Arial" panose="020B0604020202020204" pitchFamily="34" charset="0"/>
              </a:defRPr>
            </a:lvl1pPr>
            <a:lvl2pPr marL="742950" indent="-285750" algn="r" defTabSz="892175" rtl="1">
              <a:spcBef>
                <a:spcPct val="30000"/>
              </a:spcBef>
              <a:defRPr sz="1200">
                <a:solidFill>
                  <a:schemeClr val="tx1"/>
                </a:solidFill>
                <a:latin typeface="Calibri" panose="020F0502020204030204" pitchFamily="34" charset="0"/>
                <a:cs typeface="Arial" panose="020B0604020202020204" pitchFamily="34" charset="0"/>
              </a:defRPr>
            </a:lvl2pPr>
            <a:lvl3pPr marL="11430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3pPr>
            <a:lvl4pPr marL="16002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4pPr>
            <a:lvl5pPr marL="2057400" indent="-228600" algn="r" defTabSz="892175" rtl="1">
              <a:spcBef>
                <a:spcPct val="30000"/>
              </a:spcBef>
              <a:defRPr sz="1200">
                <a:solidFill>
                  <a:schemeClr val="tx1"/>
                </a:solidFill>
                <a:latin typeface="Calibri" panose="020F0502020204030204" pitchFamily="34" charset="0"/>
                <a:cs typeface="Arial" panose="020B0604020202020204" pitchFamily="34" charset="0"/>
              </a:defRPr>
            </a:lvl5pPr>
            <a:lvl6pPr marL="25146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9718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4290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86200" indent="-228600" defTabSz="89217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lgn="l">
              <a:spcBef>
                <a:spcPct val="0"/>
              </a:spcBef>
            </a:pPr>
            <a:fld id="{4DAFDEA3-187B-4068-BD6D-09DBEAFE3E7C}" type="slidenum">
              <a:rPr lang="he-IL" altLang="he-IL">
                <a:solidFill>
                  <a:srgbClr val="000000"/>
                </a:solidFill>
                <a:latin typeface="Arial" panose="020B0604020202020204" pitchFamily="34" charset="0"/>
              </a:rPr>
              <a:pPr algn="l">
                <a:spcBef>
                  <a:spcPct val="0"/>
                </a:spcBef>
              </a:pPr>
              <a:t>16</a:t>
            </a:fld>
            <a:endParaRPr lang="en-US" altLang="he-IL">
              <a:solidFill>
                <a:srgbClr val="000000"/>
              </a:solidFill>
              <a:latin typeface="Arial" panose="020B0604020202020204" pitchFamily="34" charset="0"/>
            </a:endParaRPr>
          </a:p>
        </p:txBody>
      </p:sp>
    </p:spTree>
    <p:extLst>
      <p:ext uri="{BB962C8B-B14F-4D97-AF65-F5344CB8AC3E}">
        <p14:creationId xmlns:p14="http://schemas.microsoft.com/office/powerpoint/2010/main" val="126405053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שקופית כותרת">
    <p:bg>
      <p:bgPr>
        <a:blipFill dpi="0" rotWithShape="0">
          <a:blip r:embed="rId2"/>
          <a:srcRect/>
          <a:stretch>
            <a:fillRect/>
          </a:stretch>
        </a:blipFill>
        <a:effectLst/>
      </p:bgPr>
    </p:bg>
    <p:spTree>
      <p:nvGrpSpPr>
        <p:cNvPr id="1" name=""/>
        <p:cNvGrpSpPr/>
        <p:nvPr/>
      </p:nvGrpSpPr>
      <p:grpSpPr>
        <a:xfrm>
          <a:off x="0" y="0"/>
          <a:ext cx="0" cy="0"/>
          <a:chOff x="0" y="0"/>
          <a:chExt cx="0" cy="0"/>
        </a:xfrm>
      </p:grpSpPr>
      <p:sp>
        <p:nvSpPr>
          <p:cNvPr id="46082" name="Rectangle 2"/>
          <p:cNvSpPr>
            <a:spLocks noGrp="1" noChangeArrowheads="1"/>
          </p:cNvSpPr>
          <p:nvPr>
            <p:ph type="ctrTitle"/>
          </p:nvPr>
        </p:nvSpPr>
        <p:spPr>
          <a:xfrm>
            <a:off x="3419475" y="1828800"/>
            <a:ext cx="5343525" cy="2362200"/>
          </a:xfrm>
        </p:spPr>
        <p:txBody>
          <a:bodyPr/>
          <a:lstStyle>
            <a:lvl1pPr>
              <a:defRPr/>
            </a:lvl1pPr>
          </a:lstStyle>
          <a:p>
            <a:pPr lvl="0"/>
            <a:r>
              <a:rPr lang="he-IL" noProof="0" smtClean="0"/>
              <a:t>לחץ כדי לערוך סגנון כותרת של תבנית בסיס</a:t>
            </a:r>
          </a:p>
        </p:txBody>
      </p:sp>
      <p:sp>
        <p:nvSpPr>
          <p:cNvPr id="46083" name="Rectangle 3"/>
          <p:cNvSpPr>
            <a:spLocks noGrp="1" noChangeArrowheads="1"/>
          </p:cNvSpPr>
          <p:nvPr>
            <p:ph type="subTitle" idx="1"/>
          </p:nvPr>
        </p:nvSpPr>
        <p:spPr>
          <a:xfrm>
            <a:off x="3816350" y="4184650"/>
            <a:ext cx="4946650" cy="1368425"/>
          </a:xfrm>
        </p:spPr>
        <p:txBody>
          <a:bodyPr/>
          <a:lstStyle>
            <a:lvl1pPr marL="0" indent="0">
              <a:buFontTx/>
              <a:buNone/>
              <a:defRPr sz="1800"/>
            </a:lvl1pPr>
          </a:lstStyle>
          <a:p>
            <a:pPr lvl="0"/>
            <a:r>
              <a:rPr lang="he-IL" noProof="0" smtClean="0"/>
              <a:t>לחץ כדי לערוך סגנון כותרת משנה של תבנית בסיס</a:t>
            </a:r>
          </a:p>
        </p:txBody>
      </p:sp>
      <p:sp>
        <p:nvSpPr>
          <p:cNvPr id="46249" name="Rectangle 169"/>
          <p:cNvSpPr>
            <a:spLocks noGrp="1" noChangeArrowheads="1"/>
          </p:cNvSpPr>
          <p:nvPr>
            <p:ph type="dt" sz="half" idx="2"/>
          </p:nvPr>
        </p:nvSpPr>
        <p:spPr>
          <a:xfrm>
            <a:off x="1225550" y="6200775"/>
            <a:ext cx="1905000" cy="457200"/>
          </a:xfrm>
        </p:spPr>
        <p:txBody>
          <a:bodyPr/>
          <a:lstStyle>
            <a:lvl1pPr>
              <a:defRPr/>
            </a:lvl1pPr>
          </a:lstStyle>
          <a:p>
            <a:endParaRPr lang="he-IL"/>
          </a:p>
        </p:txBody>
      </p:sp>
      <p:sp>
        <p:nvSpPr>
          <p:cNvPr id="46250" name="Rectangle 170"/>
          <p:cNvSpPr>
            <a:spLocks noGrp="1" noChangeArrowheads="1"/>
          </p:cNvSpPr>
          <p:nvPr>
            <p:ph type="ftr" sz="quarter" idx="3"/>
          </p:nvPr>
        </p:nvSpPr>
        <p:spPr>
          <a:xfrm>
            <a:off x="3303588" y="6200775"/>
            <a:ext cx="3636962" cy="457200"/>
          </a:xfrm>
        </p:spPr>
        <p:txBody>
          <a:bodyPr/>
          <a:lstStyle>
            <a:lvl1pPr>
              <a:defRPr/>
            </a:lvl1pPr>
          </a:lstStyle>
          <a:p>
            <a:endParaRPr lang="he-IL"/>
          </a:p>
        </p:txBody>
      </p:sp>
      <p:sp>
        <p:nvSpPr>
          <p:cNvPr id="46251" name="Rectangle 171"/>
          <p:cNvSpPr>
            <a:spLocks noGrp="1" noChangeArrowheads="1"/>
          </p:cNvSpPr>
          <p:nvPr>
            <p:ph type="sldNum" sz="quarter" idx="4"/>
          </p:nvPr>
        </p:nvSpPr>
        <p:spPr>
          <a:xfrm>
            <a:off x="7092950" y="6200775"/>
            <a:ext cx="1905000" cy="457200"/>
          </a:xfrm>
        </p:spPr>
        <p:txBody>
          <a:bodyPr/>
          <a:lstStyle>
            <a:lvl1pPr>
              <a:defRPr/>
            </a:lvl1pPr>
          </a:lstStyle>
          <a:p>
            <a:fld id="{7A00D477-A0C0-44F9-897A-DB17A1AB40F1}" type="slidenum">
              <a:rPr lang="ar-SA"/>
              <a:pPr/>
              <a:t>‹#›</a:t>
            </a:fld>
            <a:endParaRPr lang="he-IL"/>
          </a:p>
        </p:txBody>
      </p:sp>
    </p:spTree>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כותרת וטקסט אנכי">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he-IL" smtClean="0"/>
              <a:t>לחץ כדי לערוך סגנון כותרת של תבנית בסיס</a:t>
            </a:r>
            <a:endParaRPr lang="en-US"/>
          </a:p>
        </p:txBody>
      </p:sp>
      <p:sp>
        <p:nvSpPr>
          <p:cNvPr id="3" name="Vertical Text Placeholder 2"/>
          <p:cNvSpPr>
            <a:spLocks noGrp="1"/>
          </p:cNvSpPr>
          <p:nvPr>
            <p:ph type="body" orient="vert" idx="1"/>
          </p:nvPr>
        </p:nvSpPr>
        <p:spPr/>
        <p:txBody>
          <a:bodyPr vert="eaVert"/>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en-US"/>
          </a:p>
        </p:txBody>
      </p:sp>
      <p:sp>
        <p:nvSpPr>
          <p:cNvPr id="4" name="Date Placeholder 3"/>
          <p:cNvSpPr>
            <a:spLocks noGrp="1"/>
          </p:cNvSpPr>
          <p:nvPr>
            <p:ph type="dt" sz="half" idx="10"/>
          </p:nvPr>
        </p:nvSpPr>
        <p:spPr/>
        <p:txBody>
          <a:bodyPr/>
          <a:lstStyle>
            <a:lvl1pPr>
              <a:defRPr/>
            </a:lvl1pPr>
          </a:lstStyle>
          <a:p>
            <a:endParaRPr lang="he-IL"/>
          </a:p>
        </p:txBody>
      </p:sp>
      <p:sp>
        <p:nvSpPr>
          <p:cNvPr id="5" name="Footer Placeholder 4"/>
          <p:cNvSpPr>
            <a:spLocks noGrp="1"/>
          </p:cNvSpPr>
          <p:nvPr>
            <p:ph type="ftr" sz="quarter" idx="11"/>
          </p:nvPr>
        </p:nvSpPr>
        <p:spPr/>
        <p:txBody>
          <a:bodyPr/>
          <a:lstStyle>
            <a:lvl1pPr>
              <a:defRPr/>
            </a:lvl1pPr>
          </a:lstStyle>
          <a:p>
            <a:endParaRPr lang="he-IL"/>
          </a:p>
        </p:txBody>
      </p:sp>
      <p:sp>
        <p:nvSpPr>
          <p:cNvPr id="6" name="Slide Number Placeholder 5"/>
          <p:cNvSpPr>
            <a:spLocks noGrp="1"/>
          </p:cNvSpPr>
          <p:nvPr>
            <p:ph type="sldNum" sz="quarter" idx="12"/>
          </p:nvPr>
        </p:nvSpPr>
        <p:spPr/>
        <p:txBody>
          <a:bodyPr/>
          <a:lstStyle>
            <a:lvl1pPr>
              <a:defRPr/>
            </a:lvl1pPr>
          </a:lstStyle>
          <a:p>
            <a:fld id="{757511F6-BED0-4957-B02F-017726E0E8FC}" type="slidenum">
              <a:rPr lang="ar-SA"/>
              <a:pPr/>
              <a:t>‹#›</a:t>
            </a:fld>
            <a:endParaRPr lang="he-IL"/>
          </a:p>
        </p:txBody>
      </p:sp>
    </p:spTree>
    <p:extLst>
      <p:ext uri="{BB962C8B-B14F-4D97-AF65-F5344CB8AC3E}">
        <p14:creationId xmlns:p14="http://schemas.microsoft.com/office/powerpoint/2010/main" val="788747575"/>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כותרת אנכית וטקסט">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823075" y="225425"/>
            <a:ext cx="1925638" cy="5975350"/>
          </a:xfrm>
        </p:spPr>
        <p:txBody>
          <a:bodyPr vert="eaVert"/>
          <a:lstStyle/>
          <a:p>
            <a:r>
              <a:rPr lang="he-IL" smtClean="0"/>
              <a:t>לחץ כדי לערוך סגנון כותרת של תבנית בסיס</a:t>
            </a:r>
            <a:endParaRPr lang="en-US"/>
          </a:p>
        </p:txBody>
      </p:sp>
      <p:sp>
        <p:nvSpPr>
          <p:cNvPr id="3" name="Vertical Text Placeholder 2"/>
          <p:cNvSpPr>
            <a:spLocks noGrp="1"/>
          </p:cNvSpPr>
          <p:nvPr>
            <p:ph type="body" orient="vert" idx="1"/>
          </p:nvPr>
        </p:nvSpPr>
        <p:spPr>
          <a:xfrm>
            <a:off x="1042988" y="225425"/>
            <a:ext cx="5627687" cy="5975350"/>
          </a:xfrm>
        </p:spPr>
        <p:txBody>
          <a:bodyPr vert="eaVert"/>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en-US"/>
          </a:p>
        </p:txBody>
      </p:sp>
      <p:sp>
        <p:nvSpPr>
          <p:cNvPr id="4" name="Date Placeholder 3"/>
          <p:cNvSpPr>
            <a:spLocks noGrp="1"/>
          </p:cNvSpPr>
          <p:nvPr>
            <p:ph type="dt" sz="half" idx="10"/>
          </p:nvPr>
        </p:nvSpPr>
        <p:spPr/>
        <p:txBody>
          <a:bodyPr/>
          <a:lstStyle>
            <a:lvl1pPr>
              <a:defRPr/>
            </a:lvl1pPr>
          </a:lstStyle>
          <a:p>
            <a:endParaRPr lang="he-IL"/>
          </a:p>
        </p:txBody>
      </p:sp>
      <p:sp>
        <p:nvSpPr>
          <p:cNvPr id="5" name="Footer Placeholder 4"/>
          <p:cNvSpPr>
            <a:spLocks noGrp="1"/>
          </p:cNvSpPr>
          <p:nvPr>
            <p:ph type="ftr" sz="quarter" idx="11"/>
          </p:nvPr>
        </p:nvSpPr>
        <p:spPr/>
        <p:txBody>
          <a:bodyPr/>
          <a:lstStyle>
            <a:lvl1pPr>
              <a:defRPr/>
            </a:lvl1pPr>
          </a:lstStyle>
          <a:p>
            <a:endParaRPr lang="he-IL"/>
          </a:p>
        </p:txBody>
      </p:sp>
      <p:sp>
        <p:nvSpPr>
          <p:cNvPr id="6" name="Slide Number Placeholder 5"/>
          <p:cNvSpPr>
            <a:spLocks noGrp="1"/>
          </p:cNvSpPr>
          <p:nvPr>
            <p:ph type="sldNum" sz="quarter" idx="12"/>
          </p:nvPr>
        </p:nvSpPr>
        <p:spPr/>
        <p:txBody>
          <a:bodyPr/>
          <a:lstStyle>
            <a:lvl1pPr>
              <a:defRPr/>
            </a:lvl1pPr>
          </a:lstStyle>
          <a:p>
            <a:fld id="{7C414876-C3FC-4706-BF91-D8D372B45A73}" type="slidenum">
              <a:rPr lang="ar-SA"/>
              <a:pPr/>
              <a:t>‹#›</a:t>
            </a:fld>
            <a:endParaRPr lang="he-IL"/>
          </a:p>
        </p:txBody>
      </p:sp>
    </p:spTree>
    <p:extLst>
      <p:ext uri="{BB962C8B-B14F-4D97-AF65-F5344CB8AC3E}">
        <p14:creationId xmlns:p14="http://schemas.microsoft.com/office/powerpoint/2010/main" val="1169015041"/>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txAndClipArt" preserve="1">
  <p:cSld name="כותרת, פריט אוסף תמונות וטקסט">
    <p:spTree>
      <p:nvGrpSpPr>
        <p:cNvPr id="1" name=""/>
        <p:cNvGrpSpPr/>
        <p:nvPr/>
      </p:nvGrpSpPr>
      <p:grpSpPr>
        <a:xfrm>
          <a:off x="0" y="0"/>
          <a:ext cx="0" cy="0"/>
          <a:chOff x="0" y="0"/>
          <a:chExt cx="0" cy="0"/>
        </a:xfrm>
      </p:grpSpPr>
      <p:sp>
        <p:nvSpPr>
          <p:cNvPr id="2" name="Title 1"/>
          <p:cNvSpPr>
            <a:spLocks noGrp="1"/>
          </p:cNvSpPr>
          <p:nvPr>
            <p:ph type="title"/>
          </p:nvPr>
        </p:nvSpPr>
        <p:spPr>
          <a:xfrm>
            <a:off x="1042988" y="225425"/>
            <a:ext cx="7705725" cy="863600"/>
          </a:xfrm>
        </p:spPr>
        <p:txBody>
          <a:bodyPr/>
          <a:lstStyle/>
          <a:p>
            <a:r>
              <a:rPr lang="he-IL" smtClean="0"/>
              <a:t>לחץ כדי לערוך סגנון כותרת של תבנית בסיס</a:t>
            </a:r>
            <a:endParaRPr lang="en-US"/>
          </a:p>
        </p:txBody>
      </p:sp>
      <p:sp>
        <p:nvSpPr>
          <p:cNvPr id="3" name="Text Placeholder 2"/>
          <p:cNvSpPr>
            <a:spLocks noGrp="1"/>
          </p:cNvSpPr>
          <p:nvPr>
            <p:ph type="body" sz="half" idx="1"/>
          </p:nvPr>
        </p:nvSpPr>
        <p:spPr>
          <a:xfrm>
            <a:off x="1042988" y="1304925"/>
            <a:ext cx="3776662" cy="4895850"/>
          </a:xfrm>
        </p:spPr>
        <p:txBody>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en-US"/>
          </a:p>
        </p:txBody>
      </p:sp>
      <p:sp>
        <p:nvSpPr>
          <p:cNvPr id="4" name="ClipArt Placeholder 3"/>
          <p:cNvSpPr>
            <a:spLocks noGrp="1"/>
          </p:cNvSpPr>
          <p:nvPr>
            <p:ph type="clipArt" sz="half" idx="2"/>
          </p:nvPr>
        </p:nvSpPr>
        <p:spPr>
          <a:xfrm>
            <a:off x="4972050" y="1304925"/>
            <a:ext cx="3776663" cy="4895850"/>
          </a:xfrm>
        </p:spPr>
        <p:txBody>
          <a:bodyPr/>
          <a:lstStyle/>
          <a:p>
            <a:r>
              <a:rPr lang="he-IL" smtClean="0"/>
              <a:t>לחץ על הסמל כדי להוסיף תמונה מקוונת</a:t>
            </a:r>
            <a:endParaRPr lang="en-US"/>
          </a:p>
        </p:txBody>
      </p:sp>
      <p:sp>
        <p:nvSpPr>
          <p:cNvPr id="5" name="Date Placeholder 4"/>
          <p:cNvSpPr>
            <a:spLocks noGrp="1"/>
          </p:cNvSpPr>
          <p:nvPr>
            <p:ph type="dt" sz="half" idx="10"/>
          </p:nvPr>
        </p:nvSpPr>
        <p:spPr>
          <a:xfrm>
            <a:off x="1042988" y="6308725"/>
            <a:ext cx="1838325" cy="349250"/>
          </a:xfrm>
        </p:spPr>
        <p:txBody>
          <a:bodyPr/>
          <a:lstStyle>
            <a:lvl1pPr>
              <a:defRPr/>
            </a:lvl1pPr>
          </a:lstStyle>
          <a:p>
            <a:endParaRPr lang="he-IL"/>
          </a:p>
        </p:txBody>
      </p:sp>
      <p:sp>
        <p:nvSpPr>
          <p:cNvPr id="6" name="Footer Placeholder 5"/>
          <p:cNvSpPr>
            <a:spLocks noGrp="1"/>
          </p:cNvSpPr>
          <p:nvPr>
            <p:ph type="ftr" sz="quarter" idx="11"/>
          </p:nvPr>
        </p:nvSpPr>
        <p:spPr>
          <a:xfrm>
            <a:off x="3054350" y="6308725"/>
            <a:ext cx="3636963" cy="349250"/>
          </a:xfrm>
        </p:spPr>
        <p:txBody>
          <a:bodyPr/>
          <a:lstStyle>
            <a:lvl1pPr>
              <a:defRPr/>
            </a:lvl1pPr>
          </a:lstStyle>
          <a:p>
            <a:endParaRPr lang="he-IL"/>
          </a:p>
        </p:txBody>
      </p:sp>
      <p:sp>
        <p:nvSpPr>
          <p:cNvPr id="7" name="Slide Number Placeholder 6"/>
          <p:cNvSpPr>
            <a:spLocks noGrp="1"/>
          </p:cNvSpPr>
          <p:nvPr>
            <p:ph type="sldNum" sz="quarter" idx="12"/>
          </p:nvPr>
        </p:nvSpPr>
        <p:spPr>
          <a:xfrm>
            <a:off x="6843713" y="6308725"/>
            <a:ext cx="1905000" cy="349250"/>
          </a:xfrm>
        </p:spPr>
        <p:txBody>
          <a:bodyPr/>
          <a:lstStyle>
            <a:lvl1pPr>
              <a:defRPr/>
            </a:lvl1pPr>
          </a:lstStyle>
          <a:p>
            <a:fld id="{902A30F9-8ABF-4B6F-A3E6-C969E7C69BAD}" type="slidenum">
              <a:rPr lang="ar-SA"/>
              <a:pPr/>
              <a:t>‹#›</a:t>
            </a:fld>
            <a:endParaRPr lang="he-IL"/>
          </a:p>
        </p:txBody>
      </p:sp>
    </p:spTree>
    <p:extLst>
      <p:ext uri="{BB962C8B-B14F-4D97-AF65-F5344CB8AC3E}">
        <p14:creationId xmlns:p14="http://schemas.microsoft.com/office/powerpoint/2010/main" val="106949759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xOverObj" preserve="1">
  <p:cSld name="כותרת וטקסט על פני תוכן">
    <p:spTree>
      <p:nvGrpSpPr>
        <p:cNvPr id="1" name=""/>
        <p:cNvGrpSpPr/>
        <p:nvPr/>
      </p:nvGrpSpPr>
      <p:grpSpPr>
        <a:xfrm>
          <a:off x="0" y="0"/>
          <a:ext cx="0" cy="0"/>
          <a:chOff x="0" y="0"/>
          <a:chExt cx="0" cy="0"/>
        </a:xfrm>
      </p:grpSpPr>
      <p:sp>
        <p:nvSpPr>
          <p:cNvPr id="2" name="Title 1"/>
          <p:cNvSpPr>
            <a:spLocks noGrp="1"/>
          </p:cNvSpPr>
          <p:nvPr>
            <p:ph type="title"/>
          </p:nvPr>
        </p:nvSpPr>
        <p:spPr>
          <a:xfrm>
            <a:off x="1042988" y="225425"/>
            <a:ext cx="7705725" cy="863600"/>
          </a:xfrm>
        </p:spPr>
        <p:txBody>
          <a:bodyPr/>
          <a:lstStyle/>
          <a:p>
            <a:r>
              <a:rPr lang="he-IL" smtClean="0"/>
              <a:t>לחץ כדי לערוך סגנון כותרת של תבנית בסיס</a:t>
            </a:r>
            <a:endParaRPr lang="en-US"/>
          </a:p>
        </p:txBody>
      </p:sp>
      <p:sp>
        <p:nvSpPr>
          <p:cNvPr id="3" name="Text Placeholder 2"/>
          <p:cNvSpPr>
            <a:spLocks noGrp="1"/>
          </p:cNvSpPr>
          <p:nvPr>
            <p:ph type="body" sz="half" idx="1"/>
          </p:nvPr>
        </p:nvSpPr>
        <p:spPr>
          <a:xfrm>
            <a:off x="1042988" y="1304925"/>
            <a:ext cx="7705725" cy="2371725"/>
          </a:xfrm>
        </p:spPr>
        <p:txBody>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en-US"/>
          </a:p>
        </p:txBody>
      </p:sp>
      <p:sp>
        <p:nvSpPr>
          <p:cNvPr id="4" name="Content Placeholder 3"/>
          <p:cNvSpPr>
            <a:spLocks noGrp="1"/>
          </p:cNvSpPr>
          <p:nvPr>
            <p:ph sz="half" idx="2"/>
          </p:nvPr>
        </p:nvSpPr>
        <p:spPr>
          <a:xfrm>
            <a:off x="1042988" y="3829050"/>
            <a:ext cx="7705725" cy="2371725"/>
          </a:xfrm>
        </p:spPr>
        <p:txBody>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en-US"/>
          </a:p>
        </p:txBody>
      </p:sp>
      <p:sp>
        <p:nvSpPr>
          <p:cNvPr id="5" name="Date Placeholder 4"/>
          <p:cNvSpPr>
            <a:spLocks noGrp="1"/>
          </p:cNvSpPr>
          <p:nvPr>
            <p:ph type="dt" sz="half" idx="10"/>
          </p:nvPr>
        </p:nvSpPr>
        <p:spPr>
          <a:xfrm>
            <a:off x="1042988" y="6308725"/>
            <a:ext cx="1838325" cy="349250"/>
          </a:xfrm>
        </p:spPr>
        <p:txBody>
          <a:bodyPr/>
          <a:lstStyle>
            <a:lvl1pPr>
              <a:defRPr/>
            </a:lvl1pPr>
          </a:lstStyle>
          <a:p>
            <a:endParaRPr lang="he-IL"/>
          </a:p>
        </p:txBody>
      </p:sp>
      <p:sp>
        <p:nvSpPr>
          <p:cNvPr id="6" name="Footer Placeholder 5"/>
          <p:cNvSpPr>
            <a:spLocks noGrp="1"/>
          </p:cNvSpPr>
          <p:nvPr>
            <p:ph type="ftr" sz="quarter" idx="11"/>
          </p:nvPr>
        </p:nvSpPr>
        <p:spPr>
          <a:xfrm>
            <a:off x="3054350" y="6308725"/>
            <a:ext cx="3636963" cy="349250"/>
          </a:xfrm>
        </p:spPr>
        <p:txBody>
          <a:bodyPr/>
          <a:lstStyle>
            <a:lvl1pPr>
              <a:defRPr/>
            </a:lvl1pPr>
          </a:lstStyle>
          <a:p>
            <a:endParaRPr lang="he-IL"/>
          </a:p>
        </p:txBody>
      </p:sp>
      <p:sp>
        <p:nvSpPr>
          <p:cNvPr id="7" name="Slide Number Placeholder 6"/>
          <p:cNvSpPr>
            <a:spLocks noGrp="1"/>
          </p:cNvSpPr>
          <p:nvPr>
            <p:ph type="sldNum" sz="quarter" idx="12"/>
          </p:nvPr>
        </p:nvSpPr>
        <p:spPr>
          <a:xfrm>
            <a:off x="6843713" y="6308725"/>
            <a:ext cx="1905000" cy="349250"/>
          </a:xfrm>
        </p:spPr>
        <p:txBody>
          <a:bodyPr/>
          <a:lstStyle>
            <a:lvl1pPr>
              <a:defRPr/>
            </a:lvl1pPr>
          </a:lstStyle>
          <a:p>
            <a:fld id="{6C917A9C-1F97-4ED1-BA10-867D30712521}" type="slidenum">
              <a:rPr lang="ar-SA"/>
              <a:pPr/>
              <a:t>‹#›</a:t>
            </a:fld>
            <a:endParaRPr lang="he-IL"/>
          </a:p>
        </p:txBody>
      </p:sp>
    </p:spTree>
    <p:extLst>
      <p:ext uri="{BB962C8B-B14F-4D97-AF65-F5344CB8AC3E}">
        <p14:creationId xmlns:p14="http://schemas.microsoft.com/office/powerpoint/2010/main" val="13319497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קישור לארבעה פרקים">
    <p:spTree>
      <p:nvGrpSpPr>
        <p:cNvPr id="1" name=""/>
        <p:cNvGrpSpPr/>
        <p:nvPr/>
      </p:nvGrpSpPr>
      <p:grpSpPr>
        <a:xfrm>
          <a:off x="0" y="0"/>
          <a:ext cx="0" cy="0"/>
          <a:chOff x="0" y="0"/>
          <a:chExt cx="0" cy="0"/>
        </a:xfrm>
      </p:grpSpPr>
      <p:sp>
        <p:nvSpPr>
          <p:cNvPr id="7" name="Picture Placeholder 3"/>
          <p:cNvSpPr>
            <a:spLocks noGrp="1"/>
          </p:cNvSpPr>
          <p:nvPr>
            <p:ph type="pic" sz="quarter" idx="13"/>
          </p:nvPr>
        </p:nvSpPr>
        <p:spPr>
          <a:xfrm>
            <a:off x="119064" y="655638"/>
            <a:ext cx="4157662" cy="2520000"/>
          </a:xfrm>
          <a:ln>
            <a:solidFill>
              <a:schemeClr val="tx1"/>
            </a:solidFill>
          </a:ln>
        </p:spPr>
        <p:txBody>
          <a:bodyPr/>
          <a:lstStyle>
            <a:lvl1pPr>
              <a:buNone/>
              <a:defRPr/>
            </a:lvl1pPr>
          </a:lstStyle>
          <a:p>
            <a:pPr lvl="0"/>
            <a:endParaRPr lang="he-IL" noProof="0"/>
          </a:p>
        </p:txBody>
      </p:sp>
      <p:sp>
        <p:nvSpPr>
          <p:cNvPr id="10" name="Text Placeholder 9"/>
          <p:cNvSpPr>
            <a:spLocks noGrp="1"/>
          </p:cNvSpPr>
          <p:nvPr>
            <p:ph type="body" sz="quarter" idx="15"/>
          </p:nvPr>
        </p:nvSpPr>
        <p:spPr>
          <a:xfrm>
            <a:off x="119063" y="2672397"/>
            <a:ext cx="4157662" cy="504000"/>
          </a:xfrm>
          <a:solidFill>
            <a:srgbClr val="000000">
              <a:alpha val="65098"/>
            </a:srgbClr>
          </a:solidFill>
        </p:spPr>
        <p:txBody>
          <a:bodyPr anchor="b"/>
          <a:lstStyle>
            <a:lvl1pPr marL="0" indent="0" algn="ctr">
              <a:buNone/>
              <a:defRPr baseline="0">
                <a:solidFill>
                  <a:schemeClr val="bg1"/>
                </a:solidFill>
              </a:defRPr>
            </a:lvl1pPr>
          </a:lstStyle>
          <a:p>
            <a:pPr lvl="0"/>
            <a:r>
              <a:rPr lang="en-US" smtClean="0"/>
              <a:t>Click to edit Master text styles</a:t>
            </a:r>
          </a:p>
        </p:txBody>
      </p:sp>
      <p:sp>
        <p:nvSpPr>
          <p:cNvPr id="19" name="Picture Placeholder 3"/>
          <p:cNvSpPr>
            <a:spLocks noGrp="1"/>
          </p:cNvSpPr>
          <p:nvPr>
            <p:ph type="pic" sz="quarter" idx="16"/>
          </p:nvPr>
        </p:nvSpPr>
        <p:spPr>
          <a:xfrm>
            <a:off x="4872038" y="648018"/>
            <a:ext cx="4157662" cy="2520000"/>
          </a:xfrm>
          <a:ln>
            <a:solidFill>
              <a:schemeClr val="tx1"/>
            </a:solidFill>
          </a:ln>
        </p:spPr>
        <p:txBody>
          <a:bodyPr/>
          <a:lstStyle>
            <a:lvl1pPr>
              <a:buNone/>
              <a:defRPr/>
            </a:lvl1pPr>
          </a:lstStyle>
          <a:p>
            <a:pPr lvl="0"/>
            <a:endParaRPr lang="he-IL" noProof="0"/>
          </a:p>
        </p:txBody>
      </p:sp>
      <p:sp>
        <p:nvSpPr>
          <p:cNvPr id="20" name="Text Placeholder 9"/>
          <p:cNvSpPr>
            <a:spLocks noGrp="1"/>
          </p:cNvSpPr>
          <p:nvPr>
            <p:ph type="body" sz="quarter" idx="17"/>
          </p:nvPr>
        </p:nvSpPr>
        <p:spPr>
          <a:xfrm>
            <a:off x="4872035" y="2664777"/>
            <a:ext cx="4161600" cy="504000"/>
          </a:xfrm>
          <a:solidFill>
            <a:srgbClr val="000000">
              <a:alpha val="65098"/>
            </a:srgbClr>
          </a:solidFill>
        </p:spPr>
        <p:txBody>
          <a:bodyPr anchor="b"/>
          <a:lstStyle>
            <a:lvl1pPr marL="0" indent="0" algn="ctr">
              <a:buNone/>
              <a:defRPr baseline="0">
                <a:solidFill>
                  <a:schemeClr val="bg1"/>
                </a:solidFill>
              </a:defRPr>
            </a:lvl1pPr>
          </a:lstStyle>
          <a:p>
            <a:pPr lvl="0"/>
            <a:r>
              <a:rPr lang="en-US" smtClean="0"/>
              <a:t>Click to edit Master text styles</a:t>
            </a:r>
          </a:p>
        </p:txBody>
      </p:sp>
      <p:sp>
        <p:nvSpPr>
          <p:cNvPr id="22" name="Picture Placeholder 3"/>
          <p:cNvSpPr>
            <a:spLocks noGrp="1"/>
          </p:cNvSpPr>
          <p:nvPr>
            <p:ph type="pic" sz="quarter" idx="18"/>
          </p:nvPr>
        </p:nvSpPr>
        <p:spPr>
          <a:xfrm>
            <a:off x="4872038" y="3680016"/>
            <a:ext cx="4157662" cy="2520000"/>
          </a:xfrm>
          <a:ln>
            <a:solidFill>
              <a:schemeClr val="tx1"/>
            </a:solidFill>
          </a:ln>
        </p:spPr>
        <p:txBody>
          <a:bodyPr/>
          <a:lstStyle>
            <a:lvl1pPr>
              <a:buNone/>
              <a:defRPr/>
            </a:lvl1pPr>
          </a:lstStyle>
          <a:p>
            <a:pPr lvl="0"/>
            <a:endParaRPr lang="he-IL" noProof="0"/>
          </a:p>
        </p:txBody>
      </p:sp>
      <p:sp>
        <p:nvSpPr>
          <p:cNvPr id="23" name="Text Placeholder 9"/>
          <p:cNvSpPr>
            <a:spLocks noGrp="1"/>
          </p:cNvSpPr>
          <p:nvPr>
            <p:ph type="body" sz="quarter" idx="19"/>
          </p:nvPr>
        </p:nvSpPr>
        <p:spPr>
          <a:xfrm>
            <a:off x="4872035" y="5696775"/>
            <a:ext cx="4161600" cy="504000"/>
          </a:xfrm>
          <a:solidFill>
            <a:srgbClr val="000000">
              <a:alpha val="65098"/>
            </a:srgbClr>
          </a:solidFill>
        </p:spPr>
        <p:txBody>
          <a:bodyPr anchor="b"/>
          <a:lstStyle>
            <a:lvl1pPr marL="0" indent="0" algn="ctr">
              <a:buNone/>
              <a:defRPr baseline="0">
                <a:solidFill>
                  <a:schemeClr val="bg1"/>
                </a:solidFill>
              </a:defRPr>
            </a:lvl1pPr>
          </a:lstStyle>
          <a:p>
            <a:pPr lvl="0"/>
            <a:r>
              <a:rPr lang="en-US" smtClean="0"/>
              <a:t>Click to edit Master text styles</a:t>
            </a:r>
          </a:p>
        </p:txBody>
      </p:sp>
      <p:sp>
        <p:nvSpPr>
          <p:cNvPr id="25" name="Picture Placeholder 3"/>
          <p:cNvSpPr>
            <a:spLocks noGrp="1"/>
          </p:cNvSpPr>
          <p:nvPr>
            <p:ph type="pic" sz="quarter" idx="20"/>
          </p:nvPr>
        </p:nvSpPr>
        <p:spPr>
          <a:xfrm>
            <a:off x="119064" y="3680016"/>
            <a:ext cx="4157662" cy="2520000"/>
          </a:xfrm>
          <a:ln>
            <a:solidFill>
              <a:schemeClr val="tx1"/>
            </a:solidFill>
          </a:ln>
        </p:spPr>
        <p:txBody>
          <a:bodyPr/>
          <a:lstStyle>
            <a:lvl1pPr>
              <a:buNone/>
              <a:defRPr/>
            </a:lvl1pPr>
          </a:lstStyle>
          <a:p>
            <a:pPr lvl="0"/>
            <a:endParaRPr lang="he-IL" noProof="0"/>
          </a:p>
        </p:txBody>
      </p:sp>
      <p:sp>
        <p:nvSpPr>
          <p:cNvPr id="26" name="Text Placeholder 9"/>
          <p:cNvSpPr>
            <a:spLocks noGrp="1"/>
          </p:cNvSpPr>
          <p:nvPr>
            <p:ph type="body" sz="quarter" idx="21"/>
          </p:nvPr>
        </p:nvSpPr>
        <p:spPr>
          <a:xfrm>
            <a:off x="119063" y="5696775"/>
            <a:ext cx="4157662" cy="504000"/>
          </a:xfrm>
          <a:solidFill>
            <a:srgbClr val="000000">
              <a:alpha val="65098"/>
            </a:srgbClr>
          </a:solidFill>
        </p:spPr>
        <p:txBody>
          <a:bodyPr anchor="b"/>
          <a:lstStyle>
            <a:lvl1pPr marL="0" indent="0" algn="ctr">
              <a:buNone/>
              <a:defRPr baseline="0">
                <a:solidFill>
                  <a:schemeClr val="bg1"/>
                </a:solidFill>
              </a:defRPr>
            </a:lvl1pPr>
          </a:lstStyle>
          <a:p>
            <a:pPr lvl="0"/>
            <a:r>
              <a:rPr lang="en-US" smtClean="0"/>
              <a:t>Click to edit Master text styles</a:t>
            </a:r>
          </a:p>
        </p:txBody>
      </p:sp>
      <p:sp>
        <p:nvSpPr>
          <p:cNvPr id="29" name="Text Placeholder 28"/>
          <p:cNvSpPr>
            <a:spLocks noGrp="1"/>
          </p:cNvSpPr>
          <p:nvPr>
            <p:ph type="body" sz="quarter" idx="22"/>
          </p:nvPr>
        </p:nvSpPr>
        <p:spPr>
          <a:xfrm>
            <a:off x="4814150" y="560752"/>
            <a:ext cx="504000" cy="504000"/>
          </a:xfrm>
          <a:prstGeom prst="ellipse">
            <a:avLst/>
          </a:prstGeom>
          <a:solidFill>
            <a:srgbClr val="000000"/>
          </a:solidFill>
          <a:ln w="38100" cap="flat" cmpd="sng" algn="ctr">
            <a:solidFill>
              <a:schemeClr val="bg1"/>
            </a:solidFill>
            <a:prstDash val="solid"/>
            <a:round/>
            <a:headEnd type="none" w="med" len="med"/>
            <a:tailEnd type="none" w="med" len="med"/>
          </a:ln>
          <a:effectLst/>
        </p:spPr>
        <p:txBody>
          <a:bodyPr rtlCol="1" anchor="ctr"/>
          <a:lstStyle>
            <a:lvl1pPr marL="0" marR="0" indent="0" algn="ctr" defTabSz="914400" rtl="1" eaLnBrk="1" fontAlgn="base" latinLnBrk="0" hangingPunct="1">
              <a:lnSpc>
                <a:spcPct val="100000"/>
              </a:lnSpc>
              <a:spcBef>
                <a:spcPct val="0"/>
              </a:spcBef>
              <a:spcAft>
                <a:spcPct val="0"/>
              </a:spcAft>
              <a:buClrTx/>
              <a:buSzTx/>
              <a:buFontTx/>
              <a:buNone/>
              <a:tabLst/>
              <a:defRPr kumimoji="0" lang="he-IL" sz="2400" b="1" i="0" u="none" strike="noStrike" kern="1200" cap="none" normalizeH="0" baseline="0" dirty="0" smtClean="0">
                <a:ln>
                  <a:noFill/>
                </a:ln>
                <a:solidFill>
                  <a:schemeClr val="bg1"/>
                </a:solidFill>
                <a:effectLst/>
                <a:latin typeface="Arial" pitchFamily="34" charset="0"/>
                <a:ea typeface="+mn-ea"/>
                <a:cs typeface="+mn-cs"/>
              </a:defRPr>
            </a:lvl1pPr>
          </a:lstStyle>
          <a:p>
            <a:pPr lvl="0"/>
            <a:r>
              <a:rPr lang="en-US" smtClean="0"/>
              <a:t>Click to edit Master text styles</a:t>
            </a:r>
          </a:p>
        </p:txBody>
      </p:sp>
      <p:sp>
        <p:nvSpPr>
          <p:cNvPr id="30" name="Text Placeholder 28"/>
          <p:cNvSpPr>
            <a:spLocks noGrp="1"/>
          </p:cNvSpPr>
          <p:nvPr>
            <p:ph type="body" sz="quarter" idx="23"/>
          </p:nvPr>
        </p:nvSpPr>
        <p:spPr>
          <a:xfrm>
            <a:off x="60960" y="560752"/>
            <a:ext cx="504000" cy="504000"/>
          </a:xfrm>
          <a:prstGeom prst="ellipse">
            <a:avLst/>
          </a:prstGeom>
          <a:solidFill>
            <a:srgbClr val="000000"/>
          </a:solidFill>
          <a:ln w="38100" cap="flat" cmpd="sng" algn="ctr">
            <a:solidFill>
              <a:schemeClr val="bg1"/>
            </a:solidFill>
            <a:prstDash val="solid"/>
            <a:round/>
            <a:headEnd type="none" w="med" len="med"/>
            <a:tailEnd type="none" w="med" len="med"/>
          </a:ln>
          <a:effectLst/>
        </p:spPr>
        <p:txBody>
          <a:bodyPr rtlCol="1" anchor="ctr"/>
          <a:lstStyle>
            <a:lvl1pPr marL="0" marR="0" indent="0" algn="ctr" defTabSz="914400" rtl="1" eaLnBrk="1" fontAlgn="base" latinLnBrk="0" hangingPunct="1">
              <a:lnSpc>
                <a:spcPct val="100000"/>
              </a:lnSpc>
              <a:spcBef>
                <a:spcPct val="0"/>
              </a:spcBef>
              <a:spcAft>
                <a:spcPct val="0"/>
              </a:spcAft>
              <a:buClrTx/>
              <a:buSzTx/>
              <a:buFontTx/>
              <a:buNone/>
              <a:tabLst/>
              <a:defRPr kumimoji="0" lang="he-IL" sz="2400" b="1" i="0" u="none" strike="noStrike" kern="1200" cap="none" normalizeH="0" baseline="0" dirty="0" smtClean="0">
                <a:ln>
                  <a:noFill/>
                </a:ln>
                <a:solidFill>
                  <a:schemeClr val="bg1"/>
                </a:solidFill>
                <a:effectLst/>
                <a:latin typeface="Arial" pitchFamily="34" charset="0"/>
                <a:ea typeface="+mn-ea"/>
                <a:cs typeface="+mn-cs"/>
              </a:defRPr>
            </a:lvl1pPr>
          </a:lstStyle>
          <a:p>
            <a:pPr lvl="0"/>
            <a:r>
              <a:rPr lang="en-US" smtClean="0"/>
              <a:t>Click to edit Master text styles</a:t>
            </a:r>
          </a:p>
        </p:txBody>
      </p:sp>
      <p:sp>
        <p:nvSpPr>
          <p:cNvPr id="31" name="Text Placeholder 28"/>
          <p:cNvSpPr>
            <a:spLocks noGrp="1"/>
          </p:cNvSpPr>
          <p:nvPr>
            <p:ph type="body" sz="quarter" idx="24"/>
          </p:nvPr>
        </p:nvSpPr>
        <p:spPr>
          <a:xfrm>
            <a:off x="4813572" y="3608392"/>
            <a:ext cx="504000" cy="504000"/>
          </a:xfrm>
          <a:prstGeom prst="ellipse">
            <a:avLst/>
          </a:prstGeom>
          <a:solidFill>
            <a:srgbClr val="000000"/>
          </a:solidFill>
          <a:ln w="38100" cap="flat" cmpd="sng" algn="ctr">
            <a:solidFill>
              <a:schemeClr val="bg1"/>
            </a:solidFill>
            <a:prstDash val="solid"/>
            <a:round/>
            <a:headEnd type="none" w="med" len="med"/>
            <a:tailEnd type="none" w="med" len="med"/>
          </a:ln>
          <a:effectLst/>
        </p:spPr>
        <p:txBody>
          <a:bodyPr rtlCol="1" anchor="ctr"/>
          <a:lstStyle>
            <a:lvl1pPr marL="0" marR="0" indent="0" algn="ctr" defTabSz="914400" rtl="1" eaLnBrk="1" fontAlgn="base" latinLnBrk="0" hangingPunct="1">
              <a:lnSpc>
                <a:spcPct val="100000"/>
              </a:lnSpc>
              <a:spcBef>
                <a:spcPct val="0"/>
              </a:spcBef>
              <a:spcAft>
                <a:spcPct val="0"/>
              </a:spcAft>
              <a:buClrTx/>
              <a:buSzTx/>
              <a:buFontTx/>
              <a:buNone/>
              <a:tabLst/>
              <a:defRPr kumimoji="0" lang="he-IL" sz="2400" b="1" i="0" u="none" strike="noStrike" kern="1200" cap="none" normalizeH="0" baseline="0" dirty="0" smtClean="0">
                <a:ln>
                  <a:noFill/>
                </a:ln>
                <a:solidFill>
                  <a:schemeClr val="bg1"/>
                </a:solidFill>
                <a:effectLst/>
                <a:latin typeface="Arial" pitchFamily="34" charset="0"/>
                <a:ea typeface="+mn-ea"/>
                <a:cs typeface="+mn-cs"/>
              </a:defRPr>
            </a:lvl1pPr>
          </a:lstStyle>
          <a:p>
            <a:pPr lvl="0"/>
            <a:r>
              <a:rPr lang="en-US" smtClean="0"/>
              <a:t>Click to edit Master text styles</a:t>
            </a:r>
          </a:p>
        </p:txBody>
      </p:sp>
      <p:sp>
        <p:nvSpPr>
          <p:cNvPr id="32" name="Text Placeholder 28"/>
          <p:cNvSpPr>
            <a:spLocks noGrp="1"/>
          </p:cNvSpPr>
          <p:nvPr>
            <p:ph type="body" sz="quarter" idx="25"/>
          </p:nvPr>
        </p:nvSpPr>
        <p:spPr>
          <a:xfrm>
            <a:off x="60382" y="3608392"/>
            <a:ext cx="504000" cy="504000"/>
          </a:xfrm>
          <a:prstGeom prst="ellipse">
            <a:avLst/>
          </a:prstGeom>
          <a:solidFill>
            <a:srgbClr val="000000"/>
          </a:solidFill>
          <a:ln w="38100" cap="flat" cmpd="sng" algn="ctr">
            <a:solidFill>
              <a:schemeClr val="bg1"/>
            </a:solidFill>
            <a:prstDash val="solid"/>
            <a:round/>
            <a:headEnd type="none" w="med" len="med"/>
            <a:tailEnd type="none" w="med" len="med"/>
          </a:ln>
          <a:effectLst/>
        </p:spPr>
        <p:txBody>
          <a:bodyPr rtlCol="1" anchor="ctr"/>
          <a:lstStyle>
            <a:lvl1pPr marL="0" marR="0" indent="0" algn="ctr" defTabSz="914400" rtl="1" eaLnBrk="1" fontAlgn="base" latinLnBrk="0" hangingPunct="1">
              <a:lnSpc>
                <a:spcPct val="100000"/>
              </a:lnSpc>
              <a:spcBef>
                <a:spcPct val="0"/>
              </a:spcBef>
              <a:spcAft>
                <a:spcPct val="0"/>
              </a:spcAft>
              <a:buClrTx/>
              <a:buSzTx/>
              <a:buFontTx/>
              <a:buNone/>
              <a:tabLst/>
              <a:defRPr kumimoji="0" lang="he-IL" sz="2400" b="1" i="0" u="none" strike="noStrike" kern="1200" cap="none" normalizeH="0" baseline="0" dirty="0" smtClean="0">
                <a:ln>
                  <a:noFill/>
                </a:ln>
                <a:solidFill>
                  <a:schemeClr val="bg1"/>
                </a:solidFill>
                <a:effectLst/>
                <a:latin typeface="Arial" pitchFamily="34" charset="0"/>
                <a:ea typeface="+mn-ea"/>
                <a:cs typeface="+mn-cs"/>
              </a:defRPr>
            </a:lvl1pPr>
          </a:lstStyle>
          <a:p>
            <a:pPr lvl="0"/>
            <a:r>
              <a:rPr lang="en-US" smtClean="0"/>
              <a:t>Click to edit Master text styles</a:t>
            </a:r>
          </a:p>
        </p:txBody>
      </p:sp>
    </p:spTree>
    <p:extLst>
      <p:ext uri="{BB962C8B-B14F-4D97-AF65-F5344CB8AC3E}">
        <p14:creationId xmlns:p14="http://schemas.microsoft.com/office/powerpoint/2010/main" val="314024805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2_שקופית כותרת">
    <p:spTree>
      <p:nvGrpSpPr>
        <p:cNvPr id="1" name=""/>
        <p:cNvGrpSpPr/>
        <p:nvPr/>
      </p:nvGrpSpPr>
      <p:grpSpPr>
        <a:xfrm>
          <a:off x="0" y="0"/>
          <a:ext cx="0" cy="0"/>
          <a:chOff x="0" y="0"/>
          <a:chExt cx="0" cy="0"/>
        </a:xfrm>
      </p:grpSpPr>
    </p:spTree>
    <p:extLst>
      <p:ext uri="{BB962C8B-B14F-4D97-AF65-F5344CB8AC3E}">
        <p14:creationId xmlns:p14="http://schemas.microsoft.com/office/powerpoint/2010/main" val="337269861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1_פריסה מותאמת אישית">
    <p:spTree>
      <p:nvGrpSpPr>
        <p:cNvPr id="1" name=""/>
        <p:cNvGrpSpPr/>
        <p:nvPr/>
      </p:nvGrpSpPr>
      <p:grpSpPr>
        <a:xfrm>
          <a:off x="0" y="0"/>
          <a:ext cx="0" cy="0"/>
          <a:chOff x="0" y="0"/>
          <a:chExt cx="0" cy="0"/>
        </a:xfrm>
      </p:grpSpPr>
      <p:sp>
        <p:nvSpPr>
          <p:cNvPr id="4" name="כותרת 1"/>
          <p:cNvSpPr txBox="1">
            <a:spLocks/>
          </p:cNvSpPr>
          <p:nvPr userDrawn="1"/>
        </p:nvSpPr>
        <p:spPr bwMode="auto">
          <a:xfrm>
            <a:off x="179388" y="908050"/>
            <a:ext cx="8805862" cy="5400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rtl="1">
              <a:defRPr>
                <a:solidFill>
                  <a:schemeClr val="tx1"/>
                </a:solidFill>
                <a:latin typeface="Arial" panose="020B0604020202020204" pitchFamily="34" charset="0"/>
                <a:cs typeface="Guttman Hatzvi" panose="02010401010101010101" pitchFamily="2" charset="-79"/>
              </a:defRPr>
            </a:lvl1pPr>
            <a:lvl2pPr marL="742950" indent="-285750" algn="r" rtl="1">
              <a:defRPr>
                <a:solidFill>
                  <a:schemeClr val="tx1"/>
                </a:solidFill>
                <a:latin typeface="Arial" panose="020B0604020202020204" pitchFamily="34" charset="0"/>
                <a:cs typeface="Guttman Hatzvi" panose="02010401010101010101" pitchFamily="2" charset="-79"/>
              </a:defRPr>
            </a:lvl2pPr>
            <a:lvl3pPr marL="1143000" indent="-228600" algn="r" rtl="1">
              <a:defRPr>
                <a:solidFill>
                  <a:schemeClr val="tx1"/>
                </a:solidFill>
                <a:latin typeface="Arial" panose="020B0604020202020204" pitchFamily="34" charset="0"/>
                <a:cs typeface="Guttman Hatzvi" panose="02010401010101010101" pitchFamily="2" charset="-79"/>
              </a:defRPr>
            </a:lvl3pPr>
            <a:lvl4pPr marL="1600200" indent="-228600" algn="r" rtl="1">
              <a:defRPr>
                <a:solidFill>
                  <a:schemeClr val="tx1"/>
                </a:solidFill>
                <a:latin typeface="Arial" panose="020B0604020202020204" pitchFamily="34" charset="0"/>
                <a:cs typeface="Guttman Hatzvi" panose="02010401010101010101" pitchFamily="2" charset="-79"/>
              </a:defRPr>
            </a:lvl4pPr>
            <a:lvl5pPr marL="2057400" indent="-228600" algn="r" rtl="1">
              <a:defRPr>
                <a:solidFill>
                  <a:schemeClr val="tx1"/>
                </a:solidFill>
                <a:latin typeface="Arial" panose="020B0604020202020204" pitchFamily="34" charset="0"/>
                <a:cs typeface="Guttman Hatzvi" panose="02010401010101010101" pitchFamily="2" charset="-79"/>
              </a:defRPr>
            </a:lvl5pPr>
            <a:lvl6pPr marL="2514600" indent="-228600" eaLnBrk="0" fontAlgn="base" hangingPunct="0">
              <a:spcBef>
                <a:spcPct val="0"/>
              </a:spcBef>
              <a:spcAft>
                <a:spcPct val="0"/>
              </a:spcAft>
              <a:defRPr>
                <a:solidFill>
                  <a:schemeClr val="tx1"/>
                </a:solidFill>
                <a:latin typeface="Arial" panose="020B0604020202020204" pitchFamily="34" charset="0"/>
                <a:cs typeface="Guttman Hatzvi" panose="02010401010101010101" pitchFamily="2" charset="-79"/>
              </a:defRPr>
            </a:lvl6pPr>
            <a:lvl7pPr marL="2971800" indent="-228600" eaLnBrk="0" fontAlgn="base" hangingPunct="0">
              <a:spcBef>
                <a:spcPct val="0"/>
              </a:spcBef>
              <a:spcAft>
                <a:spcPct val="0"/>
              </a:spcAft>
              <a:defRPr>
                <a:solidFill>
                  <a:schemeClr val="tx1"/>
                </a:solidFill>
                <a:latin typeface="Arial" panose="020B0604020202020204" pitchFamily="34" charset="0"/>
                <a:cs typeface="Guttman Hatzvi" panose="02010401010101010101" pitchFamily="2" charset="-79"/>
              </a:defRPr>
            </a:lvl7pPr>
            <a:lvl8pPr marL="3429000" indent="-228600" eaLnBrk="0" fontAlgn="base" hangingPunct="0">
              <a:spcBef>
                <a:spcPct val="0"/>
              </a:spcBef>
              <a:spcAft>
                <a:spcPct val="0"/>
              </a:spcAft>
              <a:defRPr>
                <a:solidFill>
                  <a:schemeClr val="tx1"/>
                </a:solidFill>
                <a:latin typeface="Arial" panose="020B0604020202020204" pitchFamily="34" charset="0"/>
                <a:cs typeface="Guttman Hatzvi" panose="02010401010101010101" pitchFamily="2" charset="-79"/>
              </a:defRPr>
            </a:lvl8pPr>
            <a:lvl9pPr marL="3886200" indent="-228600" eaLnBrk="0" fontAlgn="base" hangingPunct="0">
              <a:spcBef>
                <a:spcPct val="0"/>
              </a:spcBef>
              <a:spcAft>
                <a:spcPct val="0"/>
              </a:spcAft>
              <a:defRPr>
                <a:solidFill>
                  <a:schemeClr val="tx1"/>
                </a:solidFill>
                <a:latin typeface="Arial" panose="020B0604020202020204" pitchFamily="34" charset="0"/>
                <a:cs typeface="Guttman Hatzvi" panose="02010401010101010101" pitchFamily="2" charset="-79"/>
              </a:defRPr>
            </a:lvl9pPr>
          </a:lstStyle>
          <a:p>
            <a:pPr eaLnBrk="1" hangingPunct="1"/>
            <a:endParaRPr lang="he-IL" altLang="he-IL" sz="3600" b="1" u="sng">
              <a:solidFill>
                <a:schemeClr val="tx2"/>
              </a:solidFill>
              <a:latin typeface="Calibri" panose="020F0502020204030204" pitchFamily="34" charset="0"/>
              <a:cs typeface="David" panose="020E0502060401010101" pitchFamily="34" charset="-79"/>
            </a:endParaRPr>
          </a:p>
        </p:txBody>
      </p:sp>
      <p:sp>
        <p:nvSpPr>
          <p:cNvPr id="2" name="כותרת 1"/>
          <p:cNvSpPr>
            <a:spLocks noGrp="1"/>
          </p:cNvSpPr>
          <p:nvPr>
            <p:ph type="title"/>
          </p:nvPr>
        </p:nvSpPr>
        <p:spPr>
          <a:xfrm>
            <a:off x="457200" y="58614"/>
            <a:ext cx="8229600" cy="634082"/>
          </a:xfrm>
          <a:prstGeom prst="rect">
            <a:avLst/>
          </a:prstGeom>
        </p:spPr>
        <p:txBody>
          <a:bodyPr/>
          <a:lstStyle>
            <a:lvl1pPr>
              <a:defRPr sz="3600" b="1" u="sng">
                <a:solidFill>
                  <a:srgbClr val="002060"/>
                </a:solidFill>
                <a:cs typeface="David" pitchFamily="2" charset="-79"/>
              </a:defRPr>
            </a:lvl1pPr>
          </a:lstStyle>
          <a:p>
            <a:r>
              <a:rPr lang="he-IL" dirty="0" smtClean="0"/>
              <a:t>לחץ כדי לערוך סגנון כותרת של תבנית בסיס</a:t>
            </a:r>
            <a:endParaRPr lang="he-IL" dirty="0"/>
          </a:p>
        </p:txBody>
      </p:sp>
      <p:sp>
        <p:nvSpPr>
          <p:cNvPr id="7" name="מציין מיקום תוכן 6"/>
          <p:cNvSpPr>
            <a:spLocks noGrp="1"/>
          </p:cNvSpPr>
          <p:nvPr>
            <p:ph sz="quarter" idx="10"/>
          </p:nvPr>
        </p:nvSpPr>
        <p:spPr>
          <a:xfrm>
            <a:off x="147278" y="849058"/>
            <a:ext cx="8856663" cy="5473700"/>
          </a:xfrm>
        </p:spPr>
        <p:txBody>
          <a:bodyPr/>
          <a:lstStyle>
            <a:lvl1pPr>
              <a:defRPr>
                <a:solidFill>
                  <a:srgbClr val="002060"/>
                </a:solidFill>
              </a:defRPr>
            </a:lvl1pPr>
            <a:lvl2pPr>
              <a:defRPr>
                <a:solidFill>
                  <a:srgbClr val="002060"/>
                </a:solidFill>
              </a:defRPr>
            </a:lvl2pPr>
            <a:lvl3pPr>
              <a:defRPr>
                <a:solidFill>
                  <a:srgbClr val="002060"/>
                </a:solidFill>
              </a:defRPr>
            </a:lvl3pPr>
            <a:lvl4pPr>
              <a:defRPr>
                <a:solidFill>
                  <a:srgbClr val="002060"/>
                </a:solidFill>
              </a:defRPr>
            </a:lvl4pPr>
            <a:lvl5pPr>
              <a:defRPr>
                <a:solidFill>
                  <a:srgbClr val="002060"/>
                </a:solidFill>
              </a:defRPr>
            </a:lvl5pPr>
          </a:lstStyle>
          <a:p>
            <a:pPr lvl="0"/>
            <a:r>
              <a:rPr lang="he-IL" dirty="0" smtClean="0"/>
              <a:t>לחץ כדי לערוך סגנונות טקסט של תבנית בסיס</a:t>
            </a:r>
          </a:p>
          <a:p>
            <a:pPr lvl="1"/>
            <a:r>
              <a:rPr lang="he-IL" dirty="0" smtClean="0"/>
              <a:t>רמה שנייה</a:t>
            </a:r>
          </a:p>
          <a:p>
            <a:pPr lvl="2"/>
            <a:r>
              <a:rPr lang="he-IL" dirty="0" smtClean="0"/>
              <a:t>רמה שלישית</a:t>
            </a:r>
          </a:p>
          <a:p>
            <a:pPr lvl="3"/>
            <a:r>
              <a:rPr lang="he-IL" dirty="0" smtClean="0"/>
              <a:t>רמה רביעית</a:t>
            </a:r>
          </a:p>
          <a:p>
            <a:pPr lvl="4"/>
            <a:r>
              <a:rPr lang="he-IL" dirty="0" smtClean="0"/>
              <a:t>רמה חמישית</a:t>
            </a:r>
            <a:endParaRPr lang="he-IL" dirty="0"/>
          </a:p>
        </p:txBody>
      </p:sp>
    </p:spTree>
    <p:extLst>
      <p:ext uri="{BB962C8B-B14F-4D97-AF65-F5344CB8AC3E}">
        <p14:creationId xmlns:p14="http://schemas.microsoft.com/office/powerpoint/2010/main" val="215377011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 preserve="1">
  <p:cSld name="שקופית כותרת">
    <p:spTree>
      <p:nvGrpSpPr>
        <p:cNvPr id="1" name=""/>
        <p:cNvGrpSpPr/>
        <p:nvPr/>
      </p:nvGrpSpPr>
      <p:grpSpPr>
        <a:xfrm>
          <a:off x="0" y="0"/>
          <a:ext cx="0" cy="0"/>
          <a:chOff x="0" y="0"/>
          <a:chExt cx="0" cy="0"/>
        </a:xfrm>
      </p:grpSpPr>
      <p:sp>
        <p:nvSpPr>
          <p:cNvPr id="5" name="צורה חופשית 4"/>
          <p:cNvSpPr>
            <a:spLocks noEditPoints="1"/>
          </p:cNvSpPr>
          <p:nvPr/>
        </p:nvSpPr>
        <p:spPr bwMode="auto">
          <a:xfrm>
            <a:off x="2854672" y="0"/>
            <a:ext cx="6286947" cy="6858000"/>
          </a:xfrm>
          <a:custGeom>
            <a:avLst/>
            <a:gdLst>
              <a:gd name="T0" fmla="*/ 378 w 2647"/>
              <a:gd name="T1" fmla="*/ 714 h 2166"/>
              <a:gd name="T2" fmla="*/ 438 w 2647"/>
              <a:gd name="T3" fmla="*/ 879 h 2166"/>
              <a:gd name="T4" fmla="*/ 571 w 2647"/>
              <a:gd name="T5" fmla="*/ 835 h 2166"/>
              <a:gd name="T6" fmla="*/ 378 w 2647"/>
              <a:gd name="T7" fmla="*/ 588 h 2166"/>
              <a:gd name="T8" fmla="*/ 335 w 2647"/>
              <a:gd name="T9" fmla="*/ 656 h 2166"/>
              <a:gd name="T10" fmla="*/ 221 w 2647"/>
              <a:gd name="T11" fmla="*/ 860 h 2166"/>
              <a:gd name="T12" fmla="*/ 292 w 2647"/>
              <a:gd name="T13" fmla="*/ 729 h 2166"/>
              <a:gd name="T14" fmla="*/ 299 w 2647"/>
              <a:gd name="T15" fmla="*/ 647 h 2166"/>
              <a:gd name="T16" fmla="*/ 882 w 2647"/>
              <a:gd name="T17" fmla="*/ 733 h 2166"/>
              <a:gd name="T18" fmla="*/ 1209 w 2647"/>
              <a:gd name="T19" fmla="*/ 586 h 2166"/>
              <a:gd name="T20" fmla="*/ 681 w 2647"/>
              <a:gd name="T21" fmla="*/ 530 h 2166"/>
              <a:gd name="T22" fmla="*/ 770 w 2647"/>
              <a:gd name="T23" fmla="*/ 1294 h 2166"/>
              <a:gd name="T24" fmla="*/ 1036 w 2647"/>
              <a:gd name="T25" fmla="*/ 1204 h 2166"/>
              <a:gd name="T26" fmla="*/ 967 w 2647"/>
              <a:gd name="T27" fmla="*/ 1151 h 2166"/>
              <a:gd name="T28" fmla="*/ 1321 w 2647"/>
              <a:gd name="T29" fmla="*/ 1411 h 2166"/>
              <a:gd name="T30" fmla="*/ 1135 w 2647"/>
              <a:gd name="T31" fmla="*/ 1382 h 2166"/>
              <a:gd name="T32" fmla="*/ 981 w 2647"/>
              <a:gd name="T33" fmla="*/ 113 h 2166"/>
              <a:gd name="T34" fmla="*/ 2289 w 2647"/>
              <a:gd name="T35" fmla="*/ 54 h 2166"/>
              <a:gd name="T36" fmla="*/ 2505 w 2647"/>
              <a:gd name="T37" fmla="*/ 66 h 2166"/>
              <a:gd name="T38" fmla="*/ 2142 w 2647"/>
              <a:gd name="T39" fmla="*/ 134 h 2166"/>
              <a:gd name="T40" fmla="*/ 1827 w 2647"/>
              <a:gd name="T41" fmla="*/ 158 h 2166"/>
              <a:gd name="T42" fmla="*/ 1542 w 2647"/>
              <a:gd name="T43" fmla="*/ 279 h 2166"/>
              <a:gd name="T44" fmla="*/ 1507 w 2647"/>
              <a:gd name="T45" fmla="*/ 90 h 2166"/>
              <a:gd name="T46" fmla="*/ 1361 w 2647"/>
              <a:gd name="T47" fmla="*/ 7 h 2166"/>
              <a:gd name="T48" fmla="*/ 1130 w 2647"/>
              <a:gd name="T49" fmla="*/ 53 h 2166"/>
              <a:gd name="T50" fmla="*/ 1040 w 2647"/>
              <a:gd name="T51" fmla="*/ 131 h 2166"/>
              <a:gd name="T52" fmla="*/ 922 w 2647"/>
              <a:gd name="T53" fmla="*/ 218 h 2166"/>
              <a:gd name="T54" fmla="*/ 848 w 2647"/>
              <a:gd name="T55" fmla="*/ 345 h 2166"/>
              <a:gd name="T56" fmla="*/ 687 w 2647"/>
              <a:gd name="T57" fmla="*/ 427 h 2166"/>
              <a:gd name="T58" fmla="*/ 678 w 2647"/>
              <a:gd name="T59" fmla="*/ 545 h 2166"/>
              <a:gd name="T60" fmla="*/ 870 w 2647"/>
              <a:gd name="T61" fmla="*/ 618 h 2166"/>
              <a:gd name="T62" fmla="*/ 1082 w 2647"/>
              <a:gd name="T63" fmla="*/ 526 h 2166"/>
              <a:gd name="T64" fmla="*/ 1250 w 2647"/>
              <a:gd name="T65" fmla="*/ 262 h 2166"/>
              <a:gd name="T66" fmla="*/ 1370 w 2647"/>
              <a:gd name="T67" fmla="*/ 505 h 2166"/>
              <a:gd name="T68" fmla="*/ 1078 w 2647"/>
              <a:gd name="T69" fmla="*/ 755 h 2166"/>
              <a:gd name="T70" fmla="*/ 808 w 2647"/>
              <a:gd name="T71" fmla="*/ 713 h 2166"/>
              <a:gd name="T72" fmla="*/ 778 w 2647"/>
              <a:gd name="T73" fmla="*/ 731 h 2166"/>
              <a:gd name="T74" fmla="*/ 606 w 2647"/>
              <a:gd name="T75" fmla="*/ 894 h 2166"/>
              <a:gd name="T76" fmla="*/ 486 w 2647"/>
              <a:gd name="T77" fmla="*/ 1089 h 2166"/>
              <a:gd name="T78" fmla="*/ 257 w 2647"/>
              <a:gd name="T79" fmla="*/ 1362 h 2166"/>
              <a:gd name="T80" fmla="*/ 679 w 2647"/>
              <a:gd name="T81" fmla="*/ 1193 h 2166"/>
              <a:gd name="T82" fmla="*/ 1008 w 2647"/>
              <a:gd name="T83" fmla="*/ 1369 h 2166"/>
              <a:gd name="T84" fmla="*/ 963 w 2647"/>
              <a:gd name="T85" fmla="*/ 1136 h 2166"/>
              <a:gd name="T86" fmla="*/ 1154 w 2647"/>
              <a:gd name="T87" fmla="*/ 1364 h 2166"/>
              <a:gd name="T88" fmla="*/ 1202 w 2647"/>
              <a:gd name="T89" fmla="*/ 1347 h 2166"/>
              <a:gd name="T90" fmla="*/ 1384 w 2647"/>
              <a:gd name="T91" fmla="*/ 1276 h 2166"/>
              <a:gd name="T92" fmla="*/ 1361 w 2647"/>
              <a:gd name="T93" fmla="*/ 1420 h 2166"/>
              <a:gd name="T94" fmla="*/ 1267 w 2647"/>
              <a:gd name="T95" fmla="*/ 1593 h 2166"/>
              <a:gd name="T96" fmla="*/ 287 w 2647"/>
              <a:gd name="T97" fmla="*/ 1531 h 2166"/>
              <a:gd name="T98" fmla="*/ 2008 w 2647"/>
              <a:gd name="T99" fmla="*/ 2120 h 2166"/>
              <a:gd name="T100" fmla="*/ 2071 w 2647"/>
              <a:gd name="T101" fmla="*/ 1839 h 2166"/>
              <a:gd name="T102" fmla="*/ 2016 w 2647"/>
              <a:gd name="T103" fmla="*/ 1657 h 2166"/>
              <a:gd name="T104" fmla="*/ 2502 w 2647"/>
              <a:gd name="T105" fmla="*/ 1811 h 2166"/>
              <a:gd name="T106" fmla="*/ 756 w 2647"/>
              <a:gd name="T107" fmla="*/ 404 h 2166"/>
              <a:gd name="T108" fmla="*/ 1554 w 2647"/>
              <a:gd name="T109" fmla="*/ 427 h 2166"/>
              <a:gd name="T110" fmla="*/ 1469 w 2647"/>
              <a:gd name="T111" fmla="*/ 468 h 2166"/>
              <a:gd name="T112" fmla="*/ 1444 w 2647"/>
              <a:gd name="T113" fmla="*/ 1071 h 2166"/>
              <a:gd name="T114" fmla="*/ 1676 w 2647"/>
              <a:gd name="T115" fmla="*/ 1048 h 2166"/>
              <a:gd name="T116" fmla="*/ 1710 w 2647"/>
              <a:gd name="T117" fmla="*/ 2113 h 2166"/>
              <a:gd name="T118" fmla="*/ 1640 w 2647"/>
              <a:gd name="T119" fmla="*/ 1831 h 2166"/>
              <a:gd name="T120" fmla="*/ 2058 w 2647"/>
              <a:gd name="T121" fmla="*/ 1426 h 2166"/>
              <a:gd name="T122" fmla="*/ 2073 w 2647"/>
              <a:gd name="T123" fmla="*/ 1061 h 2166"/>
              <a:gd name="T124" fmla="*/ 2295 w 2647"/>
              <a:gd name="T125" fmla="*/ 1098 h 21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647" h="2166">
                <a:moveTo>
                  <a:pt x="423" y="573"/>
                </a:moveTo>
                <a:cubicBezTo>
                  <a:pt x="425" y="573"/>
                  <a:pt x="426" y="573"/>
                  <a:pt x="427" y="573"/>
                </a:cubicBezTo>
                <a:cubicBezTo>
                  <a:pt x="428" y="573"/>
                  <a:pt x="428" y="574"/>
                  <a:pt x="429" y="574"/>
                </a:cubicBezTo>
                <a:cubicBezTo>
                  <a:pt x="431" y="575"/>
                  <a:pt x="432" y="575"/>
                  <a:pt x="434" y="576"/>
                </a:cubicBezTo>
                <a:cubicBezTo>
                  <a:pt x="436" y="578"/>
                  <a:pt x="438" y="579"/>
                  <a:pt x="439" y="576"/>
                </a:cubicBezTo>
                <a:cubicBezTo>
                  <a:pt x="439" y="575"/>
                  <a:pt x="439" y="575"/>
                  <a:pt x="440" y="575"/>
                </a:cubicBezTo>
                <a:cubicBezTo>
                  <a:pt x="440" y="574"/>
                  <a:pt x="441" y="574"/>
                  <a:pt x="441" y="573"/>
                </a:cubicBezTo>
                <a:cubicBezTo>
                  <a:pt x="440" y="573"/>
                  <a:pt x="439" y="573"/>
                  <a:pt x="438" y="574"/>
                </a:cubicBezTo>
                <a:cubicBezTo>
                  <a:pt x="437" y="574"/>
                  <a:pt x="436" y="574"/>
                  <a:pt x="435" y="573"/>
                </a:cubicBezTo>
                <a:cubicBezTo>
                  <a:pt x="435" y="572"/>
                  <a:pt x="435" y="572"/>
                  <a:pt x="434" y="571"/>
                </a:cubicBezTo>
                <a:cubicBezTo>
                  <a:pt x="433" y="571"/>
                  <a:pt x="432" y="571"/>
                  <a:pt x="431" y="571"/>
                </a:cubicBezTo>
                <a:cubicBezTo>
                  <a:pt x="430" y="571"/>
                  <a:pt x="428" y="571"/>
                  <a:pt x="428" y="570"/>
                </a:cubicBezTo>
                <a:cubicBezTo>
                  <a:pt x="428" y="568"/>
                  <a:pt x="430" y="569"/>
                  <a:pt x="431" y="569"/>
                </a:cubicBezTo>
                <a:cubicBezTo>
                  <a:pt x="432" y="569"/>
                  <a:pt x="433" y="569"/>
                  <a:pt x="433" y="568"/>
                </a:cubicBezTo>
                <a:cubicBezTo>
                  <a:pt x="433" y="567"/>
                  <a:pt x="432" y="567"/>
                  <a:pt x="431" y="567"/>
                </a:cubicBezTo>
                <a:cubicBezTo>
                  <a:pt x="429" y="566"/>
                  <a:pt x="430" y="565"/>
                  <a:pt x="429" y="564"/>
                </a:cubicBezTo>
                <a:cubicBezTo>
                  <a:pt x="429" y="564"/>
                  <a:pt x="428" y="564"/>
                  <a:pt x="427" y="564"/>
                </a:cubicBezTo>
                <a:cubicBezTo>
                  <a:pt x="427" y="563"/>
                  <a:pt x="427" y="563"/>
                  <a:pt x="427" y="562"/>
                </a:cubicBezTo>
                <a:cubicBezTo>
                  <a:pt x="426" y="561"/>
                  <a:pt x="425" y="560"/>
                  <a:pt x="424" y="561"/>
                </a:cubicBezTo>
                <a:cubicBezTo>
                  <a:pt x="423" y="563"/>
                  <a:pt x="425" y="564"/>
                  <a:pt x="424" y="565"/>
                </a:cubicBezTo>
                <a:cubicBezTo>
                  <a:pt x="424" y="566"/>
                  <a:pt x="422" y="566"/>
                  <a:pt x="422" y="567"/>
                </a:cubicBezTo>
                <a:cubicBezTo>
                  <a:pt x="421" y="569"/>
                  <a:pt x="421" y="573"/>
                  <a:pt x="423" y="573"/>
                </a:cubicBezTo>
                <a:close/>
                <a:moveTo>
                  <a:pt x="423" y="579"/>
                </a:moveTo>
                <a:cubicBezTo>
                  <a:pt x="424" y="579"/>
                  <a:pt x="424" y="581"/>
                  <a:pt x="425" y="581"/>
                </a:cubicBezTo>
                <a:cubicBezTo>
                  <a:pt x="426" y="582"/>
                  <a:pt x="426" y="580"/>
                  <a:pt x="426" y="580"/>
                </a:cubicBezTo>
                <a:cubicBezTo>
                  <a:pt x="425" y="578"/>
                  <a:pt x="424" y="574"/>
                  <a:pt x="421" y="575"/>
                </a:cubicBezTo>
                <a:cubicBezTo>
                  <a:pt x="419" y="575"/>
                  <a:pt x="419" y="576"/>
                  <a:pt x="420" y="577"/>
                </a:cubicBezTo>
                <a:cubicBezTo>
                  <a:pt x="421" y="578"/>
                  <a:pt x="422" y="578"/>
                  <a:pt x="423" y="579"/>
                </a:cubicBezTo>
                <a:close/>
                <a:moveTo>
                  <a:pt x="392" y="768"/>
                </a:moveTo>
                <a:cubicBezTo>
                  <a:pt x="391" y="767"/>
                  <a:pt x="392" y="763"/>
                  <a:pt x="390" y="766"/>
                </a:cubicBezTo>
                <a:cubicBezTo>
                  <a:pt x="389" y="766"/>
                  <a:pt x="389" y="767"/>
                  <a:pt x="388" y="768"/>
                </a:cubicBezTo>
                <a:cubicBezTo>
                  <a:pt x="387" y="768"/>
                  <a:pt x="387" y="768"/>
                  <a:pt x="386" y="769"/>
                </a:cubicBezTo>
                <a:cubicBezTo>
                  <a:pt x="385" y="770"/>
                  <a:pt x="385" y="771"/>
                  <a:pt x="384" y="771"/>
                </a:cubicBezTo>
                <a:cubicBezTo>
                  <a:pt x="384" y="772"/>
                  <a:pt x="383" y="772"/>
                  <a:pt x="382" y="773"/>
                </a:cubicBezTo>
                <a:cubicBezTo>
                  <a:pt x="381" y="774"/>
                  <a:pt x="378" y="778"/>
                  <a:pt x="380" y="779"/>
                </a:cubicBezTo>
                <a:cubicBezTo>
                  <a:pt x="380" y="780"/>
                  <a:pt x="383" y="780"/>
                  <a:pt x="384" y="779"/>
                </a:cubicBezTo>
                <a:cubicBezTo>
                  <a:pt x="385" y="778"/>
                  <a:pt x="386" y="777"/>
                  <a:pt x="387" y="776"/>
                </a:cubicBezTo>
                <a:cubicBezTo>
                  <a:pt x="388" y="775"/>
                  <a:pt x="389" y="775"/>
                  <a:pt x="390" y="775"/>
                </a:cubicBezTo>
                <a:cubicBezTo>
                  <a:pt x="391" y="774"/>
                  <a:pt x="391" y="774"/>
                  <a:pt x="391" y="773"/>
                </a:cubicBezTo>
                <a:cubicBezTo>
                  <a:pt x="392" y="772"/>
                  <a:pt x="394" y="771"/>
                  <a:pt x="393" y="769"/>
                </a:cubicBezTo>
                <a:cubicBezTo>
                  <a:pt x="393" y="769"/>
                  <a:pt x="392" y="768"/>
                  <a:pt x="392" y="768"/>
                </a:cubicBezTo>
                <a:close/>
                <a:moveTo>
                  <a:pt x="350" y="639"/>
                </a:moveTo>
                <a:cubicBezTo>
                  <a:pt x="351" y="640"/>
                  <a:pt x="350" y="640"/>
                  <a:pt x="351" y="640"/>
                </a:cubicBezTo>
                <a:cubicBezTo>
                  <a:pt x="352" y="641"/>
                  <a:pt x="353" y="640"/>
                  <a:pt x="354" y="640"/>
                </a:cubicBezTo>
                <a:cubicBezTo>
                  <a:pt x="354" y="643"/>
                  <a:pt x="351" y="642"/>
                  <a:pt x="350" y="643"/>
                </a:cubicBezTo>
                <a:cubicBezTo>
                  <a:pt x="349" y="644"/>
                  <a:pt x="349" y="645"/>
                  <a:pt x="350" y="645"/>
                </a:cubicBezTo>
                <a:cubicBezTo>
                  <a:pt x="351" y="645"/>
                  <a:pt x="352" y="644"/>
                  <a:pt x="353" y="645"/>
                </a:cubicBezTo>
                <a:cubicBezTo>
                  <a:pt x="353" y="645"/>
                  <a:pt x="352" y="645"/>
                  <a:pt x="353" y="646"/>
                </a:cubicBezTo>
                <a:cubicBezTo>
                  <a:pt x="353" y="646"/>
                  <a:pt x="354" y="646"/>
                  <a:pt x="354" y="647"/>
                </a:cubicBezTo>
                <a:cubicBezTo>
                  <a:pt x="355" y="647"/>
                  <a:pt x="355" y="648"/>
                  <a:pt x="354" y="648"/>
                </a:cubicBezTo>
                <a:cubicBezTo>
                  <a:pt x="353" y="648"/>
                  <a:pt x="353" y="647"/>
                  <a:pt x="352" y="647"/>
                </a:cubicBezTo>
                <a:cubicBezTo>
                  <a:pt x="351" y="647"/>
                  <a:pt x="350" y="648"/>
                  <a:pt x="350" y="649"/>
                </a:cubicBezTo>
                <a:cubicBezTo>
                  <a:pt x="348" y="651"/>
                  <a:pt x="353" y="649"/>
                  <a:pt x="353" y="651"/>
                </a:cubicBezTo>
                <a:cubicBezTo>
                  <a:pt x="353" y="653"/>
                  <a:pt x="352" y="652"/>
                  <a:pt x="351" y="653"/>
                </a:cubicBezTo>
                <a:cubicBezTo>
                  <a:pt x="349" y="653"/>
                  <a:pt x="351" y="654"/>
                  <a:pt x="351" y="655"/>
                </a:cubicBezTo>
                <a:cubicBezTo>
                  <a:pt x="351" y="656"/>
                  <a:pt x="349" y="655"/>
                  <a:pt x="349" y="656"/>
                </a:cubicBezTo>
                <a:cubicBezTo>
                  <a:pt x="348" y="657"/>
                  <a:pt x="350" y="657"/>
                  <a:pt x="350" y="658"/>
                </a:cubicBezTo>
                <a:cubicBezTo>
                  <a:pt x="350" y="660"/>
                  <a:pt x="346" y="658"/>
                  <a:pt x="346" y="658"/>
                </a:cubicBezTo>
                <a:cubicBezTo>
                  <a:pt x="345" y="659"/>
                  <a:pt x="345" y="661"/>
                  <a:pt x="346" y="661"/>
                </a:cubicBezTo>
                <a:cubicBezTo>
                  <a:pt x="346" y="662"/>
                  <a:pt x="348" y="661"/>
                  <a:pt x="347" y="663"/>
                </a:cubicBezTo>
                <a:cubicBezTo>
                  <a:pt x="347" y="664"/>
                  <a:pt x="345" y="663"/>
                  <a:pt x="344" y="664"/>
                </a:cubicBezTo>
                <a:cubicBezTo>
                  <a:pt x="343" y="665"/>
                  <a:pt x="344" y="665"/>
                  <a:pt x="345" y="665"/>
                </a:cubicBezTo>
                <a:cubicBezTo>
                  <a:pt x="347" y="666"/>
                  <a:pt x="347" y="667"/>
                  <a:pt x="345" y="667"/>
                </a:cubicBezTo>
                <a:cubicBezTo>
                  <a:pt x="345" y="667"/>
                  <a:pt x="344" y="667"/>
                  <a:pt x="344" y="667"/>
                </a:cubicBezTo>
                <a:cubicBezTo>
                  <a:pt x="343" y="668"/>
                  <a:pt x="343" y="668"/>
                  <a:pt x="342" y="668"/>
                </a:cubicBezTo>
                <a:cubicBezTo>
                  <a:pt x="341" y="668"/>
                  <a:pt x="340" y="667"/>
                  <a:pt x="339" y="668"/>
                </a:cubicBezTo>
                <a:cubicBezTo>
                  <a:pt x="338" y="668"/>
                  <a:pt x="335" y="670"/>
                  <a:pt x="337" y="671"/>
                </a:cubicBezTo>
                <a:cubicBezTo>
                  <a:pt x="338" y="671"/>
                  <a:pt x="341" y="670"/>
                  <a:pt x="341" y="670"/>
                </a:cubicBezTo>
                <a:cubicBezTo>
                  <a:pt x="342" y="670"/>
                  <a:pt x="344" y="670"/>
                  <a:pt x="344" y="671"/>
                </a:cubicBezTo>
                <a:cubicBezTo>
                  <a:pt x="344" y="672"/>
                  <a:pt x="342" y="672"/>
                  <a:pt x="343" y="673"/>
                </a:cubicBezTo>
                <a:cubicBezTo>
                  <a:pt x="344" y="674"/>
                  <a:pt x="344" y="674"/>
                  <a:pt x="345" y="675"/>
                </a:cubicBezTo>
                <a:cubicBezTo>
                  <a:pt x="346" y="677"/>
                  <a:pt x="347" y="677"/>
                  <a:pt x="350" y="677"/>
                </a:cubicBezTo>
                <a:cubicBezTo>
                  <a:pt x="351" y="677"/>
                  <a:pt x="353" y="678"/>
                  <a:pt x="355" y="678"/>
                </a:cubicBezTo>
                <a:cubicBezTo>
                  <a:pt x="356" y="677"/>
                  <a:pt x="356" y="677"/>
                  <a:pt x="357" y="676"/>
                </a:cubicBezTo>
                <a:cubicBezTo>
                  <a:pt x="357" y="676"/>
                  <a:pt x="358" y="676"/>
                  <a:pt x="359" y="675"/>
                </a:cubicBezTo>
                <a:cubicBezTo>
                  <a:pt x="359" y="675"/>
                  <a:pt x="360" y="674"/>
                  <a:pt x="360" y="673"/>
                </a:cubicBezTo>
                <a:cubicBezTo>
                  <a:pt x="362" y="671"/>
                  <a:pt x="363" y="672"/>
                  <a:pt x="365" y="670"/>
                </a:cubicBezTo>
                <a:cubicBezTo>
                  <a:pt x="366" y="670"/>
                  <a:pt x="366" y="669"/>
                  <a:pt x="366" y="668"/>
                </a:cubicBezTo>
                <a:cubicBezTo>
                  <a:pt x="367" y="667"/>
                  <a:pt x="366" y="665"/>
                  <a:pt x="367" y="665"/>
                </a:cubicBezTo>
                <a:cubicBezTo>
                  <a:pt x="369" y="664"/>
                  <a:pt x="369" y="666"/>
                  <a:pt x="368" y="667"/>
                </a:cubicBezTo>
                <a:cubicBezTo>
                  <a:pt x="368" y="668"/>
                  <a:pt x="367" y="669"/>
                  <a:pt x="368" y="670"/>
                </a:cubicBezTo>
                <a:cubicBezTo>
                  <a:pt x="368" y="670"/>
                  <a:pt x="371" y="668"/>
                  <a:pt x="370" y="670"/>
                </a:cubicBezTo>
                <a:cubicBezTo>
                  <a:pt x="370" y="671"/>
                  <a:pt x="368" y="671"/>
                  <a:pt x="368" y="671"/>
                </a:cubicBezTo>
                <a:cubicBezTo>
                  <a:pt x="366" y="671"/>
                  <a:pt x="365" y="673"/>
                  <a:pt x="363" y="674"/>
                </a:cubicBezTo>
                <a:cubicBezTo>
                  <a:pt x="361" y="675"/>
                  <a:pt x="361" y="676"/>
                  <a:pt x="360" y="678"/>
                </a:cubicBezTo>
                <a:cubicBezTo>
                  <a:pt x="360" y="679"/>
                  <a:pt x="359" y="679"/>
                  <a:pt x="359" y="680"/>
                </a:cubicBezTo>
                <a:cubicBezTo>
                  <a:pt x="358" y="682"/>
                  <a:pt x="357" y="684"/>
                  <a:pt x="357" y="685"/>
                </a:cubicBezTo>
                <a:cubicBezTo>
                  <a:pt x="357" y="687"/>
                  <a:pt x="357" y="687"/>
                  <a:pt x="356" y="688"/>
                </a:cubicBezTo>
                <a:cubicBezTo>
                  <a:pt x="355" y="690"/>
                  <a:pt x="357" y="692"/>
                  <a:pt x="356" y="694"/>
                </a:cubicBezTo>
                <a:cubicBezTo>
                  <a:pt x="356" y="695"/>
                  <a:pt x="355" y="696"/>
                  <a:pt x="354" y="697"/>
                </a:cubicBezTo>
                <a:cubicBezTo>
                  <a:pt x="353" y="698"/>
                  <a:pt x="354" y="698"/>
                  <a:pt x="354" y="699"/>
                </a:cubicBezTo>
                <a:cubicBezTo>
                  <a:pt x="354" y="700"/>
                  <a:pt x="353" y="700"/>
                  <a:pt x="352" y="701"/>
                </a:cubicBezTo>
                <a:cubicBezTo>
                  <a:pt x="351" y="703"/>
                  <a:pt x="352" y="702"/>
                  <a:pt x="353" y="703"/>
                </a:cubicBezTo>
                <a:cubicBezTo>
                  <a:pt x="355" y="705"/>
                  <a:pt x="350" y="707"/>
                  <a:pt x="352" y="708"/>
                </a:cubicBezTo>
                <a:cubicBezTo>
                  <a:pt x="354" y="710"/>
                  <a:pt x="357" y="707"/>
                  <a:pt x="358" y="708"/>
                </a:cubicBezTo>
                <a:cubicBezTo>
                  <a:pt x="358" y="709"/>
                  <a:pt x="357" y="710"/>
                  <a:pt x="356" y="710"/>
                </a:cubicBezTo>
                <a:cubicBezTo>
                  <a:pt x="354" y="711"/>
                  <a:pt x="353" y="713"/>
                  <a:pt x="352" y="715"/>
                </a:cubicBezTo>
                <a:cubicBezTo>
                  <a:pt x="351" y="717"/>
                  <a:pt x="352" y="719"/>
                  <a:pt x="352" y="721"/>
                </a:cubicBezTo>
                <a:cubicBezTo>
                  <a:pt x="351" y="723"/>
                  <a:pt x="349" y="723"/>
                  <a:pt x="348" y="725"/>
                </a:cubicBezTo>
                <a:cubicBezTo>
                  <a:pt x="348" y="728"/>
                  <a:pt x="351" y="728"/>
                  <a:pt x="353" y="728"/>
                </a:cubicBezTo>
                <a:cubicBezTo>
                  <a:pt x="354" y="728"/>
                  <a:pt x="357" y="729"/>
                  <a:pt x="357" y="726"/>
                </a:cubicBezTo>
                <a:cubicBezTo>
                  <a:pt x="356" y="724"/>
                  <a:pt x="355" y="722"/>
                  <a:pt x="357" y="720"/>
                </a:cubicBezTo>
                <a:cubicBezTo>
                  <a:pt x="357" y="720"/>
                  <a:pt x="358" y="719"/>
                  <a:pt x="359" y="718"/>
                </a:cubicBezTo>
                <a:cubicBezTo>
                  <a:pt x="359" y="717"/>
                  <a:pt x="359" y="716"/>
                  <a:pt x="359" y="715"/>
                </a:cubicBezTo>
                <a:cubicBezTo>
                  <a:pt x="358" y="714"/>
                  <a:pt x="358" y="712"/>
                  <a:pt x="360" y="711"/>
                </a:cubicBezTo>
                <a:cubicBezTo>
                  <a:pt x="361" y="710"/>
                  <a:pt x="363" y="711"/>
                  <a:pt x="364" y="709"/>
                </a:cubicBezTo>
                <a:cubicBezTo>
                  <a:pt x="364" y="708"/>
                  <a:pt x="363" y="707"/>
                  <a:pt x="362" y="706"/>
                </a:cubicBezTo>
                <a:cubicBezTo>
                  <a:pt x="362" y="706"/>
                  <a:pt x="362" y="705"/>
                  <a:pt x="361" y="704"/>
                </a:cubicBezTo>
                <a:cubicBezTo>
                  <a:pt x="361" y="703"/>
                  <a:pt x="360" y="703"/>
                  <a:pt x="360" y="702"/>
                </a:cubicBezTo>
                <a:cubicBezTo>
                  <a:pt x="359" y="699"/>
                  <a:pt x="361" y="699"/>
                  <a:pt x="363" y="698"/>
                </a:cubicBezTo>
                <a:cubicBezTo>
                  <a:pt x="364" y="697"/>
                  <a:pt x="365" y="694"/>
                  <a:pt x="367" y="694"/>
                </a:cubicBezTo>
                <a:cubicBezTo>
                  <a:pt x="367" y="695"/>
                  <a:pt x="366" y="695"/>
                  <a:pt x="366" y="696"/>
                </a:cubicBezTo>
                <a:cubicBezTo>
                  <a:pt x="365" y="696"/>
                  <a:pt x="365" y="697"/>
                  <a:pt x="364" y="697"/>
                </a:cubicBezTo>
                <a:cubicBezTo>
                  <a:pt x="364" y="698"/>
                  <a:pt x="363" y="699"/>
                  <a:pt x="363" y="700"/>
                </a:cubicBezTo>
                <a:cubicBezTo>
                  <a:pt x="362" y="701"/>
                  <a:pt x="362" y="702"/>
                  <a:pt x="363" y="702"/>
                </a:cubicBezTo>
                <a:cubicBezTo>
                  <a:pt x="363" y="703"/>
                  <a:pt x="364" y="703"/>
                  <a:pt x="364" y="703"/>
                </a:cubicBezTo>
                <a:cubicBezTo>
                  <a:pt x="364" y="704"/>
                  <a:pt x="364" y="704"/>
                  <a:pt x="364" y="705"/>
                </a:cubicBezTo>
                <a:cubicBezTo>
                  <a:pt x="365" y="706"/>
                  <a:pt x="366" y="707"/>
                  <a:pt x="366" y="705"/>
                </a:cubicBezTo>
                <a:cubicBezTo>
                  <a:pt x="367" y="704"/>
                  <a:pt x="365" y="703"/>
                  <a:pt x="367" y="702"/>
                </a:cubicBezTo>
                <a:cubicBezTo>
                  <a:pt x="368" y="702"/>
                  <a:pt x="369" y="703"/>
                  <a:pt x="370" y="703"/>
                </a:cubicBezTo>
                <a:cubicBezTo>
                  <a:pt x="370" y="704"/>
                  <a:pt x="370" y="705"/>
                  <a:pt x="371" y="706"/>
                </a:cubicBezTo>
                <a:cubicBezTo>
                  <a:pt x="372" y="707"/>
                  <a:pt x="372" y="706"/>
                  <a:pt x="373" y="705"/>
                </a:cubicBezTo>
                <a:cubicBezTo>
                  <a:pt x="374" y="704"/>
                  <a:pt x="375" y="704"/>
                  <a:pt x="375" y="703"/>
                </a:cubicBezTo>
                <a:cubicBezTo>
                  <a:pt x="377" y="702"/>
                  <a:pt x="375" y="699"/>
                  <a:pt x="376" y="697"/>
                </a:cubicBezTo>
                <a:cubicBezTo>
                  <a:pt x="377" y="696"/>
                  <a:pt x="377" y="696"/>
                  <a:pt x="377" y="694"/>
                </a:cubicBezTo>
                <a:cubicBezTo>
                  <a:pt x="377" y="693"/>
                  <a:pt x="377" y="692"/>
                  <a:pt x="379" y="692"/>
                </a:cubicBezTo>
                <a:cubicBezTo>
                  <a:pt x="381" y="693"/>
                  <a:pt x="380" y="696"/>
                  <a:pt x="380" y="698"/>
                </a:cubicBezTo>
                <a:cubicBezTo>
                  <a:pt x="381" y="699"/>
                  <a:pt x="384" y="701"/>
                  <a:pt x="383" y="702"/>
                </a:cubicBezTo>
                <a:cubicBezTo>
                  <a:pt x="382" y="702"/>
                  <a:pt x="381" y="702"/>
                  <a:pt x="381" y="701"/>
                </a:cubicBezTo>
                <a:cubicBezTo>
                  <a:pt x="380" y="701"/>
                  <a:pt x="379" y="700"/>
                  <a:pt x="378" y="701"/>
                </a:cubicBezTo>
                <a:cubicBezTo>
                  <a:pt x="376" y="701"/>
                  <a:pt x="377" y="704"/>
                  <a:pt x="378" y="705"/>
                </a:cubicBezTo>
                <a:cubicBezTo>
                  <a:pt x="378" y="708"/>
                  <a:pt x="377" y="708"/>
                  <a:pt x="377" y="711"/>
                </a:cubicBezTo>
                <a:cubicBezTo>
                  <a:pt x="376" y="712"/>
                  <a:pt x="376" y="713"/>
                  <a:pt x="378" y="714"/>
                </a:cubicBezTo>
                <a:cubicBezTo>
                  <a:pt x="378" y="714"/>
                  <a:pt x="379" y="714"/>
                  <a:pt x="379" y="714"/>
                </a:cubicBezTo>
                <a:cubicBezTo>
                  <a:pt x="380" y="715"/>
                  <a:pt x="381" y="716"/>
                  <a:pt x="381" y="716"/>
                </a:cubicBezTo>
                <a:cubicBezTo>
                  <a:pt x="383" y="717"/>
                  <a:pt x="383" y="719"/>
                  <a:pt x="382" y="721"/>
                </a:cubicBezTo>
                <a:cubicBezTo>
                  <a:pt x="381" y="723"/>
                  <a:pt x="382" y="725"/>
                  <a:pt x="381" y="727"/>
                </a:cubicBezTo>
                <a:cubicBezTo>
                  <a:pt x="380" y="729"/>
                  <a:pt x="379" y="730"/>
                  <a:pt x="377" y="731"/>
                </a:cubicBezTo>
                <a:cubicBezTo>
                  <a:pt x="375" y="733"/>
                  <a:pt x="374" y="735"/>
                  <a:pt x="373" y="738"/>
                </a:cubicBezTo>
                <a:cubicBezTo>
                  <a:pt x="373" y="739"/>
                  <a:pt x="373" y="742"/>
                  <a:pt x="371" y="743"/>
                </a:cubicBezTo>
                <a:cubicBezTo>
                  <a:pt x="370" y="744"/>
                  <a:pt x="367" y="741"/>
                  <a:pt x="367" y="744"/>
                </a:cubicBezTo>
                <a:cubicBezTo>
                  <a:pt x="366" y="745"/>
                  <a:pt x="369" y="746"/>
                  <a:pt x="370" y="748"/>
                </a:cubicBezTo>
                <a:cubicBezTo>
                  <a:pt x="371" y="749"/>
                  <a:pt x="372" y="751"/>
                  <a:pt x="373" y="752"/>
                </a:cubicBezTo>
                <a:cubicBezTo>
                  <a:pt x="373" y="753"/>
                  <a:pt x="374" y="756"/>
                  <a:pt x="375" y="757"/>
                </a:cubicBezTo>
                <a:cubicBezTo>
                  <a:pt x="378" y="757"/>
                  <a:pt x="375" y="753"/>
                  <a:pt x="375" y="752"/>
                </a:cubicBezTo>
                <a:cubicBezTo>
                  <a:pt x="372" y="748"/>
                  <a:pt x="378" y="746"/>
                  <a:pt x="381" y="748"/>
                </a:cubicBezTo>
                <a:cubicBezTo>
                  <a:pt x="382" y="749"/>
                  <a:pt x="382" y="750"/>
                  <a:pt x="383" y="750"/>
                </a:cubicBezTo>
                <a:cubicBezTo>
                  <a:pt x="383" y="752"/>
                  <a:pt x="384" y="752"/>
                  <a:pt x="385" y="752"/>
                </a:cubicBezTo>
                <a:cubicBezTo>
                  <a:pt x="387" y="753"/>
                  <a:pt x="388" y="755"/>
                  <a:pt x="390" y="755"/>
                </a:cubicBezTo>
                <a:cubicBezTo>
                  <a:pt x="392" y="755"/>
                  <a:pt x="391" y="754"/>
                  <a:pt x="391" y="753"/>
                </a:cubicBezTo>
                <a:cubicBezTo>
                  <a:pt x="390" y="751"/>
                  <a:pt x="392" y="752"/>
                  <a:pt x="392" y="751"/>
                </a:cubicBezTo>
                <a:cubicBezTo>
                  <a:pt x="392" y="749"/>
                  <a:pt x="390" y="749"/>
                  <a:pt x="389" y="748"/>
                </a:cubicBezTo>
                <a:cubicBezTo>
                  <a:pt x="389" y="747"/>
                  <a:pt x="389" y="745"/>
                  <a:pt x="390" y="745"/>
                </a:cubicBezTo>
                <a:cubicBezTo>
                  <a:pt x="391" y="744"/>
                  <a:pt x="391" y="745"/>
                  <a:pt x="392" y="745"/>
                </a:cubicBezTo>
                <a:cubicBezTo>
                  <a:pt x="393" y="746"/>
                  <a:pt x="395" y="747"/>
                  <a:pt x="396" y="748"/>
                </a:cubicBezTo>
                <a:cubicBezTo>
                  <a:pt x="396" y="749"/>
                  <a:pt x="397" y="750"/>
                  <a:pt x="398" y="751"/>
                </a:cubicBezTo>
                <a:cubicBezTo>
                  <a:pt x="399" y="752"/>
                  <a:pt x="400" y="750"/>
                  <a:pt x="401" y="750"/>
                </a:cubicBezTo>
                <a:cubicBezTo>
                  <a:pt x="402" y="750"/>
                  <a:pt x="401" y="752"/>
                  <a:pt x="403" y="751"/>
                </a:cubicBezTo>
                <a:cubicBezTo>
                  <a:pt x="404" y="751"/>
                  <a:pt x="405" y="750"/>
                  <a:pt x="405" y="749"/>
                </a:cubicBezTo>
                <a:cubicBezTo>
                  <a:pt x="406" y="748"/>
                  <a:pt x="407" y="748"/>
                  <a:pt x="408" y="748"/>
                </a:cubicBezTo>
                <a:cubicBezTo>
                  <a:pt x="410" y="747"/>
                  <a:pt x="410" y="746"/>
                  <a:pt x="411" y="745"/>
                </a:cubicBezTo>
                <a:cubicBezTo>
                  <a:pt x="411" y="744"/>
                  <a:pt x="411" y="744"/>
                  <a:pt x="413" y="744"/>
                </a:cubicBezTo>
                <a:cubicBezTo>
                  <a:pt x="414" y="744"/>
                  <a:pt x="414" y="744"/>
                  <a:pt x="414" y="743"/>
                </a:cubicBezTo>
                <a:cubicBezTo>
                  <a:pt x="415" y="741"/>
                  <a:pt x="418" y="741"/>
                  <a:pt x="420" y="741"/>
                </a:cubicBezTo>
                <a:cubicBezTo>
                  <a:pt x="420" y="741"/>
                  <a:pt x="427" y="740"/>
                  <a:pt x="426" y="742"/>
                </a:cubicBezTo>
                <a:cubicBezTo>
                  <a:pt x="426" y="743"/>
                  <a:pt x="425" y="742"/>
                  <a:pt x="424" y="743"/>
                </a:cubicBezTo>
                <a:cubicBezTo>
                  <a:pt x="424" y="743"/>
                  <a:pt x="424" y="743"/>
                  <a:pt x="423" y="743"/>
                </a:cubicBezTo>
                <a:cubicBezTo>
                  <a:pt x="423" y="744"/>
                  <a:pt x="423" y="744"/>
                  <a:pt x="422" y="744"/>
                </a:cubicBezTo>
                <a:cubicBezTo>
                  <a:pt x="421" y="744"/>
                  <a:pt x="421" y="744"/>
                  <a:pt x="421" y="746"/>
                </a:cubicBezTo>
                <a:cubicBezTo>
                  <a:pt x="421" y="747"/>
                  <a:pt x="420" y="748"/>
                  <a:pt x="418" y="750"/>
                </a:cubicBezTo>
                <a:cubicBezTo>
                  <a:pt x="417" y="751"/>
                  <a:pt x="417" y="753"/>
                  <a:pt x="416" y="755"/>
                </a:cubicBezTo>
                <a:cubicBezTo>
                  <a:pt x="415" y="757"/>
                  <a:pt x="413" y="758"/>
                  <a:pt x="413" y="760"/>
                </a:cubicBezTo>
                <a:cubicBezTo>
                  <a:pt x="413" y="762"/>
                  <a:pt x="413" y="764"/>
                  <a:pt x="415" y="765"/>
                </a:cubicBezTo>
                <a:cubicBezTo>
                  <a:pt x="418" y="767"/>
                  <a:pt x="418" y="770"/>
                  <a:pt x="420" y="772"/>
                </a:cubicBezTo>
                <a:cubicBezTo>
                  <a:pt x="421" y="772"/>
                  <a:pt x="421" y="772"/>
                  <a:pt x="421" y="772"/>
                </a:cubicBezTo>
                <a:cubicBezTo>
                  <a:pt x="422" y="773"/>
                  <a:pt x="421" y="773"/>
                  <a:pt x="422" y="774"/>
                </a:cubicBezTo>
                <a:cubicBezTo>
                  <a:pt x="422" y="775"/>
                  <a:pt x="423" y="774"/>
                  <a:pt x="424" y="775"/>
                </a:cubicBezTo>
                <a:cubicBezTo>
                  <a:pt x="426" y="775"/>
                  <a:pt x="426" y="776"/>
                  <a:pt x="425" y="777"/>
                </a:cubicBezTo>
                <a:cubicBezTo>
                  <a:pt x="424" y="780"/>
                  <a:pt x="427" y="780"/>
                  <a:pt x="429" y="778"/>
                </a:cubicBezTo>
                <a:cubicBezTo>
                  <a:pt x="429" y="777"/>
                  <a:pt x="429" y="776"/>
                  <a:pt x="430" y="775"/>
                </a:cubicBezTo>
                <a:cubicBezTo>
                  <a:pt x="431" y="775"/>
                  <a:pt x="431" y="775"/>
                  <a:pt x="431" y="774"/>
                </a:cubicBezTo>
                <a:cubicBezTo>
                  <a:pt x="432" y="774"/>
                  <a:pt x="432" y="773"/>
                  <a:pt x="432" y="773"/>
                </a:cubicBezTo>
                <a:cubicBezTo>
                  <a:pt x="433" y="772"/>
                  <a:pt x="434" y="774"/>
                  <a:pt x="434" y="775"/>
                </a:cubicBezTo>
                <a:cubicBezTo>
                  <a:pt x="434" y="776"/>
                  <a:pt x="434" y="776"/>
                  <a:pt x="433" y="777"/>
                </a:cubicBezTo>
                <a:cubicBezTo>
                  <a:pt x="432" y="778"/>
                  <a:pt x="431" y="778"/>
                  <a:pt x="431" y="779"/>
                </a:cubicBezTo>
                <a:cubicBezTo>
                  <a:pt x="431" y="781"/>
                  <a:pt x="432" y="781"/>
                  <a:pt x="433" y="781"/>
                </a:cubicBezTo>
                <a:cubicBezTo>
                  <a:pt x="433" y="782"/>
                  <a:pt x="432" y="782"/>
                  <a:pt x="431" y="783"/>
                </a:cubicBezTo>
                <a:cubicBezTo>
                  <a:pt x="430" y="783"/>
                  <a:pt x="430" y="783"/>
                  <a:pt x="430" y="784"/>
                </a:cubicBezTo>
                <a:cubicBezTo>
                  <a:pt x="429" y="786"/>
                  <a:pt x="429" y="787"/>
                  <a:pt x="430" y="789"/>
                </a:cubicBezTo>
                <a:cubicBezTo>
                  <a:pt x="431" y="791"/>
                  <a:pt x="433" y="791"/>
                  <a:pt x="432" y="794"/>
                </a:cubicBezTo>
                <a:cubicBezTo>
                  <a:pt x="432" y="796"/>
                  <a:pt x="430" y="797"/>
                  <a:pt x="429" y="798"/>
                </a:cubicBezTo>
                <a:cubicBezTo>
                  <a:pt x="426" y="802"/>
                  <a:pt x="429" y="806"/>
                  <a:pt x="432" y="808"/>
                </a:cubicBezTo>
                <a:cubicBezTo>
                  <a:pt x="433" y="808"/>
                  <a:pt x="435" y="808"/>
                  <a:pt x="435" y="809"/>
                </a:cubicBezTo>
                <a:cubicBezTo>
                  <a:pt x="435" y="810"/>
                  <a:pt x="433" y="810"/>
                  <a:pt x="432" y="810"/>
                </a:cubicBezTo>
                <a:cubicBezTo>
                  <a:pt x="431" y="809"/>
                  <a:pt x="429" y="808"/>
                  <a:pt x="428" y="807"/>
                </a:cubicBezTo>
                <a:cubicBezTo>
                  <a:pt x="427" y="806"/>
                  <a:pt x="426" y="806"/>
                  <a:pt x="426" y="807"/>
                </a:cubicBezTo>
                <a:cubicBezTo>
                  <a:pt x="425" y="808"/>
                  <a:pt x="426" y="809"/>
                  <a:pt x="427" y="809"/>
                </a:cubicBezTo>
                <a:cubicBezTo>
                  <a:pt x="427" y="811"/>
                  <a:pt x="428" y="811"/>
                  <a:pt x="426" y="811"/>
                </a:cubicBezTo>
                <a:cubicBezTo>
                  <a:pt x="425" y="812"/>
                  <a:pt x="424" y="811"/>
                  <a:pt x="423" y="811"/>
                </a:cubicBezTo>
                <a:cubicBezTo>
                  <a:pt x="421" y="810"/>
                  <a:pt x="420" y="809"/>
                  <a:pt x="418" y="809"/>
                </a:cubicBezTo>
                <a:cubicBezTo>
                  <a:pt x="416" y="809"/>
                  <a:pt x="414" y="810"/>
                  <a:pt x="412" y="811"/>
                </a:cubicBezTo>
                <a:cubicBezTo>
                  <a:pt x="411" y="811"/>
                  <a:pt x="410" y="811"/>
                  <a:pt x="409" y="810"/>
                </a:cubicBezTo>
                <a:cubicBezTo>
                  <a:pt x="408" y="810"/>
                  <a:pt x="408" y="809"/>
                  <a:pt x="406" y="810"/>
                </a:cubicBezTo>
                <a:cubicBezTo>
                  <a:pt x="405" y="810"/>
                  <a:pt x="405" y="811"/>
                  <a:pt x="404" y="811"/>
                </a:cubicBezTo>
                <a:cubicBezTo>
                  <a:pt x="404" y="812"/>
                  <a:pt x="403" y="812"/>
                  <a:pt x="402" y="812"/>
                </a:cubicBezTo>
                <a:cubicBezTo>
                  <a:pt x="400" y="813"/>
                  <a:pt x="398" y="814"/>
                  <a:pt x="396" y="815"/>
                </a:cubicBezTo>
                <a:cubicBezTo>
                  <a:pt x="394" y="816"/>
                  <a:pt x="394" y="817"/>
                  <a:pt x="393" y="819"/>
                </a:cubicBezTo>
                <a:cubicBezTo>
                  <a:pt x="391" y="821"/>
                  <a:pt x="389" y="825"/>
                  <a:pt x="386" y="826"/>
                </a:cubicBezTo>
                <a:cubicBezTo>
                  <a:pt x="386" y="826"/>
                  <a:pt x="385" y="826"/>
                  <a:pt x="385" y="826"/>
                </a:cubicBezTo>
                <a:cubicBezTo>
                  <a:pt x="384" y="826"/>
                  <a:pt x="384" y="826"/>
                  <a:pt x="383" y="827"/>
                </a:cubicBezTo>
                <a:cubicBezTo>
                  <a:pt x="382" y="827"/>
                  <a:pt x="380" y="828"/>
                  <a:pt x="380" y="830"/>
                </a:cubicBezTo>
                <a:cubicBezTo>
                  <a:pt x="379" y="832"/>
                  <a:pt x="382" y="831"/>
                  <a:pt x="383" y="831"/>
                </a:cubicBezTo>
                <a:cubicBezTo>
                  <a:pt x="385" y="831"/>
                  <a:pt x="385" y="830"/>
                  <a:pt x="386" y="829"/>
                </a:cubicBezTo>
                <a:cubicBezTo>
                  <a:pt x="387" y="829"/>
                  <a:pt x="388" y="828"/>
                  <a:pt x="389" y="828"/>
                </a:cubicBezTo>
                <a:cubicBezTo>
                  <a:pt x="391" y="827"/>
                  <a:pt x="392" y="827"/>
                  <a:pt x="394" y="827"/>
                </a:cubicBezTo>
                <a:cubicBezTo>
                  <a:pt x="395" y="827"/>
                  <a:pt x="396" y="827"/>
                  <a:pt x="397" y="826"/>
                </a:cubicBezTo>
                <a:cubicBezTo>
                  <a:pt x="397" y="825"/>
                  <a:pt x="398" y="824"/>
                  <a:pt x="399" y="824"/>
                </a:cubicBezTo>
                <a:cubicBezTo>
                  <a:pt x="400" y="827"/>
                  <a:pt x="397" y="829"/>
                  <a:pt x="398" y="831"/>
                </a:cubicBezTo>
                <a:cubicBezTo>
                  <a:pt x="398" y="832"/>
                  <a:pt x="398" y="832"/>
                  <a:pt x="399" y="832"/>
                </a:cubicBezTo>
                <a:cubicBezTo>
                  <a:pt x="401" y="833"/>
                  <a:pt x="396" y="839"/>
                  <a:pt x="400" y="839"/>
                </a:cubicBezTo>
                <a:cubicBezTo>
                  <a:pt x="400" y="839"/>
                  <a:pt x="402" y="838"/>
                  <a:pt x="402" y="840"/>
                </a:cubicBezTo>
                <a:cubicBezTo>
                  <a:pt x="402" y="840"/>
                  <a:pt x="402" y="842"/>
                  <a:pt x="402" y="842"/>
                </a:cubicBezTo>
                <a:cubicBezTo>
                  <a:pt x="401" y="844"/>
                  <a:pt x="401" y="846"/>
                  <a:pt x="400" y="847"/>
                </a:cubicBezTo>
                <a:cubicBezTo>
                  <a:pt x="399" y="849"/>
                  <a:pt x="396" y="851"/>
                  <a:pt x="395" y="853"/>
                </a:cubicBezTo>
                <a:cubicBezTo>
                  <a:pt x="394" y="854"/>
                  <a:pt x="392" y="855"/>
                  <a:pt x="391" y="856"/>
                </a:cubicBezTo>
                <a:cubicBezTo>
                  <a:pt x="389" y="856"/>
                  <a:pt x="388" y="855"/>
                  <a:pt x="386" y="856"/>
                </a:cubicBezTo>
                <a:cubicBezTo>
                  <a:pt x="384" y="856"/>
                  <a:pt x="382" y="858"/>
                  <a:pt x="381" y="859"/>
                </a:cubicBezTo>
                <a:cubicBezTo>
                  <a:pt x="379" y="860"/>
                  <a:pt x="377" y="862"/>
                  <a:pt x="375" y="862"/>
                </a:cubicBezTo>
                <a:cubicBezTo>
                  <a:pt x="374" y="862"/>
                  <a:pt x="373" y="861"/>
                  <a:pt x="372" y="861"/>
                </a:cubicBezTo>
                <a:cubicBezTo>
                  <a:pt x="371" y="861"/>
                  <a:pt x="370" y="863"/>
                  <a:pt x="370" y="863"/>
                </a:cubicBezTo>
                <a:cubicBezTo>
                  <a:pt x="368" y="865"/>
                  <a:pt x="366" y="864"/>
                  <a:pt x="364" y="864"/>
                </a:cubicBezTo>
                <a:cubicBezTo>
                  <a:pt x="363" y="865"/>
                  <a:pt x="362" y="865"/>
                  <a:pt x="362" y="866"/>
                </a:cubicBezTo>
                <a:cubicBezTo>
                  <a:pt x="362" y="867"/>
                  <a:pt x="363" y="867"/>
                  <a:pt x="364" y="867"/>
                </a:cubicBezTo>
                <a:cubicBezTo>
                  <a:pt x="364" y="868"/>
                  <a:pt x="365" y="869"/>
                  <a:pt x="365" y="869"/>
                </a:cubicBezTo>
                <a:cubicBezTo>
                  <a:pt x="366" y="870"/>
                  <a:pt x="366" y="869"/>
                  <a:pt x="367" y="869"/>
                </a:cubicBezTo>
                <a:cubicBezTo>
                  <a:pt x="369" y="869"/>
                  <a:pt x="370" y="871"/>
                  <a:pt x="368" y="872"/>
                </a:cubicBezTo>
                <a:cubicBezTo>
                  <a:pt x="367" y="873"/>
                  <a:pt x="365" y="873"/>
                  <a:pt x="365" y="875"/>
                </a:cubicBezTo>
                <a:cubicBezTo>
                  <a:pt x="366" y="876"/>
                  <a:pt x="367" y="875"/>
                  <a:pt x="369" y="874"/>
                </a:cubicBezTo>
                <a:cubicBezTo>
                  <a:pt x="370" y="874"/>
                  <a:pt x="370" y="874"/>
                  <a:pt x="372" y="873"/>
                </a:cubicBezTo>
                <a:cubicBezTo>
                  <a:pt x="372" y="873"/>
                  <a:pt x="372" y="872"/>
                  <a:pt x="373" y="872"/>
                </a:cubicBezTo>
                <a:cubicBezTo>
                  <a:pt x="373" y="872"/>
                  <a:pt x="374" y="872"/>
                  <a:pt x="374" y="872"/>
                </a:cubicBezTo>
                <a:cubicBezTo>
                  <a:pt x="375" y="872"/>
                  <a:pt x="377" y="871"/>
                  <a:pt x="377" y="872"/>
                </a:cubicBezTo>
                <a:cubicBezTo>
                  <a:pt x="377" y="873"/>
                  <a:pt x="373" y="875"/>
                  <a:pt x="372" y="875"/>
                </a:cubicBezTo>
                <a:cubicBezTo>
                  <a:pt x="371" y="876"/>
                  <a:pt x="370" y="875"/>
                  <a:pt x="370" y="876"/>
                </a:cubicBezTo>
                <a:cubicBezTo>
                  <a:pt x="370" y="878"/>
                  <a:pt x="371" y="878"/>
                  <a:pt x="372" y="878"/>
                </a:cubicBezTo>
                <a:cubicBezTo>
                  <a:pt x="375" y="878"/>
                  <a:pt x="376" y="878"/>
                  <a:pt x="378" y="876"/>
                </a:cubicBezTo>
                <a:cubicBezTo>
                  <a:pt x="381" y="874"/>
                  <a:pt x="384" y="875"/>
                  <a:pt x="386" y="873"/>
                </a:cubicBezTo>
                <a:cubicBezTo>
                  <a:pt x="388" y="873"/>
                  <a:pt x="387" y="872"/>
                  <a:pt x="388" y="871"/>
                </a:cubicBezTo>
                <a:cubicBezTo>
                  <a:pt x="388" y="869"/>
                  <a:pt x="391" y="870"/>
                  <a:pt x="392" y="871"/>
                </a:cubicBezTo>
                <a:cubicBezTo>
                  <a:pt x="393" y="871"/>
                  <a:pt x="393" y="872"/>
                  <a:pt x="393" y="873"/>
                </a:cubicBezTo>
                <a:cubicBezTo>
                  <a:pt x="394" y="873"/>
                  <a:pt x="395" y="873"/>
                  <a:pt x="396" y="873"/>
                </a:cubicBezTo>
                <a:cubicBezTo>
                  <a:pt x="396" y="873"/>
                  <a:pt x="397" y="873"/>
                  <a:pt x="397" y="874"/>
                </a:cubicBezTo>
                <a:cubicBezTo>
                  <a:pt x="398" y="876"/>
                  <a:pt x="396" y="877"/>
                  <a:pt x="395" y="877"/>
                </a:cubicBezTo>
                <a:cubicBezTo>
                  <a:pt x="394" y="877"/>
                  <a:pt x="393" y="878"/>
                  <a:pt x="393" y="879"/>
                </a:cubicBezTo>
                <a:cubicBezTo>
                  <a:pt x="393" y="879"/>
                  <a:pt x="394" y="879"/>
                  <a:pt x="394" y="879"/>
                </a:cubicBezTo>
                <a:cubicBezTo>
                  <a:pt x="395" y="881"/>
                  <a:pt x="398" y="878"/>
                  <a:pt x="400" y="879"/>
                </a:cubicBezTo>
                <a:cubicBezTo>
                  <a:pt x="401" y="879"/>
                  <a:pt x="402" y="879"/>
                  <a:pt x="403" y="879"/>
                </a:cubicBezTo>
                <a:cubicBezTo>
                  <a:pt x="405" y="879"/>
                  <a:pt x="405" y="879"/>
                  <a:pt x="406" y="878"/>
                </a:cubicBezTo>
                <a:cubicBezTo>
                  <a:pt x="409" y="877"/>
                  <a:pt x="410" y="878"/>
                  <a:pt x="411" y="880"/>
                </a:cubicBezTo>
                <a:cubicBezTo>
                  <a:pt x="413" y="881"/>
                  <a:pt x="412" y="883"/>
                  <a:pt x="414" y="884"/>
                </a:cubicBezTo>
                <a:cubicBezTo>
                  <a:pt x="414" y="885"/>
                  <a:pt x="416" y="886"/>
                  <a:pt x="417" y="886"/>
                </a:cubicBezTo>
                <a:cubicBezTo>
                  <a:pt x="418" y="886"/>
                  <a:pt x="419" y="885"/>
                  <a:pt x="420" y="885"/>
                </a:cubicBezTo>
                <a:cubicBezTo>
                  <a:pt x="422" y="884"/>
                  <a:pt x="424" y="885"/>
                  <a:pt x="426" y="884"/>
                </a:cubicBezTo>
                <a:cubicBezTo>
                  <a:pt x="428" y="884"/>
                  <a:pt x="428" y="882"/>
                  <a:pt x="430" y="881"/>
                </a:cubicBezTo>
                <a:cubicBezTo>
                  <a:pt x="431" y="880"/>
                  <a:pt x="433" y="879"/>
                  <a:pt x="434" y="879"/>
                </a:cubicBezTo>
                <a:cubicBezTo>
                  <a:pt x="436" y="879"/>
                  <a:pt x="436" y="879"/>
                  <a:pt x="438" y="879"/>
                </a:cubicBezTo>
                <a:cubicBezTo>
                  <a:pt x="439" y="878"/>
                  <a:pt x="440" y="878"/>
                  <a:pt x="442" y="878"/>
                </a:cubicBezTo>
                <a:cubicBezTo>
                  <a:pt x="445" y="878"/>
                  <a:pt x="445" y="873"/>
                  <a:pt x="448" y="873"/>
                </a:cubicBezTo>
                <a:cubicBezTo>
                  <a:pt x="447" y="874"/>
                  <a:pt x="445" y="876"/>
                  <a:pt x="444" y="877"/>
                </a:cubicBezTo>
                <a:cubicBezTo>
                  <a:pt x="443" y="878"/>
                  <a:pt x="442" y="879"/>
                  <a:pt x="441" y="880"/>
                </a:cubicBezTo>
                <a:cubicBezTo>
                  <a:pt x="439" y="881"/>
                  <a:pt x="439" y="881"/>
                  <a:pt x="438" y="883"/>
                </a:cubicBezTo>
                <a:cubicBezTo>
                  <a:pt x="437" y="886"/>
                  <a:pt x="432" y="887"/>
                  <a:pt x="432" y="891"/>
                </a:cubicBezTo>
                <a:cubicBezTo>
                  <a:pt x="432" y="894"/>
                  <a:pt x="430" y="894"/>
                  <a:pt x="427" y="894"/>
                </a:cubicBezTo>
                <a:cubicBezTo>
                  <a:pt x="425" y="894"/>
                  <a:pt x="423" y="893"/>
                  <a:pt x="421" y="893"/>
                </a:cubicBezTo>
                <a:cubicBezTo>
                  <a:pt x="419" y="892"/>
                  <a:pt x="417" y="893"/>
                  <a:pt x="415" y="893"/>
                </a:cubicBezTo>
                <a:cubicBezTo>
                  <a:pt x="415" y="893"/>
                  <a:pt x="414" y="892"/>
                  <a:pt x="414" y="892"/>
                </a:cubicBezTo>
                <a:cubicBezTo>
                  <a:pt x="413" y="892"/>
                  <a:pt x="412" y="892"/>
                  <a:pt x="411" y="892"/>
                </a:cubicBezTo>
                <a:cubicBezTo>
                  <a:pt x="410" y="892"/>
                  <a:pt x="409" y="892"/>
                  <a:pt x="408" y="892"/>
                </a:cubicBezTo>
                <a:cubicBezTo>
                  <a:pt x="406" y="893"/>
                  <a:pt x="404" y="894"/>
                  <a:pt x="401" y="894"/>
                </a:cubicBezTo>
                <a:cubicBezTo>
                  <a:pt x="399" y="893"/>
                  <a:pt x="397" y="893"/>
                  <a:pt x="396" y="895"/>
                </a:cubicBezTo>
                <a:cubicBezTo>
                  <a:pt x="396" y="897"/>
                  <a:pt x="395" y="898"/>
                  <a:pt x="394" y="899"/>
                </a:cubicBezTo>
                <a:cubicBezTo>
                  <a:pt x="392" y="900"/>
                  <a:pt x="391" y="899"/>
                  <a:pt x="390" y="899"/>
                </a:cubicBezTo>
                <a:cubicBezTo>
                  <a:pt x="389" y="900"/>
                  <a:pt x="388" y="901"/>
                  <a:pt x="388" y="901"/>
                </a:cubicBezTo>
                <a:cubicBezTo>
                  <a:pt x="387" y="903"/>
                  <a:pt x="388" y="906"/>
                  <a:pt x="387" y="908"/>
                </a:cubicBezTo>
                <a:cubicBezTo>
                  <a:pt x="387" y="909"/>
                  <a:pt x="386" y="910"/>
                  <a:pt x="385" y="911"/>
                </a:cubicBezTo>
                <a:cubicBezTo>
                  <a:pt x="384" y="912"/>
                  <a:pt x="383" y="912"/>
                  <a:pt x="383" y="913"/>
                </a:cubicBezTo>
                <a:cubicBezTo>
                  <a:pt x="382" y="915"/>
                  <a:pt x="382" y="916"/>
                  <a:pt x="381" y="917"/>
                </a:cubicBezTo>
                <a:cubicBezTo>
                  <a:pt x="381" y="918"/>
                  <a:pt x="380" y="918"/>
                  <a:pt x="379" y="919"/>
                </a:cubicBezTo>
                <a:cubicBezTo>
                  <a:pt x="378" y="919"/>
                  <a:pt x="378" y="918"/>
                  <a:pt x="377" y="918"/>
                </a:cubicBezTo>
                <a:cubicBezTo>
                  <a:pt x="376" y="918"/>
                  <a:pt x="376" y="919"/>
                  <a:pt x="376" y="920"/>
                </a:cubicBezTo>
                <a:cubicBezTo>
                  <a:pt x="376" y="921"/>
                  <a:pt x="375" y="922"/>
                  <a:pt x="374" y="922"/>
                </a:cubicBezTo>
                <a:cubicBezTo>
                  <a:pt x="374" y="923"/>
                  <a:pt x="373" y="922"/>
                  <a:pt x="372" y="923"/>
                </a:cubicBezTo>
                <a:cubicBezTo>
                  <a:pt x="370" y="923"/>
                  <a:pt x="368" y="925"/>
                  <a:pt x="367" y="927"/>
                </a:cubicBezTo>
                <a:cubicBezTo>
                  <a:pt x="366" y="929"/>
                  <a:pt x="364" y="930"/>
                  <a:pt x="362" y="930"/>
                </a:cubicBezTo>
                <a:cubicBezTo>
                  <a:pt x="361" y="931"/>
                  <a:pt x="359" y="931"/>
                  <a:pt x="358" y="932"/>
                </a:cubicBezTo>
                <a:cubicBezTo>
                  <a:pt x="357" y="933"/>
                  <a:pt x="357" y="934"/>
                  <a:pt x="356" y="935"/>
                </a:cubicBezTo>
                <a:cubicBezTo>
                  <a:pt x="355" y="936"/>
                  <a:pt x="350" y="936"/>
                  <a:pt x="351" y="938"/>
                </a:cubicBezTo>
                <a:cubicBezTo>
                  <a:pt x="351" y="940"/>
                  <a:pt x="355" y="939"/>
                  <a:pt x="357" y="939"/>
                </a:cubicBezTo>
                <a:cubicBezTo>
                  <a:pt x="358" y="939"/>
                  <a:pt x="359" y="939"/>
                  <a:pt x="360" y="939"/>
                </a:cubicBezTo>
                <a:cubicBezTo>
                  <a:pt x="362" y="939"/>
                  <a:pt x="365" y="939"/>
                  <a:pt x="365" y="942"/>
                </a:cubicBezTo>
                <a:cubicBezTo>
                  <a:pt x="365" y="942"/>
                  <a:pt x="366" y="944"/>
                  <a:pt x="366" y="945"/>
                </a:cubicBezTo>
                <a:cubicBezTo>
                  <a:pt x="368" y="945"/>
                  <a:pt x="368" y="943"/>
                  <a:pt x="368" y="943"/>
                </a:cubicBezTo>
                <a:cubicBezTo>
                  <a:pt x="369" y="941"/>
                  <a:pt x="371" y="940"/>
                  <a:pt x="371" y="938"/>
                </a:cubicBezTo>
                <a:cubicBezTo>
                  <a:pt x="371" y="935"/>
                  <a:pt x="372" y="933"/>
                  <a:pt x="375" y="933"/>
                </a:cubicBezTo>
                <a:cubicBezTo>
                  <a:pt x="376" y="933"/>
                  <a:pt x="377" y="933"/>
                  <a:pt x="378" y="933"/>
                </a:cubicBezTo>
                <a:cubicBezTo>
                  <a:pt x="379" y="933"/>
                  <a:pt x="380" y="933"/>
                  <a:pt x="381" y="932"/>
                </a:cubicBezTo>
                <a:cubicBezTo>
                  <a:pt x="381" y="931"/>
                  <a:pt x="382" y="930"/>
                  <a:pt x="383" y="930"/>
                </a:cubicBezTo>
                <a:cubicBezTo>
                  <a:pt x="385" y="930"/>
                  <a:pt x="386" y="931"/>
                  <a:pt x="388" y="930"/>
                </a:cubicBezTo>
                <a:cubicBezTo>
                  <a:pt x="389" y="930"/>
                  <a:pt x="391" y="928"/>
                  <a:pt x="392" y="928"/>
                </a:cubicBezTo>
                <a:cubicBezTo>
                  <a:pt x="393" y="928"/>
                  <a:pt x="397" y="930"/>
                  <a:pt x="397" y="929"/>
                </a:cubicBezTo>
                <a:cubicBezTo>
                  <a:pt x="398" y="929"/>
                  <a:pt x="397" y="927"/>
                  <a:pt x="397" y="927"/>
                </a:cubicBezTo>
                <a:cubicBezTo>
                  <a:pt x="397" y="925"/>
                  <a:pt x="398" y="926"/>
                  <a:pt x="399" y="927"/>
                </a:cubicBezTo>
                <a:cubicBezTo>
                  <a:pt x="399" y="928"/>
                  <a:pt x="399" y="929"/>
                  <a:pt x="400" y="929"/>
                </a:cubicBezTo>
                <a:cubicBezTo>
                  <a:pt x="401" y="929"/>
                  <a:pt x="402" y="929"/>
                  <a:pt x="403" y="929"/>
                </a:cubicBezTo>
                <a:cubicBezTo>
                  <a:pt x="404" y="930"/>
                  <a:pt x="405" y="930"/>
                  <a:pt x="405" y="931"/>
                </a:cubicBezTo>
                <a:cubicBezTo>
                  <a:pt x="406" y="932"/>
                  <a:pt x="406" y="933"/>
                  <a:pt x="407" y="933"/>
                </a:cubicBezTo>
                <a:cubicBezTo>
                  <a:pt x="408" y="933"/>
                  <a:pt x="408" y="932"/>
                  <a:pt x="410" y="934"/>
                </a:cubicBezTo>
                <a:cubicBezTo>
                  <a:pt x="410" y="934"/>
                  <a:pt x="411" y="935"/>
                  <a:pt x="412" y="935"/>
                </a:cubicBezTo>
                <a:cubicBezTo>
                  <a:pt x="413" y="934"/>
                  <a:pt x="412" y="931"/>
                  <a:pt x="413" y="929"/>
                </a:cubicBezTo>
                <a:cubicBezTo>
                  <a:pt x="414" y="928"/>
                  <a:pt x="415" y="928"/>
                  <a:pt x="415" y="927"/>
                </a:cubicBezTo>
                <a:cubicBezTo>
                  <a:pt x="415" y="926"/>
                  <a:pt x="415" y="925"/>
                  <a:pt x="416" y="924"/>
                </a:cubicBezTo>
                <a:cubicBezTo>
                  <a:pt x="417" y="922"/>
                  <a:pt x="419" y="920"/>
                  <a:pt x="419" y="918"/>
                </a:cubicBezTo>
                <a:cubicBezTo>
                  <a:pt x="419" y="917"/>
                  <a:pt x="418" y="917"/>
                  <a:pt x="418" y="916"/>
                </a:cubicBezTo>
                <a:cubicBezTo>
                  <a:pt x="418" y="914"/>
                  <a:pt x="418" y="914"/>
                  <a:pt x="420" y="914"/>
                </a:cubicBezTo>
                <a:cubicBezTo>
                  <a:pt x="422" y="914"/>
                  <a:pt x="424" y="915"/>
                  <a:pt x="426" y="915"/>
                </a:cubicBezTo>
                <a:cubicBezTo>
                  <a:pt x="428" y="914"/>
                  <a:pt x="430" y="913"/>
                  <a:pt x="432" y="913"/>
                </a:cubicBezTo>
                <a:cubicBezTo>
                  <a:pt x="434" y="913"/>
                  <a:pt x="436" y="915"/>
                  <a:pt x="439" y="915"/>
                </a:cubicBezTo>
                <a:cubicBezTo>
                  <a:pt x="440" y="915"/>
                  <a:pt x="441" y="914"/>
                  <a:pt x="442" y="915"/>
                </a:cubicBezTo>
                <a:cubicBezTo>
                  <a:pt x="445" y="915"/>
                  <a:pt x="446" y="918"/>
                  <a:pt x="447" y="920"/>
                </a:cubicBezTo>
                <a:cubicBezTo>
                  <a:pt x="447" y="920"/>
                  <a:pt x="448" y="922"/>
                  <a:pt x="448" y="922"/>
                </a:cubicBezTo>
                <a:cubicBezTo>
                  <a:pt x="450" y="923"/>
                  <a:pt x="449" y="921"/>
                  <a:pt x="449" y="921"/>
                </a:cubicBezTo>
                <a:cubicBezTo>
                  <a:pt x="449" y="918"/>
                  <a:pt x="450" y="918"/>
                  <a:pt x="452" y="918"/>
                </a:cubicBezTo>
                <a:cubicBezTo>
                  <a:pt x="454" y="918"/>
                  <a:pt x="456" y="918"/>
                  <a:pt x="458" y="918"/>
                </a:cubicBezTo>
                <a:cubicBezTo>
                  <a:pt x="460" y="917"/>
                  <a:pt x="461" y="919"/>
                  <a:pt x="463" y="919"/>
                </a:cubicBezTo>
                <a:cubicBezTo>
                  <a:pt x="463" y="919"/>
                  <a:pt x="464" y="918"/>
                  <a:pt x="465" y="917"/>
                </a:cubicBezTo>
                <a:cubicBezTo>
                  <a:pt x="465" y="916"/>
                  <a:pt x="464" y="916"/>
                  <a:pt x="463" y="916"/>
                </a:cubicBezTo>
                <a:cubicBezTo>
                  <a:pt x="462" y="915"/>
                  <a:pt x="461" y="914"/>
                  <a:pt x="461" y="913"/>
                </a:cubicBezTo>
                <a:cubicBezTo>
                  <a:pt x="459" y="910"/>
                  <a:pt x="464" y="913"/>
                  <a:pt x="465" y="913"/>
                </a:cubicBezTo>
                <a:cubicBezTo>
                  <a:pt x="466" y="913"/>
                  <a:pt x="466" y="913"/>
                  <a:pt x="468" y="913"/>
                </a:cubicBezTo>
                <a:cubicBezTo>
                  <a:pt x="470" y="913"/>
                  <a:pt x="472" y="915"/>
                  <a:pt x="473" y="913"/>
                </a:cubicBezTo>
                <a:cubicBezTo>
                  <a:pt x="474" y="912"/>
                  <a:pt x="474" y="911"/>
                  <a:pt x="475" y="910"/>
                </a:cubicBezTo>
                <a:cubicBezTo>
                  <a:pt x="475" y="910"/>
                  <a:pt x="477" y="910"/>
                  <a:pt x="477" y="909"/>
                </a:cubicBezTo>
                <a:cubicBezTo>
                  <a:pt x="478" y="908"/>
                  <a:pt x="477" y="907"/>
                  <a:pt x="478" y="906"/>
                </a:cubicBezTo>
                <a:cubicBezTo>
                  <a:pt x="480" y="906"/>
                  <a:pt x="482" y="906"/>
                  <a:pt x="483" y="907"/>
                </a:cubicBezTo>
                <a:cubicBezTo>
                  <a:pt x="485" y="907"/>
                  <a:pt x="487" y="907"/>
                  <a:pt x="488" y="909"/>
                </a:cubicBezTo>
                <a:cubicBezTo>
                  <a:pt x="488" y="909"/>
                  <a:pt x="488" y="910"/>
                  <a:pt x="489" y="910"/>
                </a:cubicBezTo>
                <a:cubicBezTo>
                  <a:pt x="491" y="910"/>
                  <a:pt x="490" y="909"/>
                  <a:pt x="491" y="909"/>
                </a:cubicBezTo>
                <a:cubicBezTo>
                  <a:pt x="492" y="908"/>
                  <a:pt x="494" y="909"/>
                  <a:pt x="494" y="910"/>
                </a:cubicBezTo>
                <a:cubicBezTo>
                  <a:pt x="495" y="911"/>
                  <a:pt x="495" y="911"/>
                  <a:pt x="496" y="911"/>
                </a:cubicBezTo>
                <a:cubicBezTo>
                  <a:pt x="496" y="912"/>
                  <a:pt x="496" y="912"/>
                  <a:pt x="497" y="913"/>
                </a:cubicBezTo>
                <a:cubicBezTo>
                  <a:pt x="498" y="914"/>
                  <a:pt x="499" y="913"/>
                  <a:pt x="500" y="913"/>
                </a:cubicBezTo>
                <a:cubicBezTo>
                  <a:pt x="501" y="912"/>
                  <a:pt x="501" y="912"/>
                  <a:pt x="503" y="912"/>
                </a:cubicBezTo>
                <a:cubicBezTo>
                  <a:pt x="504" y="912"/>
                  <a:pt x="505" y="912"/>
                  <a:pt x="506" y="911"/>
                </a:cubicBezTo>
                <a:cubicBezTo>
                  <a:pt x="507" y="911"/>
                  <a:pt x="508" y="910"/>
                  <a:pt x="509" y="910"/>
                </a:cubicBezTo>
                <a:cubicBezTo>
                  <a:pt x="512" y="909"/>
                  <a:pt x="516" y="909"/>
                  <a:pt x="519" y="909"/>
                </a:cubicBezTo>
                <a:cubicBezTo>
                  <a:pt x="520" y="910"/>
                  <a:pt x="521" y="910"/>
                  <a:pt x="523" y="911"/>
                </a:cubicBezTo>
                <a:cubicBezTo>
                  <a:pt x="524" y="911"/>
                  <a:pt x="526" y="912"/>
                  <a:pt x="527" y="912"/>
                </a:cubicBezTo>
                <a:cubicBezTo>
                  <a:pt x="530" y="913"/>
                  <a:pt x="532" y="912"/>
                  <a:pt x="535" y="911"/>
                </a:cubicBezTo>
                <a:cubicBezTo>
                  <a:pt x="537" y="911"/>
                  <a:pt x="538" y="910"/>
                  <a:pt x="540" y="909"/>
                </a:cubicBezTo>
                <a:cubicBezTo>
                  <a:pt x="542" y="907"/>
                  <a:pt x="544" y="906"/>
                  <a:pt x="546" y="906"/>
                </a:cubicBezTo>
                <a:cubicBezTo>
                  <a:pt x="548" y="906"/>
                  <a:pt x="550" y="904"/>
                  <a:pt x="552" y="903"/>
                </a:cubicBezTo>
                <a:cubicBezTo>
                  <a:pt x="554" y="901"/>
                  <a:pt x="555" y="900"/>
                  <a:pt x="557" y="899"/>
                </a:cubicBezTo>
                <a:cubicBezTo>
                  <a:pt x="558" y="899"/>
                  <a:pt x="559" y="898"/>
                  <a:pt x="560" y="897"/>
                </a:cubicBezTo>
                <a:cubicBezTo>
                  <a:pt x="562" y="895"/>
                  <a:pt x="561" y="893"/>
                  <a:pt x="562" y="890"/>
                </a:cubicBezTo>
                <a:cubicBezTo>
                  <a:pt x="562" y="889"/>
                  <a:pt x="564" y="889"/>
                  <a:pt x="564" y="888"/>
                </a:cubicBezTo>
                <a:cubicBezTo>
                  <a:pt x="566" y="885"/>
                  <a:pt x="563" y="886"/>
                  <a:pt x="562" y="887"/>
                </a:cubicBezTo>
                <a:cubicBezTo>
                  <a:pt x="561" y="887"/>
                  <a:pt x="561" y="886"/>
                  <a:pt x="560" y="886"/>
                </a:cubicBezTo>
                <a:cubicBezTo>
                  <a:pt x="559" y="886"/>
                  <a:pt x="559" y="886"/>
                  <a:pt x="558" y="887"/>
                </a:cubicBezTo>
                <a:cubicBezTo>
                  <a:pt x="557" y="887"/>
                  <a:pt x="556" y="887"/>
                  <a:pt x="555" y="886"/>
                </a:cubicBezTo>
                <a:cubicBezTo>
                  <a:pt x="554" y="886"/>
                  <a:pt x="553" y="885"/>
                  <a:pt x="553" y="885"/>
                </a:cubicBezTo>
                <a:cubicBezTo>
                  <a:pt x="550" y="884"/>
                  <a:pt x="549" y="885"/>
                  <a:pt x="547" y="885"/>
                </a:cubicBezTo>
                <a:cubicBezTo>
                  <a:pt x="544" y="886"/>
                  <a:pt x="543" y="884"/>
                  <a:pt x="540" y="884"/>
                </a:cubicBezTo>
                <a:cubicBezTo>
                  <a:pt x="538" y="884"/>
                  <a:pt x="536" y="886"/>
                  <a:pt x="534" y="884"/>
                </a:cubicBezTo>
                <a:cubicBezTo>
                  <a:pt x="535" y="883"/>
                  <a:pt x="535" y="884"/>
                  <a:pt x="536" y="883"/>
                </a:cubicBezTo>
                <a:cubicBezTo>
                  <a:pt x="537" y="883"/>
                  <a:pt x="537" y="883"/>
                  <a:pt x="538" y="882"/>
                </a:cubicBezTo>
                <a:cubicBezTo>
                  <a:pt x="540" y="880"/>
                  <a:pt x="542" y="883"/>
                  <a:pt x="544" y="882"/>
                </a:cubicBezTo>
                <a:cubicBezTo>
                  <a:pt x="546" y="882"/>
                  <a:pt x="545" y="881"/>
                  <a:pt x="546" y="880"/>
                </a:cubicBezTo>
                <a:cubicBezTo>
                  <a:pt x="547" y="879"/>
                  <a:pt x="548" y="879"/>
                  <a:pt x="548" y="878"/>
                </a:cubicBezTo>
                <a:cubicBezTo>
                  <a:pt x="549" y="878"/>
                  <a:pt x="549" y="876"/>
                  <a:pt x="548" y="876"/>
                </a:cubicBezTo>
                <a:cubicBezTo>
                  <a:pt x="548" y="875"/>
                  <a:pt x="546" y="876"/>
                  <a:pt x="545" y="877"/>
                </a:cubicBezTo>
                <a:cubicBezTo>
                  <a:pt x="544" y="877"/>
                  <a:pt x="543" y="876"/>
                  <a:pt x="544" y="875"/>
                </a:cubicBezTo>
                <a:cubicBezTo>
                  <a:pt x="545" y="875"/>
                  <a:pt x="546" y="875"/>
                  <a:pt x="546" y="874"/>
                </a:cubicBezTo>
                <a:cubicBezTo>
                  <a:pt x="547" y="873"/>
                  <a:pt x="546" y="873"/>
                  <a:pt x="546" y="872"/>
                </a:cubicBezTo>
                <a:cubicBezTo>
                  <a:pt x="546" y="871"/>
                  <a:pt x="547" y="872"/>
                  <a:pt x="547" y="871"/>
                </a:cubicBezTo>
                <a:cubicBezTo>
                  <a:pt x="548" y="871"/>
                  <a:pt x="549" y="872"/>
                  <a:pt x="550" y="872"/>
                </a:cubicBezTo>
                <a:cubicBezTo>
                  <a:pt x="552" y="871"/>
                  <a:pt x="552" y="871"/>
                  <a:pt x="554" y="872"/>
                </a:cubicBezTo>
                <a:cubicBezTo>
                  <a:pt x="554" y="872"/>
                  <a:pt x="556" y="873"/>
                  <a:pt x="557" y="872"/>
                </a:cubicBezTo>
                <a:cubicBezTo>
                  <a:pt x="557" y="872"/>
                  <a:pt x="557" y="870"/>
                  <a:pt x="557" y="869"/>
                </a:cubicBezTo>
                <a:cubicBezTo>
                  <a:pt x="557" y="868"/>
                  <a:pt x="556" y="867"/>
                  <a:pt x="556" y="866"/>
                </a:cubicBezTo>
                <a:cubicBezTo>
                  <a:pt x="555" y="866"/>
                  <a:pt x="554" y="866"/>
                  <a:pt x="554" y="864"/>
                </a:cubicBezTo>
                <a:cubicBezTo>
                  <a:pt x="556" y="864"/>
                  <a:pt x="557" y="865"/>
                  <a:pt x="559" y="865"/>
                </a:cubicBezTo>
                <a:cubicBezTo>
                  <a:pt x="560" y="866"/>
                  <a:pt x="561" y="864"/>
                  <a:pt x="562" y="863"/>
                </a:cubicBezTo>
                <a:cubicBezTo>
                  <a:pt x="564" y="862"/>
                  <a:pt x="565" y="862"/>
                  <a:pt x="566" y="861"/>
                </a:cubicBezTo>
                <a:cubicBezTo>
                  <a:pt x="569" y="861"/>
                  <a:pt x="570" y="857"/>
                  <a:pt x="570" y="855"/>
                </a:cubicBezTo>
                <a:cubicBezTo>
                  <a:pt x="570" y="854"/>
                  <a:pt x="570" y="853"/>
                  <a:pt x="570" y="852"/>
                </a:cubicBezTo>
                <a:cubicBezTo>
                  <a:pt x="571" y="850"/>
                  <a:pt x="573" y="849"/>
                  <a:pt x="573" y="846"/>
                </a:cubicBezTo>
                <a:cubicBezTo>
                  <a:pt x="573" y="845"/>
                  <a:pt x="572" y="844"/>
                  <a:pt x="572" y="843"/>
                </a:cubicBezTo>
                <a:cubicBezTo>
                  <a:pt x="572" y="842"/>
                  <a:pt x="573" y="841"/>
                  <a:pt x="573" y="840"/>
                </a:cubicBezTo>
                <a:cubicBezTo>
                  <a:pt x="573" y="838"/>
                  <a:pt x="572" y="837"/>
                  <a:pt x="571" y="835"/>
                </a:cubicBezTo>
                <a:cubicBezTo>
                  <a:pt x="570" y="832"/>
                  <a:pt x="566" y="829"/>
                  <a:pt x="563" y="828"/>
                </a:cubicBezTo>
                <a:cubicBezTo>
                  <a:pt x="561" y="827"/>
                  <a:pt x="559" y="826"/>
                  <a:pt x="557" y="825"/>
                </a:cubicBezTo>
                <a:cubicBezTo>
                  <a:pt x="555" y="825"/>
                  <a:pt x="553" y="823"/>
                  <a:pt x="551" y="823"/>
                </a:cubicBezTo>
                <a:cubicBezTo>
                  <a:pt x="550" y="823"/>
                  <a:pt x="548" y="824"/>
                  <a:pt x="546" y="823"/>
                </a:cubicBezTo>
                <a:cubicBezTo>
                  <a:pt x="544" y="823"/>
                  <a:pt x="543" y="822"/>
                  <a:pt x="541" y="823"/>
                </a:cubicBezTo>
                <a:cubicBezTo>
                  <a:pt x="539" y="823"/>
                  <a:pt x="539" y="825"/>
                  <a:pt x="537" y="826"/>
                </a:cubicBezTo>
                <a:cubicBezTo>
                  <a:pt x="535" y="827"/>
                  <a:pt x="533" y="827"/>
                  <a:pt x="531" y="829"/>
                </a:cubicBezTo>
                <a:cubicBezTo>
                  <a:pt x="531" y="830"/>
                  <a:pt x="529" y="832"/>
                  <a:pt x="528" y="832"/>
                </a:cubicBezTo>
                <a:cubicBezTo>
                  <a:pt x="528" y="830"/>
                  <a:pt x="526" y="828"/>
                  <a:pt x="525" y="827"/>
                </a:cubicBezTo>
                <a:cubicBezTo>
                  <a:pt x="524" y="827"/>
                  <a:pt x="519" y="828"/>
                  <a:pt x="521" y="826"/>
                </a:cubicBezTo>
                <a:cubicBezTo>
                  <a:pt x="523" y="826"/>
                  <a:pt x="524" y="824"/>
                  <a:pt x="526" y="823"/>
                </a:cubicBezTo>
                <a:cubicBezTo>
                  <a:pt x="531" y="820"/>
                  <a:pt x="531" y="815"/>
                  <a:pt x="529" y="811"/>
                </a:cubicBezTo>
                <a:cubicBezTo>
                  <a:pt x="528" y="809"/>
                  <a:pt x="525" y="809"/>
                  <a:pt x="524" y="807"/>
                </a:cubicBezTo>
                <a:cubicBezTo>
                  <a:pt x="523" y="805"/>
                  <a:pt x="522" y="804"/>
                  <a:pt x="521" y="802"/>
                </a:cubicBezTo>
                <a:cubicBezTo>
                  <a:pt x="519" y="801"/>
                  <a:pt x="517" y="800"/>
                  <a:pt x="516" y="798"/>
                </a:cubicBezTo>
                <a:cubicBezTo>
                  <a:pt x="515" y="798"/>
                  <a:pt x="515" y="796"/>
                  <a:pt x="514" y="796"/>
                </a:cubicBezTo>
                <a:cubicBezTo>
                  <a:pt x="513" y="795"/>
                  <a:pt x="512" y="794"/>
                  <a:pt x="511" y="794"/>
                </a:cubicBezTo>
                <a:cubicBezTo>
                  <a:pt x="510" y="794"/>
                  <a:pt x="507" y="794"/>
                  <a:pt x="508" y="793"/>
                </a:cubicBezTo>
                <a:cubicBezTo>
                  <a:pt x="509" y="792"/>
                  <a:pt x="511" y="793"/>
                  <a:pt x="512" y="793"/>
                </a:cubicBezTo>
                <a:cubicBezTo>
                  <a:pt x="514" y="793"/>
                  <a:pt x="515" y="794"/>
                  <a:pt x="517" y="796"/>
                </a:cubicBezTo>
                <a:cubicBezTo>
                  <a:pt x="518" y="796"/>
                  <a:pt x="518" y="796"/>
                  <a:pt x="519" y="796"/>
                </a:cubicBezTo>
                <a:cubicBezTo>
                  <a:pt x="521" y="797"/>
                  <a:pt x="521" y="797"/>
                  <a:pt x="522" y="798"/>
                </a:cubicBezTo>
                <a:cubicBezTo>
                  <a:pt x="524" y="800"/>
                  <a:pt x="525" y="797"/>
                  <a:pt x="524" y="796"/>
                </a:cubicBezTo>
                <a:cubicBezTo>
                  <a:pt x="523" y="794"/>
                  <a:pt x="522" y="792"/>
                  <a:pt x="521" y="790"/>
                </a:cubicBezTo>
                <a:cubicBezTo>
                  <a:pt x="521" y="788"/>
                  <a:pt x="520" y="786"/>
                  <a:pt x="519" y="784"/>
                </a:cubicBezTo>
                <a:cubicBezTo>
                  <a:pt x="518" y="782"/>
                  <a:pt x="516" y="780"/>
                  <a:pt x="516" y="778"/>
                </a:cubicBezTo>
                <a:cubicBezTo>
                  <a:pt x="516" y="777"/>
                  <a:pt x="516" y="776"/>
                  <a:pt x="516" y="775"/>
                </a:cubicBezTo>
                <a:cubicBezTo>
                  <a:pt x="514" y="773"/>
                  <a:pt x="512" y="773"/>
                  <a:pt x="511" y="772"/>
                </a:cubicBezTo>
                <a:cubicBezTo>
                  <a:pt x="508" y="771"/>
                  <a:pt x="508" y="769"/>
                  <a:pt x="506" y="767"/>
                </a:cubicBezTo>
                <a:cubicBezTo>
                  <a:pt x="505" y="765"/>
                  <a:pt x="502" y="764"/>
                  <a:pt x="501" y="762"/>
                </a:cubicBezTo>
                <a:cubicBezTo>
                  <a:pt x="500" y="762"/>
                  <a:pt x="500" y="761"/>
                  <a:pt x="500" y="760"/>
                </a:cubicBezTo>
                <a:cubicBezTo>
                  <a:pt x="499" y="759"/>
                  <a:pt x="499" y="759"/>
                  <a:pt x="497" y="759"/>
                </a:cubicBezTo>
                <a:cubicBezTo>
                  <a:pt x="496" y="758"/>
                  <a:pt x="495" y="758"/>
                  <a:pt x="494" y="758"/>
                </a:cubicBezTo>
                <a:cubicBezTo>
                  <a:pt x="493" y="757"/>
                  <a:pt x="493" y="756"/>
                  <a:pt x="492" y="756"/>
                </a:cubicBezTo>
                <a:cubicBezTo>
                  <a:pt x="491" y="756"/>
                  <a:pt x="489" y="756"/>
                  <a:pt x="488" y="755"/>
                </a:cubicBezTo>
                <a:cubicBezTo>
                  <a:pt x="486" y="755"/>
                  <a:pt x="484" y="755"/>
                  <a:pt x="482" y="753"/>
                </a:cubicBezTo>
                <a:cubicBezTo>
                  <a:pt x="481" y="751"/>
                  <a:pt x="481" y="749"/>
                  <a:pt x="480" y="747"/>
                </a:cubicBezTo>
                <a:cubicBezTo>
                  <a:pt x="479" y="745"/>
                  <a:pt x="478" y="744"/>
                  <a:pt x="478" y="743"/>
                </a:cubicBezTo>
                <a:cubicBezTo>
                  <a:pt x="478" y="741"/>
                  <a:pt x="478" y="739"/>
                  <a:pt x="478" y="737"/>
                </a:cubicBezTo>
                <a:cubicBezTo>
                  <a:pt x="477" y="735"/>
                  <a:pt x="476" y="733"/>
                  <a:pt x="475" y="731"/>
                </a:cubicBezTo>
                <a:cubicBezTo>
                  <a:pt x="474" y="728"/>
                  <a:pt x="474" y="726"/>
                  <a:pt x="474" y="723"/>
                </a:cubicBezTo>
                <a:cubicBezTo>
                  <a:pt x="473" y="719"/>
                  <a:pt x="469" y="716"/>
                  <a:pt x="466" y="713"/>
                </a:cubicBezTo>
                <a:cubicBezTo>
                  <a:pt x="465" y="711"/>
                  <a:pt x="464" y="710"/>
                  <a:pt x="462" y="709"/>
                </a:cubicBezTo>
                <a:cubicBezTo>
                  <a:pt x="460" y="708"/>
                  <a:pt x="458" y="707"/>
                  <a:pt x="456" y="707"/>
                </a:cubicBezTo>
                <a:cubicBezTo>
                  <a:pt x="453" y="706"/>
                  <a:pt x="451" y="703"/>
                  <a:pt x="449" y="702"/>
                </a:cubicBezTo>
                <a:cubicBezTo>
                  <a:pt x="446" y="700"/>
                  <a:pt x="442" y="701"/>
                  <a:pt x="439" y="700"/>
                </a:cubicBezTo>
                <a:cubicBezTo>
                  <a:pt x="438" y="700"/>
                  <a:pt x="437" y="700"/>
                  <a:pt x="435" y="700"/>
                </a:cubicBezTo>
                <a:cubicBezTo>
                  <a:pt x="433" y="699"/>
                  <a:pt x="430" y="700"/>
                  <a:pt x="428" y="699"/>
                </a:cubicBezTo>
                <a:cubicBezTo>
                  <a:pt x="427" y="699"/>
                  <a:pt x="426" y="699"/>
                  <a:pt x="425" y="699"/>
                </a:cubicBezTo>
                <a:cubicBezTo>
                  <a:pt x="424" y="699"/>
                  <a:pt x="423" y="699"/>
                  <a:pt x="422" y="699"/>
                </a:cubicBezTo>
                <a:cubicBezTo>
                  <a:pt x="421" y="699"/>
                  <a:pt x="419" y="699"/>
                  <a:pt x="419" y="698"/>
                </a:cubicBezTo>
                <a:cubicBezTo>
                  <a:pt x="417" y="698"/>
                  <a:pt x="418" y="698"/>
                  <a:pt x="419" y="698"/>
                </a:cubicBezTo>
                <a:cubicBezTo>
                  <a:pt x="421" y="698"/>
                  <a:pt x="422" y="698"/>
                  <a:pt x="424" y="697"/>
                </a:cubicBezTo>
                <a:cubicBezTo>
                  <a:pt x="426" y="696"/>
                  <a:pt x="428" y="696"/>
                  <a:pt x="430" y="695"/>
                </a:cubicBezTo>
                <a:cubicBezTo>
                  <a:pt x="432" y="693"/>
                  <a:pt x="431" y="691"/>
                  <a:pt x="434" y="691"/>
                </a:cubicBezTo>
                <a:cubicBezTo>
                  <a:pt x="436" y="691"/>
                  <a:pt x="439" y="693"/>
                  <a:pt x="440" y="691"/>
                </a:cubicBezTo>
                <a:cubicBezTo>
                  <a:pt x="440" y="690"/>
                  <a:pt x="440" y="690"/>
                  <a:pt x="440" y="689"/>
                </a:cubicBezTo>
                <a:cubicBezTo>
                  <a:pt x="440" y="689"/>
                  <a:pt x="440" y="688"/>
                  <a:pt x="440" y="687"/>
                </a:cubicBezTo>
                <a:cubicBezTo>
                  <a:pt x="440" y="686"/>
                  <a:pt x="440" y="685"/>
                  <a:pt x="439" y="684"/>
                </a:cubicBezTo>
                <a:cubicBezTo>
                  <a:pt x="439" y="683"/>
                  <a:pt x="438" y="682"/>
                  <a:pt x="437" y="682"/>
                </a:cubicBezTo>
                <a:cubicBezTo>
                  <a:pt x="436" y="682"/>
                  <a:pt x="433" y="683"/>
                  <a:pt x="432" y="682"/>
                </a:cubicBezTo>
                <a:cubicBezTo>
                  <a:pt x="433" y="681"/>
                  <a:pt x="436" y="681"/>
                  <a:pt x="437" y="681"/>
                </a:cubicBezTo>
                <a:cubicBezTo>
                  <a:pt x="438" y="680"/>
                  <a:pt x="439" y="680"/>
                  <a:pt x="440" y="679"/>
                </a:cubicBezTo>
                <a:cubicBezTo>
                  <a:pt x="441" y="678"/>
                  <a:pt x="442" y="678"/>
                  <a:pt x="443" y="677"/>
                </a:cubicBezTo>
                <a:cubicBezTo>
                  <a:pt x="444" y="676"/>
                  <a:pt x="444" y="675"/>
                  <a:pt x="445" y="673"/>
                </a:cubicBezTo>
                <a:cubicBezTo>
                  <a:pt x="445" y="671"/>
                  <a:pt x="448" y="669"/>
                  <a:pt x="450" y="668"/>
                </a:cubicBezTo>
                <a:cubicBezTo>
                  <a:pt x="452" y="667"/>
                  <a:pt x="453" y="665"/>
                  <a:pt x="454" y="663"/>
                </a:cubicBezTo>
                <a:cubicBezTo>
                  <a:pt x="455" y="661"/>
                  <a:pt x="455" y="659"/>
                  <a:pt x="457" y="657"/>
                </a:cubicBezTo>
                <a:cubicBezTo>
                  <a:pt x="458" y="655"/>
                  <a:pt x="460" y="654"/>
                  <a:pt x="460" y="652"/>
                </a:cubicBezTo>
                <a:cubicBezTo>
                  <a:pt x="461" y="650"/>
                  <a:pt x="460" y="648"/>
                  <a:pt x="461" y="646"/>
                </a:cubicBezTo>
                <a:cubicBezTo>
                  <a:pt x="462" y="645"/>
                  <a:pt x="463" y="645"/>
                  <a:pt x="464" y="643"/>
                </a:cubicBezTo>
                <a:cubicBezTo>
                  <a:pt x="464" y="642"/>
                  <a:pt x="464" y="641"/>
                  <a:pt x="464" y="640"/>
                </a:cubicBezTo>
                <a:cubicBezTo>
                  <a:pt x="465" y="639"/>
                  <a:pt x="466" y="639"/>
                  <a:pt x="466" y="638"/>
                </a:cubicBezTo>
                <a:cubicBezTo>
                  <a:pt x="468" y="637"/>
                  <a:pt x="469" y="634"/>
                  <a:pt x="467" y="632"/>
                </a:cubicBezTo>
                <a:cubicBezTo>
                  <a:pt x="466" y="631"/>
                  <a:pt x="464" y="630"/>
                  <a:pt x="462" y="631"/>
                </a:cubicBezTo>
                <a:cubicBezTo>
                  <a:pt x="460" y="631"/>
                  <a:pt x="458" y="631"/>
                  <a:pt x="456" y="631"/>
                </a:cubicBezTo>
                <a:cubicBezTo>
                  <a:pt x="455" y="631"/>
                  <a:pt x="454" y="631"/>
                  <a:pt x="453" y="631"/>
                </a:cubicBezTo>
                <a:cubicBezTo>
                  <a:pt x="452" y="631"/>
                  <a:pt x="451" y="630"/>
                  <a:pt x="450" y="630"/>
                </a:cubicBezTo>
                <a:cubicBezTo>
                  <a:pt x="448" y="629"/>
                  <a:pt x="446" y="630"/>
                  <a:pt x="443" y="630"/>
                </a:cubicBezTo>
                <a:cubicBezTo>
                  <a:pt x="441" y="630"/>
                  <a:pt x="439" y="628"/>
                  <a:pt x="437" y="629"/>
                </a:cubicBezTo>
                <a:cubicBezTo>
                  <a:pt x="433" y="629"/>
                  <a:pt x="429" y="626"/>
                  <a:pt x="425" y="627"/>
                </a:cubicBezTo>
                <a:cubicBezTo>
                  <a:pt x="423" y="627"/>
                  <a:pt x="421" y="627"/>
                  <a:pt x="419" y="628"/>
                </a:cubicBezTo>
                <a:cubicBezTo>
                  <a:pt x="416" y="629"/>
                  <a:pt x="414" y="628"/>
                  <a:pt x="412" y="629"/>
                </a:cubicBezTo>
                <a:cubicBezTo>
                  <a:pt x="410" y="630"/>
                  <a:pt x="408" y="631"/>
                  <a:pt x="406" y="631"/>
                </a:cubicBezTo>
                <a:cubicBezTo>
                  <a:pt x="405" y="631"/>
                  <a:pt x="404" y="631"/>
                  <a:pt x="403" y="631"/>
                </a:cubicBezTo>
                <a:cubicBezTo>
                  <a:pt x="402" y="631"/>
                  <a:pt x="402" y="632"/>
                  <a:pt x="401" y="633"/>
                </a:cubicBezTo>
                <a:cubicBezTo>
                  <a:pt x="400" y="634"/>
                  <a:pt x="400" y="634"/>
                  <a:pt x="399" y="634"/>
                </a:cubicBezTo>
                <a:cubicBezTo>
                  <a:pt x="397" y="635"/>
                  <a:pt x="397" y="635"/>
                  <a:pt x="396" y="635"/>
                </a:cubicBezTo>
                <a:cubicBezTo>
                  <a:pt x="395" y="636"/>
                  <a:pt x="393" y="636"/>
                  <a:pt x="393" y="635"/>
                </a:cubicBezTo>
                <a:cubicBezTo>
                  <a:pt x="393" y="634"/>
                  <a:pt x="394" y="633"/>
                  <a:pt x="395" y="633"/>
                </a:cubicBezTo>
                <a:cubicBezTo>
                  <a:pt x="395" y="632"/>
                  <a:pt x="396" y="632"/>
                  <a:pt x="396" y="631"/>
                </a:cubicBezTo>
                <a:cubicBezTo>
                  <a:pt x="396" y="631"/>
                  <a:pt x="395" y="631"/>
                  <a:pt x="395" y="630"/>
                </a:cubicBezTo>
                <a:cubicBezTo>
                  <a:pt x="395" y="629"/>
                  <a:pt x="396" y="629"/>
                  <a:pt x="397" y="629"/>
                </a:cubicBezTo>
                <a:cubicBezTo>
                  <a:pt x="397" y="629"/>
                  <a:pt x="397" y="629"/>
                  <a:pt x="398" y="628"/>
                </a:cubicBezTo>
                <a:cubicBezTo>
                  <a:pt x="399" y="627"/>
                  <a:pt x="399" y="626"/>
                  <a:pt x="401" y="627"/>
                </a:cubicBezTo>
                <a:cubicBezTo>
                  <a:pt x="404" y="628"/>
                  <a:pt x="403" y="626"/>
                  <a:pt x="405" y="624"/>
                </a:cubicBezTo>
                <a:cubicBezTo>
                  <a:pt x="405" y="624"/>
                  <a:pt x="407" y="623"/>
                  <a:pt x="406" y="622"/>
                </a:cubicBezTo>
                <a:cubicBezTo>
                  <a:pt x="406" y="622"/>
                  <a:pt x="404" y="623"/>
                  <a:pt x="403" y="623"/>
                </a:cubicBezTo>
                <a:cubicBezTo>
                  <a:pt x="402" y="622"/>
                  <a:pt x="401" y="622"/>
                  <a:pt x="400" y="622"/>
                </a:cubicBezTo>
                <a:cubicBezTo>
                  <a:pt x="400" y="622"/>
                  <a:pt x="398" y="622"/>
                  <a:pt x="398" y="621"/>
                </a:cubicBezTo>
                <a:cubicBezTo>
                  <a:pt x="399" y="621"/>
                  <a:pt x="400" y="622"/>
                  <a:pt x="401" y="620"/>
                </a:cubicBezTo>
                <a:cubicBezTo>
                  <a:pt x="402" y="619"/>
                  <a:pt x="401" y="619"/>
                  <a:pt x="400" y="618"/>
                </a:cubicBezTo>
                <a:cubicBezTo>
                  <a:pt x="400" y="618"/>
                  <a:pt x="400" y="617"/>
                  <a:pt x="400" y="617"/>
                </a:cubicBezTo>
                <a:cubicBezTo>
                  <a:pt x="402" y="617"/>
                  <a:pt x="402" y="616"/>
                  <a:pt x="404" y="615"/>
                </a:cubicBezTo>
                <a:cubicBezTo>
                  <a:pt x="405" y="614"/>
                  <a:pt x="407" y="613"/>
                  <a:pt x="409" y="612"/>
                </a:cubicBezTo>
                <a:cubicBezTo>
                  <a:pt x="411" y="611"/>
                  <a:pt x="412" y="609"/>
                  <a:pt x="414" y="608"/>
                </a:cubicBezTo>
                <a:cubicBezTo>
                  <a:pt x="415" y="608"/>
                  <a:pt x="416" y="608"/>
                  <a:pt x="417" y="607"/>
                </a:cubicBezTo>
                <a:cubicBezTo>
                  <a:pt x="418" y="606"/>
                  <a:pt x="418" y="606"/>
                  <a:pt x="419" y="605"/>
                </a:cubicBezTo>
                <a:cubicBezTo>
                  <a:pt x="420" y="603"/>
                  <a:pt x="422" y="603"/>
                  <a:pt x="424" y="602"/>
                </a:cubicBezTo>
                <a:cubicBezTo>
                  <a:pt x="426" y="601"/>
                  <a:pt x="426" y="599"/>
                  <a:pt x="427" y="597"/>
                </a:cubicBezTo>
                <a:cubicBezTo>
                  <a:pt x="428" y="596"/>
                  <a:pt x="431" y="595"/>
                  <a:pt x="430" y="593"/>
                </a:cubicBezTo>
                <a:cubicBezTo>
                  <a:pt x="430" y="593"/>
                  <a:pt x="429" y="592"/>
                  <a:pt x="429" y="591"/>
                </a:cubicBezTo>
                <a:cubicBezTo>
                  <a:pt x="430" y="590"/>
                  <a:pt x="431" y="590"/>
                  <a:pt x="431" y="590"/>
                </a:cubicBezTo>
                <a:cubicBezTo>
                  <a:pt x="433" y="589"/>
                  <a:pt x="433" y="586"/>
                  <a:pt x="431" y="587"/>
                </a:cubicBezTo>
                <a:cubicBezTo>
                  <a:pt x="430" y="587"/>
                  <a:pt x="429" y="588"/>
                  <a:pt x="428" y="588"/>
                </a:cubicBezTo>
                <a:cubicBezTo>
                  <a:pt x="427" y="587"/>
                  <a:pt x="427" y="586"/>
                  <a:pt x="426" y="586"/>
                </a:cubicBezTo>
                <a:cubicBezTo>
                  <a:pt x="425" y="586"/>
                  <a:pt x="424" y="587"/>
                  <a:pt x="423" y="586"/>
                </a:cubicBezTo>
                <a:cubicBezTo>
                  <a:pt x="422" y="586"/>
                  <a:pt x="422" y="584"/>
                  <a:pt x="421" y="585"/>
                </a:cubicBezTo>
                <a:cubicBezTo>
                  <a:pt x="419" y="585"/>
                  <a:pt x="418" y="588"/>
                  <a:pt x="416" y="588"/>
                </a:cubicBezTo>
                <a:cubicBezTo>
                  <a:pt x="415" y="588"/>
                  <a:pt x="414" y="587"/>
                  <a:pt x="413" y="588"/>
                </a:cubicBezTo>
                <a:cubicBezTo>
                  <a:pt x="411" y="588"/>
                  <a:pt x="410" y="589"/>
                  <a:pt x="409" y="590"/>
                </a:cubicBezTo>
                <a:cubicBezTo>
                  <a:pt x="408" y="591"/>
                  <a:pt x="406" y="591"/>
                  <a:pt x="404" y="591"/>
                </a:cubicBezTo>
                <a:cubicBezTo>
                  <a:pt x="403" y="591"/>
                  <a:pt x="402" y="590"/>
                  <a:pt x="401" y="590"/>
                </a:cubicBezTo>
                <a:cubicBezTo>
                  <a:pt x="399" y="590"/>
                  <a:pt x="399" y="591"/>
                  <a:pt x="398" y="592"/>
                </a:cubicBezTo>
                <a:cubicBezTo>
                  <a:pt x="396" y="593"/>
                  <a:pt x="396" y="592"/>
                  <a:pt x="395" y="591"/>
                </a:cubicBezTo>
                <a:cubicBezTo>
                  <a:pt x="394" y="591"/>
                  <a:pt x="393" y="591"/>
                  <a:pt x="393" y="592"/>
                </a:cubicBezTo>
                <a:cubicBezTo>
                  <a:pt x="392" y="593"/>
                  <a:pt x="391" y="594"/>
                  <a:pt x="390" y="593"/>
                </a:cubicBezTo>
                <a:cubicBezTo>
                  <a:pt x="389" y="593"/>
                  <a:pt x="389" y="592"/>
                  <a:pt x="389" y="592"/>
                </a:cubicBezTo>
                <a:cubicBezTo>
                  <a:pt x="389" y="591"/>
                  <a:pt x="389" y="591"/>
                  <a:pt x="389" y="590"/>
                </a:cubicBezTo>
                <a:cubicBezTo>
                  <a:pt x="388" y="589"/>
                  <a:pt x="385" y="589"/>
                  <a:pt x="384" y="590"/>
                </a:cubicBezTo>
                <a:cubicBezTo>
                  <a:pt x="383" y="591"/>
                  <a:pt x="383" y="592"/>
                  <a:pt x="382" y="593"/>
                </a:cubicBezTo>
                <a:cubicBezTo>
                  <a:pt x="381" y="595"/>
                  <a:pt x="380" y="593"/>
                  <a:pt x="380" y="592"/>
                </a:cubicBezTo>
                <a:cubicBezTo>
                  <a:pt x="379" y="591"/>
                  <a:pt x="382" y="587"/>
                  <a:pt x="378" y="588"/>
                </a:cubicBezTo>
                <a:cubicBezTo>
                  <a:pt x="377" y="588"/>
                  <a:pt x="377" y="590"/>
                  <a:pt x="376" y="590"/>
                </a:cubicBezTo>
                <a:cubicBezTo>
                  <a:pt x="374" y="591"/>
                  <a:pt x="375" y="587"/>
                  <a:pt x="373" y="587"/>
                </a:cubicBezTo>
                <a:cubicBezTo>
                  <a:pt x="372" y="586"/>
                  <a:pt x="371" y="588"/>
                  <a:pt x="371" y="588"/>
                </a:cubicBezTo>
                <a:cubicBezTo>
                  <a:pt x="370" y="590"/>
                  <a:pt x="370" y="590"/>
                  <a:pt x="369" y="591"/>
                </a:cubicBezTo>
                <a:cubicBezTo>
                  <a:pt x="368" y="591"/>
                  <a:pt x="367" y="592"/>
                  <a:pt x="367" y="593"/>
                </a:cubicBezTo>
                <a:cubicBezTo>
                  <a:pt x="368" y="594"/>
                  <a:pt x="369" y="594"/>
                  <a:pt x="368" y="596"/>
                </a:cubicBezTo>
                <a:cubicBezTo>
                  <a:pt x="368" y="597"/>
                  <a:pt x="368" y="598"/>
                  <a:pt x="368" y="599"/>
                </a:cubicBezTo>
                <a:cubicBezTo>
                  <a:pt x="368" y="600"/>
                  <a:pt x="372" y="602"/>
                  <a:pt x="369" y="604"/>
                </a:cubicBezTo>
                <a:cubicBezTo>
                  <a:pt x="368" y="604"/>
                  <a:pt x="367" y="603"/>
                  <a:pt x="366" y="603"/>
                </a:cubicBezTo>
                <a:cubicBezTo>
                  <a:pt x="364" y="604"/>
                  <a:pt x="364" y="604"/>
                  <a:pt x="362" y="603"/>
                </a:cubicBezTo>
                <a:cubicBezTo>
                  <a:pt x="361" y="602"/>
                  <a:pt x="360" y="602"/>
                  <a:pt x="360" y="604"/>
                </a:cubicBezTo>
                <a:cubicBezTo>
                  <a:pt x="360" y="604"/>
                  <a:pt x="361" y="606"/>
                  <a:pt x="362" y="606"/>
                </a:cubicBezTo>
                <a:cubicBezTo>
                  <a:pt x="362" y="607"/>
                  <a:pt x="364" y="606"/>
                  <a:pt x="364" y="607"/>
                </a:cubicBezTo>
                <a:cubicBezTo>
                  <a:pt x="365" y="609"/>
                  <a:pt x="363" y="612"/>
                  <a:pt x="361" y="611"/>
                </a:cubicBezTo>
                <a:cubicBezTo>
                  <a:pt x="360" y="610"/>
                  <a:pt x="359" y="609"/>
                  <a:pt x="358" y="610"/>
                </a:cubicBezTo>
                <a:cubicBezTo>
                  <a:pt x="357" y="610"/>
                  <a:pt x="357" y="611"/>
                  <a:pt x="358" y="612"/>
                </a:cubicBezTo>
                <a:cubicBezTo>
                  <a:pt x="359" y="613"/>
                  <a:pt x="360" y="613"/>
                  <a:pt x="361" y="614"/>
                </a:cubicBezTo>
                <a:cubicBezTo>
                  <a:pt x="362" y="615"/>
                  <a:pt x="361" y="616"/>
                  <a:pt x="363" y="616"/>
                </a:cubicBezTo>
                <a:cubicBezTo>
                  <a:pt x="364" y="616"/>
                  <a:pt x="369" y="617"/>
                  <a:pt x="366" y="619"/>
                </a:cubicBezTo>
                <a:cubicBezTo>
                  <a:pt x="364" y="621"/>
                  <a:pt x="364" y="617"/>
                  <a:pt x="361" y="618"/>
                </a:cubicBezTo>
                <a:cubicBezTo>
                  <a:pt x="362" y="619"/>
                  <a:pt x="360" y="619"/>
                  <a:pt x="359" y="620"/>
                </a:cubicBezTo>
                <a:cubicBezTo>
                  <a:pt x="358" y="621"/>
                  <a:pt x="357" y="621"/>
                  <a:pt x="356" y="620"/>
                </a:cubicBezTo>
                <a:cubicBezTo>
                  <a:pt x="355" y="619"/>
                  <a:pt x="356" y="618"/>
                  <a:pt x="355" y="618"/>
                </a:cubicBezTo>
                <a:cubicBezTo>
                  <a:pt x="353" y="617"/>
                  <a:pt x="354" y="619"/>
                  <a:pt x="353" y="620"/>
                </a:cubicBezTo>
                <a:cubicBezTo>
                  <a:pt x="353" y="621"/>
                  <a:pt x="352" y="621"/>
                  <a:pt x="351" y="621"/>
                </a:cubicBezTo>
                <a:cubicBezTo>
                  <a:pt x="350" y="620"/>
                  <a:pt x="350" y="619"/>
                  <a:pt x="349" y="620"/>
                </a:cubicBezTo>
                <a:cubicBezTo>
                  <a:pt x="347" y="621"/>
                  <a:pt x="349" y="624"/>
                  <a:pt x="348" y="626"/>
                </a:cubicBezTo>
                <a:cubicBezTo>
                  <a:pt x="348" y="627"/>
                  <a:pt x="348" y="628"/>
                  <a:pt x="349" y="628"/>
                </a:cubicBezTo>
                <a:cubicBezTo>
                  <a:pt x="350" y="629"/>
                  <a:pt x="351" y="629"/>
                  <a:pt x="352" y="629"/>
                </a:cubicBezTo>
                <a:cubicBezTo>
                  <a:pt x="352" y="630"/>
                  <a:pt x="352" y="631"/>
                  <a:pt x="352" y="632"/>
                </a:cubicBezTo>
                <a:cubicBezTo>
                  <a:pt x="353" y="633"/>
                  <a:pt x="355" y="632"/>
                  <a:pt x="355" y="633"/>
                </a:cubicBezTo>
                <a:cubicBezTo>
                  <a:pt x="356" y="634"/>
                  <a:pt x="356" y="635"/>
                  <a:pt x="355" y="636"/>
                </a:cubicBezTo>
                <a:cubicBezTo>
                  <a:pt x="353" y="636"/>
                  <a:pt x="353" y="635"/>
                  <a:pt x="352" y="634"/>
                </a:cubicBezTo>
                <a:cubicBezTo>
                  <a:pt x="351" y="634"/>
                  <a:pt x="350" y="634"/>
                  <a:pt x="349" y="633"/>
                </a:cubicBezTo>
                <a:cubicBezTo>
                  <a:pt x="349" y="632"/>
                  <a:pt x="349" y="631"/>
                  <a:pt x="347" y="631"/>
                </a:cubicBezTo>
                <a:cubicBezTo>
                  <a:pt x="346" y="631"/>
                  <a:pt x="346" y="635"/>
                  <a:pt x="346" y="635"/>
                </a:cubicBezTo>
                <a:cubicBezTo>
                  <a:pt x="347" y="638"/>
                  <a:pt x="349" y="637"/>
                  <a:pt x="350" y="639"/>
                </a:cubicBezTo>
                <a:close/>
                <a:moveTo>
                  <a:pt x="388" y="813"/>
                </a:moveTo>
                <a:cubicBezTo>
                  <a:pt x="389" y="814"/>
                  <a:pt x="389" y="814"/>
                  <a:pt x="390" y="815"/>
                </a:cubicBezTo>
                <a:cubicBezTo>
                  <a:pt x="390" y="815"/>
                  <a:pt x="390" y="817"/>
                  <a:pt x="391" y="817"/>
                </a:cubicBezTo>
                <a:cubicBezTo>
                  <a:pt x="392" y="818"/>
                  <a:pt x="394" y="815"/>
                  <a:pt x="395" y="814"/>
                </a:cubicBezTo>
                <a:cubicBezTo>
                  <a:pt x="396" y="814"/>
                  <a:pt x="398" y="813"/>
                  <a:pt x="399" y="812"/>
                </a:cubicBezTo>
                <a:cubicBezTo>
                  <a:pt x="401" y="810"/>
                  <a:pt x="399" y="810"/>
                  <a:pt x="397" y="810"/>
                </a:cubicBezTo>
                <a:cubicBezTo>
                  <a:pt x="395" y="810"/>
                  <a:pt x="395" y="809"/>
                  <a:pt x="394" y="807"/>
                </a:cubicBezTo>
                <a:cubicBezTo>
                  <a:pt x="393" y="805"/>
                  <a:pt x="391" y="804"/>
                  <a:pt x="389" y="805"/>
                </a:cubicBezTo>
                <a:cubicBezTo>
                  <a:pt x="388" y="805"/>
                  <a:pt x="387" y="805"/>
                  <a:pt x="387" y="806"/>
                </a:cubicBezTo>
                <a:cubicBezTo>
                  <a:pt x="385" y="806"/>
                  <a:pt x="386" y="807"/>
                  <a:pt x="387" y="808"/>
                </a:cubicBezTo>
                <a:cubicBezTo>
                  <a:pt x="387" y="810"/>
                  <a:pt x="386" y="812"/>
                  <a:pt x="388" y="813"/>
                </a:cubicBezTo>
                <a:close/>
                <a:moveTo>
                  <a:pt x="336" y="714"/>
                </a:moveTo>
                <a:cubicBezTo>
                  <a:pt x="335" y="715"/>
                  <a:pt x="334" y="716"/>
                  <a:pt x="334" y="717"/>
                </a:cubicBezTo>
                <a:cubicBezTo>
                  <a:pt x="335" y="719"/>
                  <a:pt x="338" y="716"/>
                  <a:pt x="339" y="715"/>
                </a:cubicBezTo>
                <a:cubicBezTo>
                  <a:pt x="340" y="714"/>
                  <a:pt x="343" y="714"/>
                  <a:pt x="342" y="711"/>
                </a:cubicBezTo>
                <a:cubicBezTo>
                  <a:pt x="342" y="710"/>
                  <a:pt x="342" y="709"/>
                  <a:pt x="341" y="708"/>
                </a:cubicBezTo>
                <a:cubicBezTo>
                  <a:pt x="341" y="707"/>
                  <a:pt x="341" y="706"/>
                  <a:pt x="340" y="706"/>
                </a:cubicBezTo>
                <a:cubicBezTo>
                  <a:pt x="340" y="705"/>
                  <a:pt x="340" y="702"/>
                  <a:pt x="338" y="703"/>
                </a:cubicBezTo>
                <a:cubicBezTo>
                  <a:pt x="337" y="703"/>
                  <a:pt x="337" y="705"/>
                  <a:pt x="335" y="705"/>
                </a:cubicBezTo>
                <a:cubicBezTo>
                  <a:pt x="335" y="705"/>
                  <a:pt x="334" y="704"/>
                  <a:pt x="334" y="704"/>
                </a:cubicBezTo>
                <a:cubicBezTo>
                  <a:pt x="333" y="704"/>
                  <a:pt x="333" y="705"/>
                  <a:pt x="332" y="705"/>
                </a:cubicBezTo>
                <a:cubicBezTo>
                  <a:pt x="332" y="705"/>
                  <a:pt x="329" y="709"/>
                  <a:pt x="330" y="710"/>
                </a:cubicBezTo>
                <a:cubicBezTo>
                  <a:pt x="330" y="710"/>
                  <a:pt x="331" y="709"/>
                  <a:pt x="331" y="709"/>
                </a:cubicBezTo>
                <a:cubicBezTo>
                  <a:pt x="332" y="709"/>
                  <a:pt x="332" y="709"/>
                  <a:pt x="333" y="709"/>
                </a:cubicBezTo>
                <a:cubicBezTo>
                  <a:pt x="334" y="709"/>
                  <a:pt x="334" y="709"/>
                  <a:pt x="334" y="709"/>
                </a:cubicBezTo>
                <a:cubicBezTo>
                  <a:pt x="335" y="709"/>
                  <a:pt x="335" y="709"/>
                  <a:pt x="336" y="709"/>
                </a:cubicBezTo>
                <a:cubicBezTo>
                  <a:pt x="337" y="709"/>
                  <a:pt x="336" y="711"/>
                  <a:pt x="336" y="712"/>
                </a:cubicBezTo>
                <a:cubicBezTo>
                  <a:pt x="336" y="713"/>
                  <a:pt x="336" y="713"/>
                  <a:pt x="336" y="714"/>
                </a:cubicBezTo>
                <a:close/>
                <a:moveTo>
                  <a:pt x="351" y="685"/>
                </a:moveTo>
                <a:cubicBezTo>
                  <a:pt x="352" y="685"/>
                  <a:pt x="352" y="687"/>
                  <a:pt x="353" y="685"/>
                </a:cubicBezTo>
                <a:cubicBezTo>
                  <a:pt x="353" y="684"/>
                  <a:pt x="353" y="683"/>
                  <a:pt x="353" y="682"/>
                </a:cubicBezTo>
                <a:cubicBezTo>
                  <a:pt x="353" y="681"/>
                  <a:pt x="352" y="680"/>
                  <a:pt x="351" y="680"/>
                </a:cubicBezTo>
                <a:cubicBezTo>
                  <a:pt x="350" y="680"/>
                  <a:pt x="350" y="680"/>
                  <a:pt x="349" y="679"/>
                </a:cubicBezTo>
                <a:cubicBezTo>
                  <a:pt x="348" y="678"/>
                  <a:pt x="347" y="678"/>
                  <a:pt x="346" y="678"/>
                </a:cubicBezTo>
                <a:cubicBezTo>
                  <a:pt x="344" y="677"/>
                  <a:pt x="343" y="675"/>
                  <a:pt x="342" y="674"/>
                </a:cubicBezTo>
                <a:cubicBezTo>
                  <a:pt x="342" y="673"/>
                  <a:pt x="342" y="672"/>
                  <a:pt x="341" y="672"/>
                </a:cubicBezTo>
                <a:cubicBezTo>
                  <a:pt x="339" y="671"/>
                  <a:pt x="337" y="672"/>
                  <a:pt x="335" y="673"/>
                </a:cubicBezTo>
                <a:cubicBezTo>
                  <a:pt x="335" y="673"/>
                  <a:pt x="334" y="673"/>
                  <a:pt x="334" y="674"/>
                </a:cubicBezTo>
                <a:cubicBezTo>
                  <a:pt x="334" y="674"/>
                  <a:pt x="333" y="675"/>
                  <a:pt x="333" y="675"/>
                </a:cubicBezTo>
                <a:cubicBezTo>
                  <a:pt x="333" y="676"/>
                  <a:pt x="335" y="676"/>
                  <a:pt x="336" y="676"/>
                </a:cubicBezTo>
                <a:cubicBezTo>
                  <a:pt x="337" y="677"/>
                  <a:pt x="337" y="679"/>
                  <a:pt x="339" y="679"/>
                </a:cubicBezTo>
                <a:cubicBezTo>
                  <a:pt x="340" y="680"/>
                  <a:pt x="342" y="678"/>
                  <a:pt x="343" y="679"/>
                </a:cubicBezTo>
                <a:cubicBezTo>
                  <a:pt x="344" y="681"/>
                  <a:pt x="340" y="682"/>
                  <a:pt x="344" y="682"/>
                </a:cubicBezTo>
                <a:cubicBezTo>
                  <a:pt x="344" y="684"/>
                  <a:pt x="342" y="684"/>
                  <a:pt x="341" y="684"/>
                </a:cubicBezTo>
                <a:cubicBezTo>
                  <a:pt x="340" y="684"/>
                  <a:pt x="339" y="685"/>
                  <a:pt x="338" y="685"/>
                </a:cubicBezTo>
                <a:cubicBezTo>
                  <a:pt x="337" y="686"/>
                  <a:pt x="337" y="686"/>
                  <a:pt x="336" y="686"/>
                </a:cubicBezTo>
                <a:cubicBezTo>
                  <a:pt x="335" y="686"/>
                  <a:pt x="335" y="685"/>
                  <a:pt x="334" y="685"/>
                </a:cubicBezTo>
                <a:cubicBezTo>
                  <a:pt x="333" y="686"/>
                  <a:pt x="334" y="687"/>
                  <a:pt x="334" y="688"/>
                </a:cubicBezTo>
                <a:cubicBezTo>
                  <a:pt x="337" y="689"/>
                  <a:pt x="338" y="687"/>
                  <a:pt x="340" y="687"/>
                </a:cubicBezTo>
                <a:cubicBezTo>
                  <a:pt x="341" y="686"/>
                  <a:pt x="341" y="686"/>
                  <a:pt x="342" y="686"/>
                </a:cubicBezTo>
                <a:cubicBezTo>
                  <a:pt x="343" y="686"/>
                  <a:pt x="344" y="686"/>
                  <a:pt x="345" y="686"/>
                </a:cubicBezTo>
                <a:cubicBezTo>
                  <a:pt x="347" y="686"/>
                  <a:pt x="347" y="686"/>
                  <a:pt x="348" y="686"/>
                </a:cubicBezTo>
                <a:cubicBezTo>
                  <a:pt x="349" y="687"/>
                  <a:pt x="350" y="687"/>
                  <a:pt x="350" y="686"/>
                </a:cubicBezTo>
                <a:cubicBezTo>
                  <a:pt x="350" y="686"/>
                  <a:pt x="349" y="684"/>
                  <a:pt x="351" y="685"/>
                </a:cubicBezTo>
                <a:close/>
                <a:moveTo>
                  <a:pt x="371" y="711"/>
                </a:moveTo>
                <a:cubicBezTo>
                  <a:pt x="371" y="710"/>
                  <a:pt x="371" y="706"/>
                  <a:pt x="369" y="706"/>
                </a:cubicBezTo>
                <a:cubicBezTo>
                  <a:pt x="367" y="705"/>
                  <a:pt x="369" y="707"/>
                  <a:pt x="369" y="708"/>
                </a:cubicBezTo>
                <a:cubicBezTo>
                  <a:pt x="369" y="709"/>
                  <a:pt x="370" y="711"/>
                  <a:pt x="371" y="711"/>
                </a:cubicBezTo>
                <a:close/>
                <a:moveTo>
                  <a:pt x="455" y="970"/>
                </a:moveTo>
                <a:cubicBezTo>
                  <a:pt x="454" y="970"/>
                  <a:pt x="453" y="972"/>
                  <a:pt x="455" y="972"/>
                </a:cubicBezTo>
                <a:cubicBezTo>
                  <a:pt x="456" y="972"/>
                  <a:pt x="456" y="972"/>
                  <a:pt x="457" y="973"/>
                </a:cubicBezTo>
                <a:cubicBezTo>
                  <a:pt x="458" y="973"/>
                  <a:pt x="457" y="975"/>
                  <a:pt x="458" y="974"/>
                </a:cubicBezTo>
                <a:cubicBezTo>
                  <a:pt x="459" y="974"/>
                  <a:pt x="460" y="971"/>
                  <a:pt x="460" y="970"/>
                </a:cubicBezTo>
                <a:cubicBezTo>
                  <a:pt x="459" y="969"/>
                  <a:pt x="456" y="969"/>
                  <a:pt x="455" y="970"/>
                </a:cubicBezTo>
                <a:close/>
                <a:moveTo>
                  <a:pt x="488" y="916"/>
                </a:moveTo>
                <a:cubicBezTo>
                  <a:pt x="489" y="916"/>
                  <a:pt x="491" y="916"/>
                  <a:pt x="490" y="915"/>
                </a:cubicBezTo>
                <a:cubicBezTo>
                  <a:pt x="489" y="914"/>
                  <a:pt x="488" y="914"/>
                  <a:pt x="487" y="914"/>
                </a:cubicBezTo>
                <a:cubicBezTo>
                  <a:pt x="487" y="913"/>
                  <a:pt x="486" y="913"/>
                  <a:pt x="486" y="913"/>
                </a:cubicBezTo>
                <a:cubicBezTo>
                  <a:pt x="485" y="913"/>
                  <a:pt x="485" y="913"/>
                  <a:pt x="484" y="913"/>
                </a:cubicBezTo>
                <a:cubicBezTo>
                  <a:pt x="483" y="912"/>
                  <a:pt x="484" y="911"/>
                  <a:pt x="483" y="911"/>
                </a:cubicBezTo>
                <a:cubicBezTo>
                  <a:pt x="482" y="910"/>
                  <a:pt x="481" y="912"/>
                  <a:pt x="480" y="912"/>
                </a:cubicBezTo>
                <a:cubicBezTo>
                  <a:pt x="479" y="913"/>
                  <a:pt x="476" y="913"/>
                  <a:pt x="475" y="915"/>
                </a:cubicBezTo>
                <a:cubicBezTo>
                  <a:pt x="474" y="916"/>
                  <a:pt x="476" y="917"/>
                  <a:pt x="477" y="917"/>
                </a:cubicBezTo>
                <a:cubicBezTo>
                  <a:pt x="478" y="917"/>
                  <a:pt x="480" y="917"/>
                  <a:pt x="480" y="918"/>
                </a:cubicBezTo>
                <a:cubicBezTo>
                  <a:pt x="481" y="919"/>
                  <a:pt x="481" y="920"/>
                  <a:pt x="482" y="920"/>
                </a:cubicBezTo>
                <a:cubicBezTo>
                  <a:pt x="482" y="920"/>
                  <a:pt x="483" y="920"/>
                  <a:pt x="483" y="919"/>
                </a:cubicBezTo>
                <a:cubicBezTo>
                  <a:pt x="485" y="919"/>
                  <a:pt x="486" y="920"/>
                  <a:pt x="487" y="918"/>
                </a:cubicBezTo>
                <a:cubicBezTo>
                  <a:pt x="487" y="917"/>
                  <a:pt x="487" y="917"/>
                  <a:pt x="487" y="916"/>
                </a:cubicBezTo>
                <a:cubicBezTo>
                  <a:pt x="488" y="915"/>
                  <a:pt x="487" y="916"/>
                  <a:pt x="488" y="916"/>
                </a:cubicBezTo>
                <a:close/>
                <a:moveTo>
                  <a:pt x="445" y="963"/>
                </a:moveTo>
                <a:cubicBezTo>
                  <a:pt x="446" y="963"/>
                  <a:pt x="448" y="960"/>
                  <a:pt x="446" y="960"/>
                </a:cubicBezTo>
                <a:cubicBezTo>
                  <a:pt x="445" y="960"/>
                  <a:pt x="444" y="963"/>
                  <a:pt x="445" y="963"/>
                </a:cubicBezTo>
                <a:close/>
                <a:moveTo>
                  <a:pt x="362" y="714"/>
                </a:moveTo>
                <a:cubicBezTo>
                  <a:pt x="362" y="716"/>
                  <a:pt x="363" y="717"/>
                  <a:pt x="363" y="719"/>
                </a:cubicBezTo>
                <a:cubicBezTo>
                  <a:pt x="363" y="721"/>
                  <a:pt x="364" y="722"/>
                  <a:pt x="366" y="722"/>
                </a:cubicBezTo>
                <a:cubicBezTo>
                  <a:pt x="368" y="723"/>
                  <a:pt x="368" y="725"/>
                  <a:pt x="370" y="724"/>
                </a:cubicBezTo>
                <a:cubicBezTo>
                  <a:pt x="371" y="723"/>
                  <a:pt x="370" y="721"/>
                  <a:pt x="370" y="720"/>
                </a:cubicBezTo>
                <a:cubicBezTo>
                  <a:pt x="369" y="719"/>
                  <a:pt x="370" y="718"/>
                  <a:pt x="369" y="717"/>
                </a:cubicBezTo>
                <a:cubicBezTo>
                  <a:pt x="369" y="717"/>
                  <a:pt x="368" y="717"/>
                  <a:pt x="368" y="716"/>
                </a:cubicBezTo>
                <a:cubicBezTo>
                  <a:pt x="367" y="716"/>
                  <a:pt x="368" y="715"/>
                  <a:pt x="368" y="714"/>
                </a:cubicBezTo>
                <a:cubicBezTo>
                  <a:pt x="367" y="710"/>
                  <a:pt x="362" y="711"/>
                  <a:pt x="362" y="714"/>
                </a:cubicBezTo>
                <a:close/>
                <a:moveTo>
                  <a:pt x="339" y="695"/>
                </a:moveTo>
                <a:cubicBezTo>
                  <a:pt x="338" y="695"/>
                  <a:pt x="337" y="698"/>
                  <a:pt x="337" y="699"/>
                </a:cubicBezTo>
                <a:cubicBezTo>
                  <a:pt x="339" y="699"/>
                  <a:pt x="339" y="698"/>
                  <a:pt x="340" y="697"/>
                </a:cubicBezTo>
                <a:cubicBezTo>
                  <a:pt x="340" y="696"/>
                  <a:pt x="341" y="694"/>
                  <a:pt x="339" y="695"/>
                </a:cubicBezTo>
                <a:close/>
                <a:moveTo>
                  <a:pt x="335" y="656"/>
                </a:moveTo>
                <a:cubicBezTo>
                  <a:pt x="334" y="655"/>
                  <a:pt x="333" y="656"/>
                  <a:pt x="332" y="655"/>
                </a:cubicBezTo>
                <a:cubicBezTo>
                  <a:pt x="331" y="655"/>
                  <a:pt x="330" y="655"/>
                  <a:pt x="330" y="656"/>
                </a:cubicBezTo>
                <a:cubicBezTo>
                  <a:pt x="329" y="657"/>
                  <a:pt x="330" y="657"/>
                  <a:pt x="330" y="658"/>
                </a:cubicBezTo>
                <a:cubicBezTo>
                  <a:pt x="332" y="658"/>
                  <a:pt x="332" y="658"/>
                  <a:pt x="332" y="659"/>
                </a:cubicBezTo>
                <a:cubicBezTo>
                  <a:pt x="332" y="660"/>
                  <a:pt x="332" y="661"/>
                  <a:pt x="334" y="661"/>
                </a:cubicBezTo>
                <a:cubicBezTo>
                  <a:pt x="335" y="660"/>
                  <a:pt x="334" y="659"/>
                  <a:pt x="335" y="658"/>
                </a:cubicBezTo>
                <a:cubicBezTo>
                  <a:pt x="335" y="657"/>
                  <a:pt x="337" y="656"/>
                  <a:pt x="335" y="656"/>
                </a:cubicBezTo>
                <a:close/>
                <a:moveTo>
                  <a:pt x="312" y="624"/>
                </a:moveTo>
                <a:cubicBezTo>
                  <a:pt x="313" y="625"/>
                  <a:pt x="312" y="626"/>
                  <a:pt x="313" y="627"/>
                </a:cubicBezTo>
                <a:cubicBezTo>
                  <a:pt x="314" y="627"/>
                  <a:pt x="315" y="626"/>
                  <a:pt x="316" y="626"/>
                </a:cubicBezTo>
                <a:cubicBezTo>
                  <a:pt x="317" y="625"/>
                  <a:pt x="318" y="625"/>
                  <a:pt x="318" y="625"/>
                </a:cubicBezTo>
                <a:cubicBezTo>
                  <a:pt x="319" y="624"/>
                  <a:pt x="319" y="623"/>
                  <a:pt x="319" y="622"/>
                </a:cubicBezTo>
                <a:cubicBezTo>
                  <a:pt x="320" y="620"/>
                  <a:pt x="323" y="620"/>
                  <a:pt x="323" y="618"/>
                </a:cubicBezTo>
                <a:cubicBezTo>
                  <a:pt x="323" y="616"/>
                  <a:pt x="322" y="617"/>
                  <a:pt x="321" y="616"/>
                </a:cubicBezTo>
                <a:cubicBezTo>
                  <a:pt x="320" y="615"/>
                  <a:pt x="321" y="614"/>
                  <a:pt x="322" y="614"/>
                </a:cubicBezTo>
                <a:cubicBezTo>
                  <a:pt x="322" y="613"/>
                  <a:pt x="323" y="612"/>
                  <a:pt x="324" y="612"/>
                </a:cubicBezTo>
                <a:cubicBezTo>
                  <a:pt x="326" y="612"/>
                  <a:pt x="325" y="613"/>
                  <a:pt x="325" y="614"/>
                </a:cubicBezTo>
                <a:cubicBezTo>
                  <a:pt x="324" y="615"/>
                  <a:pt x="326" y="615"/>
                  <a:pt x="326" y="616"/>
                </a:cubicBezTo>
                <a:cubicBezTo>
                  <a:pt x="327" y="617"/>
                  <a:pt x="326" y="618"/>
                  <a:pt x="328" y="618"/>
                </a:cubicBezTo>
                <a:cubicBezTo>
                  <a:pt x="329" y="619"/>
                  <a:pt x="329" y="617"/>
                  <a:pt x="329" y="616"/>
                </a:cubicBezTo>
                <a:cubicBezTo>
                  <a:pt x="329" y="615"/>
                  <a:pt x="329" y="615"/>
                  <a:pt x="331" y="615"/>
                </a:cubicBezTo>
                <a:cubicBezTo>
                  <a:pt x="332" y="616"/>
                  <a:pt x="332" y="616"/>
                  <a:pt x="332" y="614"/>
                </a:cubicBezTo>
                <a:cubicBezTo>
                  <a:pt x="332" y="613"/>
                  <a:pt x="333" y="612"/>
                  <a:pt x="332" y="611"/>
                </a:cubicBezTo>
                <a:cubicBezTo>
                  <a:pt x="331" y="611"/>
                  <a:pt x="330" y="612"/>
                  <a:pt x="329" y="611"/>
                </a:cubicBezTo>
                <a:cubicBezTo>
                  <a:pt x="328" y="611"/>
                  <a:pt x="327" y="610"/>
                  <a:pt x="328" y="610"/>
                </a:cubicBezTo>
                <a:cubicBezTo>
                  <a:pt x="330" y="609"/>
                  <a:pt x="332" y="609"/>
                  <a:pt x="333" y="607"/>
                </a:cubicBezTo>
                <a:cubicBezTo>
                  <a:pt x="333" y="606"/>
                  <a:pt x="333" y="605"/>
                  <a:pt x="333" y="604"/>
                </a:cubicBezTo>
                <a:cubicBezTo>
                  <a:pt x="334" y="603"/>
                  <a:pt x="335" y="603"/>
                  <a:pt x="336" y="603"/>
                </a:cubicBezTo>
                <a:cubicBezTo>
                  <a:pt x="338" y="601"/>
                  <a:pt x="336" y="599"/>
                  <a:pt x="335" y="597"/>
                </a:cubicBezTo>
                <a:cubicBezTo>
                  <a:pt x="335" y="596"/>
                  <a:pt x="337" y="595"/>
                  <a:pt x="336" y="594"/>
                </a:cubicBezTo>
                <a:cubicBezTo>
                  <a:pt x="335" y="593"/>
                  <a:pt x="334" y="594"/>
                  <a:pt x="333" y="594"/>
                </a:cubicBezTo>
                <a:cubicBezTo>
                  <a:pt x="331" y="595"/>
                  <a:pt x="326" y="597"/>
                  <a:pt x="324" y="600"/>
                </a:cubicBezTo>
                <a:cubicBezTo>
                  <a:pt x="323" y="601"/>
                  <a:pt x="323" y="605"/>
                  <a:pt x="322" y="605"/>
                </a:cubicBezTo>
                <a:cubicBezTo>
                  <a:pt x="320" y="605"/>
                  <a:pt x="321" y="603"/>
                  <a:pt x="320" y="603"/>
                </a:cubicBezTo>
                <a:cubicBezTo>
                  <a:pt x="319" y="603"/>
                  <a:pt x="319" y="605"/>
                  <a:pt x="318" y="605"/>
                </a:cubicBezTo>
                <a:cubicBezTo>
                  <a:pt x="316" y="606"/>
                  <a:pt x="314" y="605"/>
                  <a:pt x="313" y="603"/>
                </a:cubicBezTo>
                <a:cubicBezTo>
                  <a:pt x="312" y="603"/>
                  <a:pt x="312" y="603"/>
                  <a:pt x="311" y="604"/>
                </a:cubicBezTo>
                <a:cubicBezTo>
                  <a:pt x="311" y="605"/>
                  <a:pt x="311" y="607"/>
                  <a:pt x="311" y="608"/>
                </a:cubicBezTo>
                <a:cubicBezTo>
                  <a:pt x="312" y="608"/>
                  <a:pt x="313" y="609"/>
                  <a:pt x="313" y="609"/>
                </a:cubicBezTo>
                <a:cubicBezTo>
                  <a:pt x="315" y="612"/>
                  <a:pt x="310" y="611"/>
                  <a:pt x="310" y="613"/>
                </a:cubicBezTo>
                <a:cubicBezTo>
                  <a:pt x="310" y="614"/>
                  <a:pt x="311" y="614"/>
                  <a:pt x="312" y="615"/>
                </a:cubicBezTo>
                <a:cubicBezTo>
                  <a:pt x="313" y="616"/>
                  <a:pt x="313" y="617"/>
                  <a:pt x="314" y="617"/>
                </a:cubicBezTo>
                <a:cubicBezTo>
                  <a:pt x="315" y="617"/>
                  <a:pt x="316" y="616"/>
                  <a:pt x="317" y="618"/>
                </a:cubicBezTo>
                <a:cubicBezTo>
                  <a:pt x="317" y="619"/>
                  <a:pt x="315" y="619"/>
                  <a:pt x="314" y="619"/>
                </a:cubicBezTo>
                <a:cubicBezTo>
                  <a:pt x="313" y="619"/>
                  <a:pt x="313" y="620"/>
                  <a:pt x="312" y="621"/>
                </a:cubicBezTo>
                <a:cubicBezTo>
                  <a:pt x="311" y="622"/>
                  <a:pt x="311" y="621"/>
                  <a:pt x="309" y="621"/>
                </a:cubicBezTo>
                <a:cubicBezTo>
                  <a:pt x="306" y="621"/>
                  <a:pt x="311" y="623"/>
                  <a:pt x="312" y="624"/>
                </a:cubicBezTo>
                <a:close/>
                <a:moveTo>
                  <a:pt x="336" y="606"/>
                </a:moveTo>
                <a:cubicBezTo>
                  <a:pt x="336" y="606"/>
                  <a:pt x="337" y="606"/>
                  <a:pt x="337" y="605"/>
                </a:cubicBezTo>
                <a:cubicBezTo>
                  <a:pt x="337" y="605"/>
                  <a:pt x="338" y="605"/>
                  <a:pt x="338" y="605"/>
                </a:cubicBezTo>
                <a:cubicBezTo>
                  <a:pt x="340" y="603"/>
                  <a:pt x="338" y="603"/>
                  <a:pt x="337" y="603"/>
                </a:cubicBezTo>
                <a:cubicBezTo>
                  <a:pt x="336" y="604"/>
                  <a:pt x="334" y="606"/>
                  <a:pt x="336" y="606"/>
                </a:cubicBezTo>
                <a:close/>
                <a:moveTo>
                  <a:pt x="339" y="635"/>
                </a:moveTo>
                <a:cubicBezTo>
                  <a:pt x="339" y="634"/>
                  <a:pt x="339" y="633"/>
                  <a:pt x="338" y="632"/>
                </a:cubicBezTo>
                <a:cubicBezTo>
                  <a:pt x="338" y="631"/>
                  <a:pt x="336" y="631"/>
                  <a:pt x="336" y="631"/>
                </a:cubicBezTo>
                <a:cubicBezTo>
                  <a:pt x="335" y="630"/>
                  <a:pt x="333" y="624"/>
                  <a:pt x="332" y="628"/>
                </a:cubicBezTo>
                <a:cubicBezTo>
                  <a:pt x="332" y="629"/>
                  <a:pt x="333" y="630"/>
                  <a:pt x="332" y="631"/>
                </a:cubicBezTo>
                <a:cubicBezTo>
                  <a:pt x="331" y="632"/>
                  <a:pt x="331" y="632"/>
                  <a:pt x="331" y="634"/>
                </a:cubicBezTo>
                <a:cubicBezTo>
                  <a:pt x="332" y="635"/>
                  <a:pt x="333" y="635"/>
                  <a:pt x="332" y="636"/>
                </a:cubicBezTo>
                <a:cubicBezTo>
                  <a:pt x="331" y="637"/>
                  <a:pt x="330" y="637"/>
                  <a:pt x="329" y="636"/>
                </a:cubicBezTo>
                <a:cubicBezTo>
                  <a:pt x="329" y="634"/>
                  <a:pt x="327" y="634"/>
                  <a:pt x="326" y="633"/>
                </a:cubicBezTo>
                <a:cubicBezTo>
                  <a:pt x="326" y="632"/>
                  <a:pt x="326" y="631"/>
                  <a:pt x="326" y="631"/>
                </a:cubicBezTo>
                <a:cubicBezTo>
                  <a:pt x="325" y="631"/>
                  <a:pt x="324" y="631"/>
                  <a:pt x="324" y="632"/>
                </a:cubicBezTo>
                <a:cubicBezTo>
                  <a:pt x="324" y="634"/>
                  <a:pt x="325" y="636"/>
                  <a:pt x="324" y="636"/>
                </a:cubicBezTo>
                <a:cubicBezTo>
                  <a:pt x="322" y="637"/>
                  <a:pt x="321" y="635"/>
                  <a:pt x="319" y="636"/>
                </a:cubicBezTo>
                <a:cubicBezTo>
                  <a:pt x="319" y="638"/>
                  <a:pt x="322" y="638"/>
                  <a:pt x="323" y="639"/>
                </a:cubicBezTo>
                <a:cubicBezTo>
                  <a:pt x="324" y="640"/>
                  <a:pt x="324" y="641"/>
                  <a:pt x="325" y="641"/>
                </a:cubicBezTo>
                <a:cubicBezTo>
                  <a:pt x="326" y="642"/>
                  <a:pt x="326" y="641"/>
                  <a:pt x="326" y="640"/>
                </a:cubicBezTo>
                <a:cubicBezTo>
                  <a:pt x="327" y="639"/>
                  <a:pt x="328" y="641"/>
                  <a:pt x="329" y="642"/>
                </a:cubicBezTo>
                <a:cubicBezTo>
                  <a:pt x="330" y="642"/>
                  <a:pt x="332" y="642"/>
                  <a:pt x="331" y="643"/>
                </a:cubicBezTo>
                <a:cubicBezTo>
                  <a:pt x="331" y="644"/>
                  <a:pt x="329" y="643"/>
                  <a:pt x="329" y="645"/>
                </a:cubicBezTo>
                <a:cubicBezTo>
                  <a:pt x="329" y="646"/>
                  <a:pt x="332" y="646"/>
                  <a:pt x="333" y="647"/>
                </a:cubicBezTo>
                <a:cubicBezTo>
                  <a:pt x="334" y="647"/>
                  <a:pt x="333" y="649"/>
                  <a:pt x="334" y="649"/>
                </a:cubicBezTo>
                <a:cubicBezTo>
                  <a:pt x="335" y="650"/>
                  <a:pt x="336" y="649"/>
                  <a:pt x="337" y="650"/>
                </a:cubicBezTo>
                <a:cubicBezTo>
                  <a:pt x="338" y="650"/>
                  <a:pt x="337" y="652"/>
                  <a:pt x="339" y="651"/>
                </a:cubicBezTo>
                <a:cubicBezTo>
                  <a:pt x="340" y="650"/>
                  <a:pt x="340" y="650"/>
                  <a:pt x="341" y="649"/>
                </a:cubicBezTo>
                <a:cubicBezTo>
                  <a:pt x="343" y="649"/>
                  <a:pt x="346" y="650"/>
                  <a:pt x="344" y="652"/>
                </a:cubicBezTo>
                <a:cubicBezTo>
                  <a:pt x="343" y="654"/>
                  <a:pt x="341" y="655"/>
                  <a:pt x="342" y="657"/>
                </a:cubicBezTo>
                <a:cubicBezTo>
                  <a:pt x="344" y="657"/>
                  <a:pt x="344" y="655"/>
                  <a:pt x="345" y="654"/>
                </a:cubicBezTo>
                <a:cubicBezTo>
                  <a:pt x="346" y="653"/>
                  <a:pt x="347" y="653"/>
                  <a:pt x="348" y="652"/>
                </a:cubicBezTo>
                <a:cubicBezTo>
                  <a:pt x="348" y="651"/>
                  <a:pt x="348" y="650"/>
                  <a:pt x="348" y="650"/>
                </a:cubicBezTo>
                <a:cubicBezTo>
                  <a:pt x="348" y="649"/>
                  <a:pt x="349" y="649"/>
                  <a:pt x="349" y="649"/>
                </a:cubicBezTo>
                <a:cubicBezTo>
                  <a:pt x="349" y="648"/>
                  <a:pt x="350" y="648"/>
                  <a:pt x="350" y="647"/>
                </a:cubicBezTo>
                <a:cubicBezTo>
                  <a:pt x="349" y="646"/>
                  <a:pt x="347" y="647"/>
                  <a:pt x="347" y="647"/>
                </a:cubicBezTo>
                <a:cubicBezTo>
                  <a:pt x="346" y="647"/>
                  <a:pt x="345" y="647"/>
                  <a:pt x="344" y="647"/>
                </a:cubicBezTo>
                <a:cubicBezTo>
                  <a:pt x="344" y="646"/>
                  <a:pt x="343" y="646"/>
                  <a:pt x="343" y="645"/>
                </a:cubicBezTo>
                <a:cubicBezTo>
                  <a:pt x="341" y="644"/>
                  <a:pt x="339" y="646"/>
                  <a:pt x="339" y="643"/>
                </a:cubicBezTo>
                <a:cubicBezTo>
                  <a:pt x="339" y="643"/>
                  <a:pt x="339" y="642"/>
                  <a:pt x="339" y="641"/>
                </a:cubicBezTo>
                <a:cubicBezTo>
                  <a:pt x="339" y="640"/>
                  <a:pt x="339" y="639"/>
                  <a:pt x="338" y="639"/>
                </a:cubicBezTo>
                <a:cubicBezTo>
                  <a:pt x="338" y="637"/>
                  <a:pt x="338" y="636"/>
                  <a:pt x="339" y="635"/>
                </a:cubicBezTo>
                <a:close/>
                <a:moveTo>
                  <a:pt x="317" y="680"/>
                </a:moveTo>
                <a:cubicBezTo>
                  <a:pt x="317" y="681"/>
                  <a:pt x="319" y="680"/>
                  <a:pt x="320" y="680"/>
                </a:cubicBezTo>
                <a:cubicBezTo>
                  <a:pt x="320" y="679"/>
                  <a:pt x="321" y="678"/>
                  <a:pt x="321" y="677"/>
                </a:cubicBezTo>
                <a:cubicBezTo>
                  <a:pt x="319" y="677"/>
                  <a:pt x="317" y="679"/>
                  <a:pt x="317" y="680"/>
                </a:cubicBezTo>
                <a:close/>
                <a:moveTo>
                  <a:pt x="346" y="706"/>
                </a:moveTo>
                <a:cubicBezTo>
                  <a:pt x="346" y="704"/>
                  <a:pt x="348" y="702"/>
                  <a:pt x="349" y="700"/>
                </a:cubicBezTo>
                <a:cubicBezTo>
                  <a:pt x="350" y="699"/>
                  <a:pt x="352" y="696"/>
                  <a:pt x="352" y="694"/>
                </a:cubicBezTo>
                <a:cubicBezTo>
                  <a:pt x="350" y="693"/>
                  <a:pt x="349" y="696"/>
                  <a:pt x="347" y="696"/>
                </a:cubicBezTo>
                <a:cubicBezTo>
                  <a:pt x="347" y="697"/>
                  <a:pt x="345" y="697"/>
                  <a:pt x="345" y="698"/>
                </a:cubicBezTo>
                <a:cubicBezTo>
                  <a:pt x="344" y="699"/>
                  <a:pt x="346" y="699"/>
                  <a:pt x="345" y="700"/>
                </a:cubicBezTo>
                <a:cubicBezTo>
                  <a:pt x="344" y="701"/>
                  <a:pt x="340" y="700"/>
                  <a:pt x="340" y="703"/>
                </a:cubicBezTo>
                <a:cubicBezTo>
                  <a:pt x="340" y="704"/>
                  <a:pt x="342" y="704"/>
                  <a:pt x="342" y="705"/>
                </a:cubicBezTo>
                <a:cubicBezTo>
                  <a:pt x="344" y="706"/>
                  <a:pt x="344" y="709"/>
                  <a:pt x="346" y="706"/>
                </a:cubicBezTo>
                <a:close/>
                <a:moveTo>
                  <a:pt x="326" y="673"/>
                </a:moveTo>
                <a:cubicBezTo>
                  <a:pt x="326" y="673"/>
                  <a:pt x="323" y="676"/>
                  <a:pt x="324" y="676"/>
                </a:cubicBezTo>
                <a:cubicBezTo>
                  <a:pt x="326" y="676"/>
                  <a:pt x="328" y="674"/>
                  <a:pt x="329" y="673"/>
                </a:cubicBezTo>
                <a:cubicBezTo>
                  <a:pt x="329" y="672"/>
                  <a:pt x="330" y="671"/>
                  <a:pt x="328" y="671"/>
                </a:cubicBezTo>
                <a:cubicBezTo>
                  <a:pt x="328" y="671"/>
                  <a:pt x="327" y="672"/>
                  <a:pt x="326" y="673"/>
                </a:cubicBezTo>
                <a:close/>
                <a:moveTo>
                  <a:pt x="306" y="637"/>
                </a:moveTo>
                <a:cubicBezTo>
                  <a:pt x="306" y="637"/>
                  <a:pt x="304" y="637"/>
                  <a:pt x="303" y="637"/>
                </a:cubicBezTo>
                <a:cubicBezTo>
                  <a:pt x="302" y="637"/>
                  <a:pt x="300" y="637"/>
                  <a:pt x="301" y="638"/>
                </a:cubicBezTo>
                <a:cubicBezTo>
                  <a:pt x="302" y="639"/>
                  <a:pt x="303" y="639"/>
                  <a:pt x="304" y="639"/>
                </a:cubicBezTo>
                <a:cubicBezTo>
                  <a:pt x="304" y="640"/>
                  <a:pt x="305" y="641"/>
                  <a:pt x="306" y="641"/>
                </a:cubicBezTo>
                <a:cubicBezTo>
                  <a:pt x="307" y="640"/>
                  <a:pt x="305" y="639"/>
                  <a:pt x="305" y="639"/>
                </a:cubicBezTo>
                <a:cubicBezTo>
                  <a:pt x="305" y="639"/>
                  <a:pt x="308" y="639"/>
                  <a:pt x="306" y="637"/>
                </a:cubicBezTo>
                <a:close/>
                <a:moveTo>
                  <a:pt x="299" y="632"/>
                </a:moveTo>
                <a:cubicBezTo>
                  <a:pt x="300" y="633"/>
                  <a:pt x="302" y="632"/>
                  <a:pt x="303" y="633"/>
                </a:cubicBezTo>
                <a:cubicBezTo>
                  <a:pt x="304" y="633"/>
                  <a:pt x="303" y="634"/>
                  <a:pt x="304" y="635"/>
                </a:cubicBezTo>
                <a:cubicBezTo>
                  <a:pt x="305" y="636"/>
                  <a:pt x="305" y="634"/>
                  <a:pt x="307" y="635"/>
                </a:cubicBezTo>
                <a:cubicBezTo>
                  <a:pt x="307" y="635"/>
                  <a:pt x="308" y="637"/>
                  <a:pt x="309" y="636"/>
                </a:cubicBezTo>
                <a:cubicBezTo>
                  <a:pt x="310" y="635"/>
                  <a:pt x="308" y="634"/>
                  <a:pt x="309" y="633"/>
                </a:cubicBezTo>
                <a:cubicBezTo>
                  <a:pt x="309" y="632"/>
                  <a:pt x="310" y="631"/>
                  <a:pt x="311" y="631"/>
                </a:cubicBezTo>
                <a:cubicBezTo>
                  <a:pt x="311" y="629"/>
                  <a:pt x="308" y="629"/>
                  <a:pt x="306" y="629"/>
                </a:cubicBezTo>
                <a:cubicBezTo>
                  <a:pt x="305" y="629"/>
                  <a:pt x="303" y="630"/>
                  <a:pt x="301" y="630"/>
                </a:cubicBezTo>
                <a:cubicBezTo>
                  <a:pt x="300" y="630"/>
                  <a:pt x="299" y="630"/>
                  <a:pt x="298" y="631"/>
                </a:cubicBezTo>
                <a:cubicBezTo>
                  <a:pt x="297" y="632"/>
                  <a:pt x="299" y="632"/>
                  <a:pt x="299" y="632"/>
                </a:cubicBezTo>
                <a:close/>
                <a:moveTo>
                  <a:pt x="219" y="856"/>
                </a:moveTo>
                <a:cubicBezTo>
                  <a:pt x="221" y="856"/>
                  <a:pt x="223" y="858"/>
                  <a:pt x="226" y="857"/>
                </a:cubicBezTo>
                <a:cubicBezTo>
                  <a:pt x="227" y="857"/>
                  <a:pt x="227" y="856"/>
                  <a:pt x="228" y="855"/>
                </a:cubicBezTo>
                <a:cubicBezTo>
                  <a:pt x="229" y="855"/>
                  <a:pt x="230" y="855"/>
                  <a:pt x="231" y="855"/>
                </a:cubicBezTo>
                <a:cubicBezTo>
                  <a:pt x="231" y="856"/>
                  <a:pt x="230" y="856"/>
                  <a:pt x="229" y="856"/>
                </a:cubicBezTo>
                <a:cubicBezTo>
                  <a:pt x="228" y="857"/>
                  <a:pt x="228" y="858"/>
                  <a:pt x="227" y="858"/>
                </a:cubicBezTo>
                <a:cubicBezTo>
                  <a:pt x="225" y="860"/>
                  <a:pt x="223" y="860"/>
                  <a:pt x="221" y="860"/>
                </a:cubicBezTo>
                <a:cubicBezTo>
                  <a:pt x="219" y="861"/>
                  <a:pt x="218" y="861"/>
                  <a:pt x="217" y="864"/>
                </a:cubicBezTo>
                <a:cubicBezTo>
                  <a:pt x="216" y="865"/>
                  <a:pt x="216" y="865"/>
                  <a:pt x="215" y="866"/>
                </a:cubicBezTo>
                <a:cubicBezTo>
                  <a:pt x="214" y="866"/>
                  <a:pt x="214" y="867"/>
                  <a:pt x="214" y="868"/>
                </a:cubicBezTo>
                <a:cubicBezTo>
                  <a:pt x="216" y="870"/>
                  <a:pt x="218" y="866"/>
                  <a:pt x="220" y="867"/>
                </a:cubicBezTo>
                <a:cubicBezTo>
                  <a:pt x="222" y="867"/>
                  <a:pt x="221" y="868"/>
                  <a:pt x="221" y="869"/>
                </a:cubicBezTo>
                <a:cubicBezTo>
                  <a:pt x="221" y="870"/>
                  <a:pt x="222" y="871"/>
                  <a:pt x="223" y="871"/>
                </a:cubicBezTo>
                <a:cubicBezTo>
                  <a:pt x="224" y="871"/>
                  <a:pt x="225" y="870"/>
                  <a:pt x="226" y="870"/>
                </a:cubicBezTo>
                <a:cubicBezTo>
                  <a:pt x="227" y="869"/>
                  <a:pt x="228" y="869"/>
                  <a:pt x="230" y="869"/>
                </a:cubicBezTo>
                <a:cubicBezTo>
                  <a:pt x="232" y="869"/>
                  <a:pt x="234" y="867"/>
                  <a:pt x="237" y="868"/>
                </a:cubicBezTo>
                <a:cubicBezTo>
                  <a:pt x="237" y="869"/>
                  <a:pt x="235" y="868"/>
                  <a:pt x="235" y="869"/>
                </a:cubicBezTo>
                <a:cubicBezTo>
                  <a:pt x="234" y="869"/>
                  <a:pt x="233" y="869"/>
                  <a:pt x="232" y="870"/>
                </a:cubicBezTo>
                <a:cubicBezTo>
                  <a:pt x="232" y="871"/>
                  <a:pt x="231" y="871"/>
                  <a:pt x="230" y="872"/>
                </a:cubicBezTo>
                <a:cubicBezTo>
                  <a:pt x="229" y="872"/>
                  <a:pt x="228" y="872"/>
                  <a:pt x="227" y="872"/>
                </a:cubicBezTo>
                <a:cubicBezTo>
                  <a:pt x="225" y="873"/>
                  <a:pt x="225" y="876"/>
                  <a:pt x="223" y="877"/>
                </a:cubicBezTo>
                <a:cubicBezTo>
                  <a:pt x="222" y="877"/>
                  <a:pt x="221" y="877"/>
                  <a:pt x="220" y="877"/>
                </a:cubicBezTo>
                <a:cubicBezTo>
                  <a:pt x="219" y="879"/>
                  <a:pt x="220" y="879"/>
                  <a:pt x="221" y="879"/>
                </a:cubicBezTo>
                <a:cubicBezTo>
                  <a:pt x="223" y="878"/>
                  <a:pt x="226" y="877"/>
                  <a:pt x="228" y="878"/>
                </a:cubicBezTo>
                <a:cubicBezTo>
                  <a:pt x="230" y="878"/>
                  <a:pt x="232" y="877"/>
                  <a:pt x="234" y="877"/>
                </a:cubicBezTo>
                <a:cubicBezTo>
                  <a:pt x="235" y="877"/>
                  <a:pt x="236" y="876"/>
                  <a:pt x="237" y="876"/>
                </a:cubicBezTo>
                <a:cubicBezTo>
                  <a:pt x="237" y="875"/>
                  <a:pt x="238" y="874"/>
                  <a:pt x="238" y="875"/>
                </a:cubicBezTo>
                <a:cubicBezTo>
                  <a:pt x="239" y="875"/>
                  <a:pt x="238" y="876"/>
                  <a:pt x="237" y="876"/>
                </a:cubicBezTo>
                <a:cubicBezTo>
                  <a:pt x="236" y="877"/>
                  <a:pt x="234" y="878"/>
                  <a:pt x="232" y="878"/>
                </a:cubicBezTo>
                <a:cubicBezTo>
                  <a:pt x="232" y="879"/>
                  <a:pt x="227" y="881"/>
                  <a:pt x="230" y="882"/>
                </a:cubicBezTo>
                <a:cubicBezTo>
                  <a:pt x="232" y="882"/>
                  <a:pt x="233" y="878"/>
                  <a:pt x="235" y="880"/>
                </a:cubicBezTo>
                <a:cubicBezTo>
                  <a:pt x="234" y="881"/>
                  <a:pt x="232" y="881"/>
                  <a:pt x="230" y="882"/>
                </a:cubicBezTo>
                <a:cubicBezTo>
                  <a:pt x="227" y="884"/>
                  <a:pt x="231" y="884"/>
                  <a:pt x="232" y="885"/>
                </a:cubicBezTo>
                <a:cubicBezTo>
                  <a:pt x="234" y="885"/>
                  <a:pt x="236" y="885"/>
                  <a:pt x="238" y="883"/>
                </a:cubicBezTo>
                <a:cubicBezTo>
                  <a:pt x="239" y="882"/>
                  <a:pt x="239" y="882"/>
                  <a:pt x="240" y="882"/>
                </a:cubicBezTo>
                <a:cubicBezTo>
                  <a:pt x="241" y="883"/>
                  <a:pt x="241" y="884"/>
                  <a:pt x="242" y="884"/>
                </a:cubicBezTo>
                <a:cubicBezTo>
                  <a:pt x="244" y="885"/>
                  <a:pt x="246" y="882"/>
                  <a:pt x="248" y="882"/>
                </a:cubicBezTo>
                <a:cubicBezTo>
                  <a:pt x="249" y="882"/>
                  <a:pt x="249" y="882"/>
                  <a:pt x="250" y="883"/>
                </a:cubicBezTo>
                <a:cubicBezTo>
                  <a:pt x="252" y="883"/>
                  <a:pt x="252" y="882"/>
                  <a:pt x="254" y="882"/>
                </a:cubicBezTo>
                <a:cubicBezTo>
                  <a:pt x="257" y="880"/>
                  <a:pt x="262" y="880"/>
                  <a:pt x="266" y="878"/>
                </a:cubicBezTo>
                <a:cubicBezTo>
                  <a:pt x="267" y="877"/>
                  <a:pt x="268" y="876"/>
                  <a:pt x="270" y="875"/>
                </a:cubicBezTo>
                <a:cubicBezTo>
                  <a:pt x="272" y="874"/>
                  <a:pt x="273" y="872"/>
                  <a:pt x="271" y="870"/>
                </a:cubicBezTo>
                <a:cubicBezTo>
                  <a:pt x="272" y="869"/>
                  <a:pt x="274" y="869"/>
                  <a:pt x="275" y="870"/>
                </a:cubicBezTo>
                <a:cubicBezTo>
                  <a:pt x="274" y="871"/>
                  <a:pt x="273" y="871"/>
                  <a:pt x="274" y="872"/>
                </a:cubicBezTo>
                <a:cubicBezTo>
                  <a:pt x="275" y="873"/>
                  <a:pt x="277" y="873"/>
                  <a:pt x="277" y="872"/>
                </a:cubicBezTo>
                <a:cubicBezTo>
                  <a:pt x="279" y="872"/>
                  <a:pt x="280" y="870"/>
                  <a:pt x="281" y="869"/>
                </a:cubicBezTo>
                <a:cubicBezTo>
                  <a:pt x="282" y="869"/>
                  <a:pt x="283" y="868"/>
                  <a:pt x="284" y="868"/>
                </a:cubicBezTo>
                <a:cubicBezTo>
                  <a:pt x="284" y="867"/>
                  <a:pt x="285" y="866"/>
                  <a:pt x="285" y="866"/>
                </a:cubicBezTo>
                <a:cubicBezTo>
                  <a:pt x="286" y="865"/>
                  <a:pt x="287" y="865"/>
                  <a:pt x="288" y="864"/>
                </a:cubicBezTo>
                <a:cubicBezTo>
                  <a:pt x="289" y="864"/>
                  <a:pt x="290" y="865"/>
                  <a:pt x="291" y="864"/>
                </a:cubicBezTo>
                <a:cubicBezTo>
                  <a:pt x="292" y="863"/>
                  <a:pt x="291" y="862"/>
                  <a:pt x="293" y="861"/>
                </a:cubicBezTo>
                <a:cubicBezTo>
                  <a:pt x="294" y="861"/>
                  <a:pt x="295" y="861"/>
                  <a:pt x="296" y="860"/>
                </a:cubicBezTo>
                <a:cubicBezTo>
                  <a:pt x="298" y="859"/>
                  <a:pt x="300" y="859"/>
                  <a:pt x="302" y="859"/>
                </a:cubicBezTo>
                <a:cubicBezTo>
                  <a:pt x="304" y="860"/>
                  <a:pt x="306" y="857"/>
                  <a:pt x="308" y="858"/>
                </a:cubicBezTo>
                <a:cubicBezTo>
                  <a:pt x="309" y="859"/>
                  <a:pt x="309" y="860"/>
                  <a:pt x="310" y="859"/>
                </a:cubicBezTo>
                <a:cubicBezTo>
                  <a:pt x="311" y="858"/>
                  <a:pt x="311" y="857"/>
                  <a:pt x="312" y="857"/>
                </a:cubicBezTo>
                <a:cubicBezTo>
                  <a:pt x="313" y="855"/>
                  <a:pt x="314" y="855"/>
                  <a:pt x="316" y="856"/>
                </a:cubicBezTo>
                <a:cubicBezTo>
                  <a:pt x="318" y="857"/>
                  <a:pt x="318" y="854"/>
                  <a:pt x="320" y="853"/>
                </a:cubicBezTo>
                <a:cubicBezTo>
                  <a:pt x="321" y="852"/>
                  <a:pt x="322" y="852"/>
                  <a:pt x="323" y="852"/>
                </a:cubicBezTo>
                <a:cubicBezTo>
                  <a:pt x="324" y="853"/>
                  <a:pt x="324" y="854"/>
                  <a:pt x="324" y="855"/>
                </a:cubicBezTo>
                <a:cubicBezTo>
                  <a:pt x="325" y="856"/>
                  <a:pt x="326" y="856"/>
                  <a:pt x="327" y="856"/>
                </a:cubicBezTo>
                <a:cubicBezTo>
                  <a:pt x="328" y="855"/>
                  <a:pt x="328" y="855"/>
                  <a:pt x="330" y="856"/>
                </a:cubicBezTo>
                <a:cubicBezTo>
                  <a:pt x="333" y="857"/>
                  <a:pt x="331" y="854"/>
                  <a:pt x="330" y="853"/>
                </a:cubicBezTo>
                <a:cubicBezTo>
                  <a:pt x="329" y="851"/>
                  <a:pt x="330" y="850"/>
                  <a:pt x="332" y="848"/>
                </a:cubicBezTo>
                <a:cubicBezTo>
                  <a:pt x="334" y="847"/>
                  <a:pt x="334" y="845"/>
                  <a:pt x="334" y="843"/>
                </a:cubicBezTo>
                <a:cubicBezTo>
                  <a:pt x="334" y="840"/>
                  <a:pt x="337" y="839"/>
                  <a:pt x="337" y="837"/>
                </a:cubicBezTo>
                <a:cubicBezTo>
                  <a:pt x="338" y="835"/>
                  <a:pt x="338" y="833"/>
                  <a:pt x="339" y="831"/>
                </a:cubicBezTo>
                <a:cubicBezTo>
                  <a:pt x="340" y="829"/>
                  <a:pt x="341" y="828"/>
                  <a:pt x="342" y="826"/>
                </a:cubicBezTo>
                <a:cubicBezTo>
                  <a:pt x="342" y="825"/>
                  <a:pt x="342" y="823"/>
                  <a:pt x="342" y="821"/>
                </a:cubicBezTo>
                <a:cubicBezTo>
                  <a:pt x="342" y="820"/>
                  <a:pt x="341" y="819"/>
                  <a:pt x="340" y="818"/>
                </a:cubicBezTo>
                <a:cubicBezTo>
                  <a:pt x="340" y="817"/>
                  <a:pt x="340" y="815"/>
                  <a:pt x="340" y="814"/>
                </a:cubicBezTo>
                <a:cubicBezTo>
                  <a:pt x="339" y="813"/>
                  <a:pt x="338" y="812"/>
                  <a:pt x="338" y="811"/>
                </a:cubicBezTo>
                <a:cubicBezTo>
                  <a:pt x="338" y="809"/>
                  <a:pt x="339" y="810"/>
                  <a:pt x="340" y="810"/>
                </a:cubicBezTo>
                <a:cubicBezTo>
                  <a:pt x="341" y="809"/>
                  <a:pt x="341" y="806"/>
                  <a:pt x="341" y="804"/>
                </a:cubicBezTo>
                <a:cubicBezTo>
                  <a:pt x="341" y="802"/>
                  <a:pt x="340" y="801"/>
                  <a:pt x="338" y="799"/>
                </a:cubicBezTo>
                <a:cubicBezTo>
                  <a:pt x="338" y="798"/>
                  <a:pt x="338" y="797"/>
                  <a:pt x="337" y="796"/>
                </a:cubicBezTo>
                <a:cubicBezTo>
                  <a:pt x="336" y="795"/>
                  <a:pt x="335" y="794"/>
                  <a:pt x="334" y="791"/>
                </a:cubicBezTo>
                <a:cubicBezTo>
                  <a:pt x="334" y="791"/>
                  <a:pt x="334" y="790"/>
                  <a:pt x="334" y="789"/>
                </a:cubicBezTo>
                <a:cubicBezTo>
                  <a:pt x="333" y="788"/>
                  <a:pt x="332" y="788"/>
                  <a:pt x="332" y="787"/>
                </a:cubicBezTo>
                <a:cubicBezTo>
                  <a:pt x="331" y="784"/>
                  <a:pt x="333" y="783"/>
                  <a:pt x="335" y="783"/>
                </a:cubicBezTo>
                <a:cubicBezTo>
                  <a:pt x="338" y="784"/>
                  <a:pt x="339" y="784"/>
                  <a:pt x="340" y="781"/>
                </a:cubicBezTo>
                <a:cubicBezTo>
                  <a:pt x="342" y="779"/>
                  <a:pt x="343" y="778"/>
                  <a:pt x="345" y="776"/>
                </a:cubicBezTo>
                <a:cubicBezTo>
                  <a:pt x="347" y="775"/>
                  <a:pt x="349" y="774"/>
                  <a:pt x="351" y="773"/>
                </a:cubicBezTo>
                <a:cubicBezTo>
                  <a:pt x="352" y="773"/>
                  <a:pt x="354" y="772"/>
                  <a:pt x="355" y="771"/>
                </a:cubicBezTo>
                <a:cubicBezTo>
                  <a:pt x="356" y="770"/>
                  <a:pt x="356" y="770"/>
                  <a:pt x="355" y="769"/>
                </a:cubicBezTo>
                <a:cubicBezTo>
                  <a:pt x="354" y="768"/>
                  <a:pt x="354" y="769"/>
                  <a:pt x="353" y="769"/>
                </a:cubicBezTo>
                <a:cubicBezTo>
                  <a:pt x="352" y="769"/>
                  <a:pt x="351" y="768"/>
                  <a:pt x="352" y="767"/>
                </a:cubicBezTo>
                <a:cubicBezTo>
                  <a:pt x="352" y="766"/>
                  <a:pt x="353" y="766"/>
                  <a:pt x="353" y="765"/>
                </a:cubicBezTo>
                <a:cubicBezTo>
                  <a:pt x="354" y="764"/>
                  <a:pt x="351" y="761"/>
                  <a:pt x="353" y="760"/>
                </a:cubicBezTo>
                <a:cubicBezTo>
                  <a:pt x="354" y="760"/>
                  <a:pt x="354" y="762"/>
                  <a:pt x="354" y="763"/>
                </a:cubicBezTo>
                <a:cubicBezTo>
                  <a:pt x="354" y="763"/>
                  <a:pt x="354" y="764"/>
                  <a:pt x="355" y="764"/>
                </a:cubicBezTo>
                <a:cubicBezTo>
                  <a:pt x="355" y="765"/>
                  <a:pt x="355" y="765"/>
                  <a:pt x="356" y="765"/>
                </a:cubicBezTo>
                <a:cubicBezTo>
                  <a:pt x="356" y="766"/>
                  <a:pt x="355" y="768"/>
                  <a:pt x="356" y="769"/>
                </a:cubicBezTo>
                <a:cubicBezTo>
                  <a:pt x="357" y="769"/>
                  <a:pt x="358" y="768"/>
                  <a:pt x="358" y="767"/>
                </a:cubicBezTo>
                <a:cubicBezTo>
                  <a:pt x="358" y="766"/>
                  <a:pt x="358" y="765"/>
                  <a:pt x="358" y="764"/>
                </a:cubicBezTo>
                <a:cubicBezTo>
                  <a:pt x="358" y="763"/>
                  <a:pt x="358" y="762"/>
                  <a:pt x="358" y="761"/>
                </a:cubicBezTo>
                <a:cubicBezTo>
                  <a:pt x="357" y="760"/>
                  <a:pt x="357" y="759"/>
                  <a:pt x="357" y="758"/>
                </a:cubicBezTo>
                <a:cubicBezTo>
                  <a:pt x="356" y="757"/>
                  <a:pt x="357" y="756"/>
                  <a:pt x="357" y="755"/>
                </a:cubicBezTo>
                <a:cubicBezTo>
                  <a:pt x="355" y="752"/>
                  <a:pt x="354" y="754"/>
                  <a:pt x="352" y="755"/>
                </a:cubicBezTo>
                <a:cubicBezTo>
                  <a:pt x="352" y="756"/>
                  <a:pt x="348" y="757"/>
                  <a:pt x="347" y="757"/>
                </a:cubicBezTo>
                <a:cubicBezTo>
                  <a:pt x="346" y="756"/>
                  <a:pt x="347" y="754"/>
                  <a:pt x="347" y="754"/>
                </a:cubicBezTo>
                <a:cubicBezTo>
                  <a:pt x="348" y="753"/>
                  <a:pt x="349" y="753"/>
                  <a:pt x="350" y="753"/>
                </a:cubicBezTo>
                <a:cubicBezTo>
                  <a:pt x="350" y="752"/>
                  <a:pt x="351" y="751"/>
                  <a:pt x="351" y="751"/>
                </a:cubicBezTo>
                <a:cubicBezTo>
                  <a:pt x="353" y="750"/>
                  <a:pt x="353" y="751"/>
                  <a:pt x="353" y="749"/>
                </a:cubicBezTo>
                <a:cubicBezTo>
                  <a:pt x="353" y="749"/>
                  <a:pt x="353" y="748"/>
                  <a:pt x="353" y="748"/>
                </a:cubicBezTo>
                <a:cubicBezTo>
                  <a:pt x="352" y="747"/>
                  <a:pt x="352" y="748"/>
                  <a:pt x="352" y="748"/>
                </a:cubicBezTo>
                <a:cubicBezTo>
                  <a:pt x="351" y="749"/>
                  <a:pt x="350" y="747"/>
                  <a:pt x="350" y="747"/>
                </a:cubicBezTo>
                <a:cubicBezTo>
                  <a:pt x="349" y="746"/>
                  <a:pt x="348" y="745"/>
                  <a:pt x="347" y="744"/>
                </a:cubicBezTo>
                <a:cubicBezTo>
                  <a:pt x="346" y="742"/>
                  <a:pt x="346" y="741"/>
                  <a:pt x="344" y="740"/>
                </a:cubicBezTo>
                <a:cubicBezTo>
                  <a:pt x="343" y="739"/>
                  <a:pt x="343" y="739"/>
                  <a:pt x="342" y="738"/>
                </a:cubicBezTo>
                <a:cubicBezTo>
                  <a:pt x="342" y="737"/>
                  <a:pt x="342" y="736"/>
                  <a:pt x="341" y="735"/>
                </a:cubicBezTo>
                <a:cubicBezTo>
                  <a:pt x="341" y="734"/>
                  <a:pt x="340" y="733"/>
                  <a:pt x="339" y="733"/>
                </a:cubicBezTo>
                <a:cubicBezTo>
                  <a:pt x="338" y="732"/>
                  <a:pt x="337" y="732"/>
                  <a:pt x="336" y="731"/>
                </a:cubicBezTo>
                <a:cubicBezTo>
                  <a:pt x="334" y="731"/>
                  <a:pt x="332" y="731"/>
                  <a:pt x="331" y="731"/>
                </a:cubicBezTo>
                <a:cubicBezTo>
                  <a:pt x="329" y="731"/>
                  <a:pt x="327" y="730"/>
                  <a:pt x="325" y="732"/>
                </a:cubicBezTo>
                <a:cubicBezTo>
                  <a:pt x="324" y="732"/>
                  <a:pt x="323" y="733"/>
                  <a:pt x="322" y="732"/>
                </a:cubicBezTo>
                <a:cubicBezTo>
                  <a:pt x="321" y="731"/>
                  <a:pt x="321" y="730"/>
                  <a:pt x="319" y="732"/>
                </a:cubicBezTo>
                <a:cubicBezTo>
                  <a:pt x="319" y="732"/>
                  <a:pt x="319" y="734"/>
                  <a:pt x="318" y="734"/>
                </a:cubicBezTo>
                <a:cubicBezTo>
                  <a:pt x="317" y="735"/>
                  <a:pt x="316" y="734"/>
                  <a:pt x="315" y="735"/>
                </a:cubicBezTo>
                <a:cubicBezTo>
                  <a:pt x="313" y="736"/>
                  <a:pt x="312" y="738"/>
                  <a:pt x="310" y="738"/>
                </a:cubicBezTo>
                <a:cubicBezTo>
                  <a:pt x="308" y="739"/>
                  <a:pt x="307" y="739"/>
                  <a:pt x="308" y="737"/>
                </a:cubicBezTo>
                <a:cubicBezTo>
                  <a:pt x="309" y="737"/>
                  <a:pt x="310" y="736"/>
                  <a:pt x="310" y="735"/>
                </a:cubicBezTo>
                <a:cubicBezTo>
                  <a:pt x="311" y="734"/>
                  <a:pt x="311" y="734"/>
                  <a:pt x="313" y="734"/>
                </a:cubicBezTo>
                <a:cubicBezTo>
                  <a:pt x="314" y="733"/>
                  <a:pt x="315" y="733"/>
                  <a:pt x="315" y="732"/>
                </a:cubicBezTo>
                <a:cubicBezTo>
                  <a:pt x="316" y="731"/>
                  <a:pt x="312" y="730"/>
                  <a:pt x="312" y="729"/>
                </a:cubicBezTo>
                <a:cubicBezTo>
                  <a:pt x="311" y="728"/>
                  <a:pt x="310" y="727"/>
                  <a:pt x="309" y="727"/>
                </a:cubicBezTo>
                <a:cubicBezTo>
                  <a:pt x="308" y="727"/>
                  <a:pt x="306" y="727"/>
                  <a:pt x="306" y="726"/>
                </a:cubicBezTo>
                <a:cubicBezTo>
                  <a:pt x="305" y="726"/>
                  <a:pt x="305" y="725"/>
                  <a:pt x="304" y="724"/>
                </a:cubicBezTo>
                <a:cubicBezTo>
                  <a:pt x="303" y="724"/>
                  <a:pt x="302" y="725"/>
                  <a:pt x="302" y="726"/>
                </a:cubicBezTo>
                <a:cubicBezTo>
                  <a:pt x="302" y="727"/>
                  <a:pt x="306" y="728"/>
                  <a:pt x="303" y="729"/>
                </a:cubicBezTo>
                <a:cubicBezTo>
                  <a:pt x="302" y="730"/>
                  <a:pt x="298" y="727"/>
                  <a:pt x="299" y="730"/>
                </a:cubicBezTo>
                <a:cubicBezTo>
                  <a:pt x="299" y="730"/>
                  <a:pt x="299" y="730"/>
                  <a:pt x="299" y="731"/>
                </a:cubicBezTo>
                <a:cubicBezTo>
                  <a:pt x="300" y="731"/>
                  <a:pt x="299" y="732"/>
                  <a:pt x="299" y="732"/>
                </a:cubicBezTo>
                <a:cubicBezTo>
                  <a:pt x="299" y="734"/>
                  <a:pt x="299" y="734"/>
                  <a:pt x="300" y="735"/>
                </a:cubicBezTo>
                <a:cubicBezTo>
                  <a:pt x="300" y="737"/>
                  <a:pt x="299" y="740"/>
                  <a:pt x="297" y="739"/>
                </a:cubicBezTo>
                <a:cubicBezTo>
                  <a:pt x="296" y="739"/>
                  <a:pt x="296" y="737"/>
                  <a:pt x="296" y="736"/>
                </a:cubicBezTo>
                <a:cubicBezTo>
                  <a:pt x="296" y="735"/>
                  <a:pt x="297" y="735"/>
                  <a:pt x="298" y="733"/>
                </a:cubicBezTo>
                <a:cubicBezTo>
                  <a:pt x="298" y="732"/>
                  <a:pt x="298" y="732"/>
                  <a:pt x="297" y="731"/>
                </a:cubicBezTo>
                <a:cubicBezTo>
                  <a:pt x="295" y="731"/>
                  <a:pt x="295" y="731"/>
                  <a:pt x="294" y="730"/>
                </a:cubicBezTo>
                <a:cubicBezTo>
                  <a:pt x="294" y="729"/>
                  <a:pt x="294" y="728"/>
                  <a:pt x="292" y="729"/>
                </a:cubicBezTo>
                <a:cubicBezTo>
                  <a:pt x="291" y="729"/>
                  <a:pt x="291" y="731"/>
                  <a:pt x="292" y="732"/>
                </a:cubicBezTo>
                <a:cubicBezTo>
                  <a:pt x="292" y="733"/>
                  <a:pt x="293" y="733"/>
                  <a:pt x="293" y="733"/>
                </a:cubicBezTo>
                <a:cubicBezTo>
                  <a:pt x="294" y="734"/>
                  <a:pt x="292" y="736"/>
                  <a:pt x="291" y="735"/>
                </a:cubicBezTo>
                <a:cubicBezTo>
                  <a:pt x="291" y="735"/>
                  <a:pt x="291" y="734"/>
                  <a:pt x="291" y="734"/>
                </a:cubicBezTo>
                <a:cubicBezTo>
                  <a:pt x="291" y="734"/>
                  <a:pt x="290" y="733"/>
                  <a:pt x="290" y="733"/>
                </a:cubicBezTo>
                <a:cubicBezTo>
                  <a:pt x="290" y="732"/>
                  <a:pt x="290" y="731"/>
                  <a:pt x="289" y="731"/>
                </a:cubicBezTo>
                <a:cubicBezTo>
                  <a:pt x="288" y="732"/>
                  <a:pt x="287" y="734"/>
                  <a:pt x="285" y="734"/>
                </a:cubicBezTo>
                <a:cubicBezTo>
                  <a:pt x="285" y="732"/>
                  <a:pt x="286" y="732"/>
                  <a:pt x="284" y="732"/>
                </a:cubicBezTo>
                <a:cubicBezTo>
                  <a:pt x="283" y="732"/>
                  <a:pt x="282" y="732"/>
                  <a:pt x="281" y="733"/>
                </a:cubicBezTo>
                <a:cubicBezTo>
                  <a:pt x="279" y="734"/>
                  <a:pt x="278" y="735"/>
                  <a:pt x="276" y="735"/>
                </a:cubicBezTo>
                <a:cubicBezTo>
                  <a:pt x="274" y="736"/>
                  <a:pt x="273" y="737"/>
                  <a:pt x="272" y="738"/>
                </a:cubicBezTo>
                <a:cubicBezTo>
                  <a:pt x="272" y="739"/>
                  <a:pt x="272" y="740"/>
                  <a:pt x="271" y="741"/>
                </a:cubicBezTo>
                <a:cubicBezTo>
                  <a:pt x="271" y="742"/>
                  <a:pt x="270" y="742"/>
                  <a:pt x="269" y="743"/>
                </a:cubicBezTo>
                <a:cubicBezTo>
                  <a:pt x="266" y="744"/>
                  <a:pt x="268" y="745"/>
                  <a:pt x="269" y="747"/>
                </a:cubicBezTo>
                <a:cubicBezTo>
                  <a:pt x="270" y="748"/>
                  <a:pt x="270" y="749"/>
                  <a:pt x="269" y="749"/>
                </a:cubicBezTo>
                <a:cubicBezTo>
                  <a:pt x="268" y="750"/>
                  <a:pt x="267" y="749"/>
                  <a:pt x="266" y="749"/>
                </a:cubicBezTo>
                <a:cubicBezTo>
                  <a:pt x="265" y="749"/>
                  <a:pt x="265" y="750"/>
                  <a:pt x="263" y="750"/>
                </a:cubicBezTo>
                <a:cubicBezTo>
                  <a:pt x="262" y="751"/>
                  <a:pt x="261" y="751"/>
                  <a:pt x="261" y="751"/>
                </a:cubicBezTo>
                <a:cubicBezTo>
                  <a:pt x="260" y="752"/>
                  <a:pt x="259" y="754"/>
                  <a:pt x="260" y="754"/>
                </a:cubicBezTo>
                <a:cubicBezTo>
                  <a:pt x="261" y="755"/>
                  <a:pt x="263" y="754"/>
                  <a:pt x="264" y="754"/>
                </a:cubicBezTo>
                <a:cubicBezTo>
                  <a:pt x="265" y="754"/>
                  <a:pt x="266" y="754"/>
                  <a:pt x="267" y="755"/>
                </a:cubicBezTo>
                <a:cubicBezTo>
                  <a:pt x="267" y="756"/>
                  <a:pt x="268" y="756"/>
                  <a:pt x="269" y="757"/>
                </a:cubicBezTo>
                <a:cubicBezTo>
                  <a:pt x="271" y="758"/>
                  <a:pt x="273" y="756"/>
                  <a:pt x="275" y="756"/>
                </a:cubicBezTo>
                <a:cubicBezTo>
                  <a:pt x="276" y="756"/>
                  <a:pt x="277" y="756"/>
                  <a:pt x="278" y="757"/>
                </a:cubicBezTo>
                <a:cubicBezTo>
                  <a:pt x="278" y="758"/>
                  <a:pt x="277" y="759"/>
                  <a:pt x="277" y="760"/>
                </a:cubicBezTo>
                <a:cubicBezTo>
                  <a:pt x="275" y="761"/>
                  <a:pt x="273" y="761"/>
                  <a:pt x="273" y="763"/>
                </a:cubicBezTo>
                <a:cubicBezTo>
                  <a:pt x="272" y="764"/>
                  <a:pt x="272" y="765"/>
                  <a:pt x="271" y="766"/>
                </a:cubicBezTo>
                <a:cubicBezTo>
                  <a:pt x="270" y="766"/>
                  <a:pt x="269" y="767"/>
                  <a:pt x="269" y="767"/>
                </a:cubicBezTo>
                <a:cubicBezTo>
                  <a:pt x="267" y="770"/>
                  <a:pt x="272" y="770"/>
                  <a:pt x="271" y="772"/>
                </a:cubicBezTo>
                <a:cubicBezTo>
                  <a:pt x="270" y="772"/>
                  <a:pt x="269" y="772"/>
                  <a:pt x="269" y="772"/>
                </a:cubicBezTo>
                <a:cubicBezTo>
                  <a:pt x="269" y="773"/>
                  <a:pt x="269" y="774"/>
                  <a:pt x="269" y="775"/>
                </a:cubicBezTo>
                <a:cubicBezTo>
                  <a:pt x="267" y="776"/>
                  <a:pt x="267" y="774"/>
                  <a:pt x="267" y="773"/>
                </a:cubicBezTo>
                <a:cubicBezTo>
                  <a:pt x="266" y="772"/>
                  <a:pt x="265" y="772"/>
                  <a:pt x="263" y="772"/>
                </a:cubicBezTo>
                <a:cubicBezTo>
                  <a:pt x="262" y="771"/>
                  <a:pt x="261" y="770"/>
                  <a:pt x="260" y="770"/>
                </a:cubicBezTo>
                <a:cubicBezTo>
                  <a:pt x="258" y="770"/>
                  <a:pt x="257" y="771"/>
                  <a:pt x="256" y="771"/>
                </a:cubicBezTo>
                <a:cubicBezTo>
                  <a:pt x="255" y="771"/>
                  <a:pt x="253" y="770"/>
                  <a:pt x="253" y="771"/>
                </a:cubicBezTo>
                <a:cubicBezTo>
                  <a:pt x="251" y="771"/>
                  <a:pt x="252" y="772"/>
                  <a:pt x="251" y="773"/>
                </a:cubicBezTo>
                <a:cubicBezTo>
                  <a:pt x="251" y="773"/>
                  <a:pt x="250" y="774"/>
                  <a:pt x="249" y="774"/>
                </a:cubicBezTo>
                <a:cubicBezTo>
                  <a:pt x="248" y="774"/>
                  <a:pt x="248" y="773"/>
                  <a:pt x="247" y="772"/>
                </a:cubicBezTo>
                <a:cubicBezTo>
                  <a:pt x="246" y="771"/>
                  <a:pt x="246" y="771"/>
                  <a:pt x="244" y="771"/>
                </a:cubicBezTo>
                <a:cubicBezTo>
                  <a:pt x="243" y="771"/>
                  <a:pt x="244" y="770"/>
                  <a:pt x="243" y="769"/>
                </a:cubicBezTo>
                <a:cubicBezTo>
                  <a:pt x="242" y="768"/>
                  <a:pt x="241" y="769"/>
                  <a:pt x="240" y="769"/>
                </a:cubicBezTo>
                <a:cubicBezTo>
                  <a:pt x="239" y="770"/>
                  <a:pt x="239" y="770"/>
                  <a:pt x="238" y="769"/>
                </a:cubicBezTo>
                <a:cubicBezTo>
                  <a:pt x="236" y="769"/>
                  <a:pt x="236" y="769"/>
                  <a:pt x="235" y="769"/>
                </a:cubicBezTo>
                <a:cubicBezTo>
                  <a:pt x="234" y="769"/>
                  <a:pt x="232" y="769"/>
                  <a:pt x="231" y="769"/>
                </a:cubicBezTo>
                <a:cubicBezTo>
                  <a:pt x="231" y="769"/>
                  <a:pt x="230" y="767"/>
                  <a:pt x="229" y="768"/>
                </a:cubicBezTo>
                <a:cubicBezTo>
                  <a:pt x="228" y="769"/>
                  <a:pt x="229" y="770"/>
                  <a:pt x="228" y="771"/>
                </a:cubicBezTo>
                <a:cubicBezTo>
                  <a:pt x="228" y="772"/>
                  <a:pt x="227" y="773"/>
                  <a:pt x="226" y="772"/>
                </a:cubicBezTo>
                <a:cubicBezTo>
                  <a:pt x="225" y="772"/>
                  <a:pt x="226" y="770"/>
                  <a:pt x="225" y="770"/>
                </a:cubicBezTo>
                <a:cubicBezTo>
                  <a:pt x="223" y="769"/>
                  <a:pt x="219" y="771"/>
                  <a:pt x="221" y="772"/>
                </a:cubicBezTo>
                <a:cubicBezTo>
                  <a:pt x="222" y="773"/>
                  <a:pt x="223" y="773"/>
                  <a:pt x="223" y="773"/>
                </a:cubicBezTo>
                <a:cubicBezTo>
                  <a:pt x="224" y="774"/>
                  <a:pt x="224" y="774"/>
                  <a:pt x="225" y="775"/>
                </a:cubicBezTo>
                <a:cubicBezTo>
                  <a:pt x="227" y="776"/>
                  <a:pt x="226" y="776"/>
                  <a:pt x="227" y="777"/>
                </a:cubicBezTo>
                <a:cubicBezTo>
                  <a:pt x="227" y="778"/>
                  <a:pt x="229" y="778"/>
                  <a:pt x="229" y="779"/>
                </a:cubicBezTo>
                <a:cubicBezTo>
                  <a:pt x="229" y="780"/>
                  <a:pt x="227" y="779"/>
                  <a:pt x="227" y="780"/>
                </a:cubicBezTo>
                <a:cubicBezTo>
                  <a:pt x="226" y="781"/>
                  <a:pt x="227" y="782"/>
                  <a:pt x="227" y="782"/>
                </a:cubicBezTo>
                <a:cubicBezTo>
                  <a:pt x="228" y="783"/>
                  <a:pt x="227" y="784"/>
                  <a:pt x="226" y="784"/>
                </a:cubicBezTo>
                <a:cubicBezTo>
                  <a:pt x="225" y="784"/>
                  <a:pt x="225" y="783"/>
                  <a:pt x="225" y="782"/>
                </a:cubicBezTo>
                <a:cubicBezTo>
                  <a:pt x="223" y="780"/>
                  <a:pt x="221" y="781"/>
                  <a:pt x="219" y="781"/>
                </a:cubicBezTo>
                <a:cubicBezTo>
                  <a:pt x="218" y="781"/>
                  <a:pt x="217" y="781"/>
                  <a:pt x="216" y="782"/>
                </a:cubicBezTo>
                <a:cubicBezTo>
                  <a:pt x="216" y="783"/>
                  <a:pt x="216" y="784"/>
                  <a:pt x="217" y="784"/>
                </a:cubicBezTo>
                <a:cubicBezTo>
                  <a:pt x="218" y="784"/>
                  <a:pt x="219" y="784"/>
                  <a:pt x="220" y="784"/>
                </a:cubicBezTo>
                <a:cubicBezTo>
                  <a:pt x="222" y="784"/>
                  <a:pt x="221" y="784"/>
                  <a:pt x="222" y="785"/>
                </a:cubicBezTo>
                <a:cubicBezTo>
                  <a:pt x="223" y="786"/>
                  <a:pt x="224" y="786"/>
                  <a:pt x="225" y="786"/>
                </a:cubicBezTo>
                <a:cubicBezTo>
                  <a:pt x="226" y="786"/>
                  <a:pt x="227" y="787"/>
                  <a:pt x="228" y="787"/>
                </a:cubicBezTo>
                <a:cubicBezTo>
                  <a:pt x="230" y="788"/>
                  <a:pt x="232" y="786"/>
                  <a:pt x="234" y="787"/>
                </a:cubicBezTo>
                <a:cubicBezTo>
                  <a:pt x="236" y="788"/>
                  <a:pt x="234" y="789"/>
                  <a:pt x="233" y="790"/>
                </a:cubicBezTo>
                <a:cubicBezTo>
                  <a:pt x="232" y="790"/>
                  <a:pt x="232" y="791"/>
                  <a:pt x="231" y="791"/>
                </a:cubicBezTo>
                <a:cubicBezTo>
                  <a:pt x="230" y="791"/>
                  <a:pt x="229" y="791"/>
                  <a:pt x="228" y="792"/>
                </a:cubicBezTo>
                <a:cubicBezTo>
                  <a:pt x="227" y="792"/>
                  <a:pt x="227" y="794"/>
                  <a:pt x="228" y="795"/>
                </a:cubicBezTo>
                <a:cubicBezTo>
                  <a:pt x="229" y="795"/>
                  <a:pt x="230" y="795"/>
                  <a:pt x="231" y="796"/>
                </a:cubicBezTo>
                <a:cubicBezTo>
                  <a:pt x="232" y="798"/>
                  <a:pt x="227" y="798"/>
                  <a:pt x="227" y="798"/>
                </a:cubicBezTo>
                <a:cubicBezTo>
                  <a:pt x="226" y="799"/>
                  <a:pt x="225" y="800"/>
                  <a:pt x="224" y="800"/>
                </a:cubicBezTo>
                <a:cubicBezTo>
                  <a:pt x="223" y="800"/>
                  <a:pt x="223" y="799"/>
                  <a:pt x="222" y="800"/>
                </a:cubicBezTo>
                <a:cubicBezTo>
                  <a:pt x="221" y="800"/>
                  <a:pt x="221" y="801"/>
                  <a:pt x="220" y="801"/>
                </a:cubicBezTo>
                <a:cubicBezTo>
                  <a:pt x="219" y="800"/>
                  <a:pt x="218" y="799"/>
                  <a:pt x="217" y="800"/>
                </a:cubicBezTo>
                <a:cubicBezTo>
                  <a:pt x="217" y="801"/>
                  <a:pt x="218" y="802"/>
                  <a:pt x="218" y="802"/>
                </a:cubicBezTo>
                <a:cubicBezTo>
                  <a:pt x="219" y="803"/>
                  <a:pt x="220" y="802"/>
                  <a:pt x="221" y="803"/>
                </a:cubicBezTo>
                <a:cubicBezTo>
                  <a:pt x="221" y="805"/>
                  <a:pt x="220" y="804"/>
                  <a:pt x="219" y="805"/>
                </a:cubicBezTo>
                <a:cubicBezTo>
                  <a:pt x="218" y="806"/>
                  <a:pt x="218" y="807"/>
                  <a:pt x="220" y="807"/>
                </a:cubicBezTo>
                <a:cubicBezTo>
                  <a:pt x="222" y="808"/>
                  <a:pt x="225" y="806"/>
                  <a:pt x="227" y="806"/>
                </a:cubicBezTo>
                <a:cubicBezTo>
                  <a:pt x="228" y="807"/>
                  <a:pt x="229" y="807"/>
                  <a:pt x="230" y="807"/>
                </a:cubicBezTo>
                <a:cubicBezTo>
                  <a:pt x="231" y="808"/>
                  <a:pt x="231" y="808"/>
                  <a:pt x="232" y="807"/>
                </a:cubicBezTo>
                <a:cubicBezTo>
                  <a:pt x="233" y="807"/>
                  <a:pt x="234" y="806"/>
                  <a:pt x="235" y="807"/>
                </a:cubicBezTo>
                <a:cubicBezTo>
                  <a:pt x="235" y="808"/>
                  <a:pt x="236" y="810"/>
                  <a:pt x="236" y="810"/>
                </a:cubicBezTo>
                <a:cubicBezTo>
                  <a:pt x="235" y="811"/>
                  <a:pt x="234" y="811"/>
                  <a:pt x="234" y="812"/>
                </a:cubicBezTo>
                <a:cubicBezTo>
                  <a:pt x="235" y="813"/>
                  <a:pt x="236" y="813"/>
                  <a:pt x="237" y="813"/>
                </a:cubicBezTo>
                <a:cubicBezTo>
                  <a:pt x="239" y="812"/>
                  <a:pt x="241" y="811"/>
                  <a:pt x="244" y="812"/>
                </a:cubicBezTo>
                <a:cubicBezTo>
                  <a:pt x="246" y="812"/>
                  <a:pt x="248" y="812"/>
                  <a:pt x="250" y="811"/>
                </a:cubicBezTo>
                <a:cubicBezTo>
                  <a:pt x="251" y="811"/>
                  <a:pt x="255" y="810"/>
                  <a:pt x="255" y="812"/>
                </a:cubicBezTo>
                <a:cubicBezTo>
                  <a:pt x="255" y="813"/>
                  <a:pt x="254" y="813"/>
                  <a:pt x="253" y="814"/>
                </a:cubicBezTo>
                <a:cubicBezTo>
                  <a:pt x="252" y="815"/>
                  <a:pt x="252" y="816"/>
                  <a:pt x="251" y="816"/>
                </a:cubicBezTo>
                <a:cubicBezTo>
                  <a:pt x="249" y="816"/>
                  <a:pt x="248" y="816"/>
                  <a:pt x="246" y="817"/>
                </a:cubicBezTo>
                <a:cubicBezTo>
                  <a:pt x="245" y="817"/>
                  <a:pt x="245" y="819"/>
                  <a:pt x="244" y="820"/>
                </a:cubicBezTo>
                <a:cubicBezTo>
                  <a:pt x="243" y="820"/>
                  <a:pt x="240" y="822"/>
                  <a:pt x="240" y="822"/>
                </a:cubicBezTo>
                <a:cubicBezTo>
                  <a:pt x="240" y="823"/>
                  <a:pt x="242" y="823"/>
                  <a:pt x="242" y="824"/>
                </a:cubicBezTo>
                <a:cubicBezTo>
                  <a:pt x="242" y="825"/>
                  <a:pt x="241" y="826"/>
                  <a:pt x="241" y="827"/>
                </a:cubicBezTo>
                <a:cubicBezTo>
                  <a:pt x="240" y="829"/>
                  <a:pt x="240" y="831"/>
                  <a:pt x="239" y="832"/>
                </a:cubicBezTo>
                <a:cubicBezTo>
                  <a:pt x="237" y="833"/>
                  <a:pt x="235" y="834"/>
                  <a:pt x="234" y="836"/>
                </a:cubicBezTo>
                <a:cubicBezTo>
                  <a:pt x="233" y="836"/>
                  <a:pt x="229" y="838"/>
                  <a:pt x="229" y="839"/>
                </a:cubicBezTo>
                <a:cubicBezTo>
                  <a:pt x="230" y="839"/>
                  <a:pt x="231" y="838"/>
                  <a:pt x="232" y="838"/>
                </a:cubicBezTo>
                <a:cubicBezTo>
                  <a:pt x="234" y="838"/>
                  <a:pt x="236" y="838"/>
                  <a:pt x="238" y="837"/>
                </a:cubicBezTo>
                <a:cubicBezTo>
                  <a:pt x="240" y="836"/>
                  <a:pt x="242" y="836"/>
                  <a:pt x="244" y="836"/>
                </a:cubicBezTo>
                <a:cubicBezTo>
                  <a:pt x="246" y="835"/>
                  <a:pt x="247" y="834"/>
                  <a:pt x="250" y="834"/>
                </a:cubicBezTo>
                <a:cubicBezTo>
                  <a:pt x="251" y="834"/>
                  <a:pt x="252" y="834"/>
                  <a:pt x="253" y="834"/>
                </a:cubicBezTo>
                <a:cubicBezTo>
                  <a:pt x="253" y="833"/>
                  <a:pt x="253" y="832"/>
                  <a:pt x="254" y="831"/>
                </a:cubicBezTo>
                <a:cubicBezTo>
                  <a:pt x="255" y="831"/>
                  <a:pt x="256" y="832"/>
                  <a:pt x="256" y="833"/>
                </a:cubicBezTo>
                <a:cubicBezTo>
                  <a:pt x="257" y="834"/>
                  <a:pt x="258" y="833"/>
                  <a:pt x="259" y="834"/>
                </a:cubicBezTo>
                <a:cubicBezTo>
                  <a:pt x="259" y="835"/>
                  <a:pt x="259" y="836"/>
                  <a:pt x="258" y="836"/>
                </a:cubicBezTo>
                <a:cubicBezTo>
                  <a:pt x="257" y="836"/>
                  <a:pt x="256" y="836"/>
                  <a:pt x="255" y="836"/>
                </a:cubicBezTo>
                <a:cubicBezTo>
                  <a:pt x="252" y="836"/>
                  <a:pt x="251" y="837"/>
                  <a:pt x="249" y="838"/>
                </a:cubicBezTo>
                <a:cubicBezTo>
                  <a:pt x="247" y="839"/>
                  <a:pt x="245" y="838"/>
                  <a:pt x="243" y="838"/>
                </a:cubicBezTo>
                <a:cubicBezTo>
                  <a:pt x="241" y="837"/>
                  <a:pt x="240" y="839"/>
                  <a:pt x="238" y="840"/>
                </a:cubicBezTo>
                <a:cubicBezTo>
                  <a:pt x="236" y="841"/>
                  <a:pt x="235" y="840"/>
                  <a:pt x="233" y="842"/>
                </a:cubicBezTo>
                <a:cubicBezTo>
                  <a:pt x="232" y="843"/>
                  <a:pt x="232" y="844"/>
                  <a:pt x="231" y="844"/>
                </a:cubicBezTo>
                <a:cubicBezTo>
                  <a:pt x="230" y="844"/>
                  <a:pt x="229" y="844"/>
                  <a:pt x="228" y="844"/>
                </a:cubicBezTo>
                <a:cubicBezTo>
                  <a:pt x="227" y="844"/>
                  <a:pt x="225" y="845"/>
                  <a:pt x="226" y="846"/>
                </a:cubicBezTo>
                <a:cubicBezTo>
                  <a:pt x="227" y="847"/>
                  <a:pt x="228" y="846"/>
                  <a:pt x="229" y="847"/>
                </a:cubicBezTo>
                <a:cubicBezTo>
                  <a:pt x="229" y="848"/>
                  <a:pt x="228" y="848"/>
                  <a:pt x="228" y="849"/>
                </a:cubicBezTo>
                <a:cubicBezTo>
                  <a:pt x="229" y="849"/>
                  <a:pt x="229" y="849"/>
                  <a:pt x="229" y="850"/>
                </a:cubicBezTo>
                <a:cubicBezTo>
                  <a:pt x="230" y="850"/>
                  <a:pt x="231" y="851"/>
                  <a:pt x="230" y="852"/>
                </a:cubicBezTo>
                <a:cubicBezTo>
                  <a:pt x="229" y="852"/>
                  <a:pt x="227" y="852"/>
                  <a:pt x="226" y="852"/>
                </a:cubicBezTo>
                <a:cubicBezTo>
                  <a:pt x="225" y="853"/>
                  <a:pt x="225" y="853"/>
                  <a:pt x="223" y="853"/>
                </a:cubicBezTo>
                <a:cubicBezTo>
                  <a:pt x="223" y="853"/>
                  <a:pt x="222" y="854"/>
                  <a:pt x="222" y="853"/>
                </a:cubicBezTo>
                <a:cubicBezTo>
                  <a:pt x="222" y="853"/>
                  <a:pt x="222" y="852"/>
                  <a:pt x="222" y="852"/>
                </a:cubicBezTo>
                <a:cubicBezTo>
                  <a:pt x="222" y="851"/>
                  <a:pt x="222" y="850"/>
                  <a:pt x="221" y="850"/>
                </a:cubicBezTo>
                <a:cubicBezTo>
                  <a:pt x="219" y="851"/>
                  <a:pt x="217" y="853"/>
                  <a:pt x="216" y="853"/>
                </a:cubicBezTo>
                <a:cubicBezTo>
                  <a:pt x="215" y="854"/>
                  <a:pt x="211" y="855"/>
                  <a:pt x="213" y="857"/>
                </a:cubicBezTo>
                <a:cubicBezTo>
                  <a:pt x="214" y="858"/>
                  <a:pt x="218" y="857"/>
                  <a:pt x="219" y="856"/>
                </a:cubicBezTo>
                <a:close/>
                <a:moveTo>
                  <a:pt x="306" y="643"/>
                </a:moveTo>
                <a:cubicBezTo>
                  <a:pt x="306" y="641"/>
                  <a:pt x="298" y="638"/>
                  <a:pt x="299" y="642"/>
                </a:cubicBezTo>
                <a:cubicBezTo>
                  <a:pt x="300" y="643"/>
                  <a:pt x="300" y="644"/>
                  <a:pt x="300" y="645"/>
                </a:cubicBezTo>
                <a:cubicBezTo>
                  <a:pt x="301" y="646"/>
                  <a:pt x="300" y="647"/>
                  <a:pt x="299" y="647"/>
                </a:cubicBezTo>
                <a:cubicBezTo>
                  <a:pt x="299" y="650"/>
                  <a:pt x="302" y="650"/>
                  <a:pt x="303" y="651"/>
                </a:cubicBezTo>
                <a:cubicBezTo>
                  <a:pt x="303" y="652"/>
                  <a:pt x="304" y="654"/>
                  <a:pt x="305" y="653"/>
                </a:cubicBezTo>
                <a:cubicBezTo>
                  <a:pt x="305" y="652"/>
                  <a:pt x="304" y="651"/>
                  <a:pt x="303" y="650"/>
                </a:cubicBezTo>
                <a:cubicBezTo>
                  <a:pt x="303" y="650"/>
                  <a:pt x="303" y="648"/>
                  <a:pt x="303" y="647"/>
                </a:cubicBezTo>
                <a:cubicBezTo>
                  <a:pt x="304" y="646"/>
                  <a:pt x="304" y="647"/>
                  <a:pt x="305" y="646"/>
                </a:cubicBezTo>
                <a:cubicBezTo>
                  <a:pt x="306" y="645"/>
                  <a:pt x="304" y="644"/>
                  <a:pt x="306" y="643"/>
                </a:cubicBezTo>
                <a:close/>
                <a:moveTo>
                  <a:pt x="298" y="660"/>
                </a:moveTo>
                <a:cubicBezTo>
                  <a:pt x="298" y="661"/>
                  <a:pt x="298" y="662"/>
                  <a:pt x="299" y="663"/>
                </a:cubicBezTo>
                <a:cubicBezTo>
                  <a:pt x="300" y="664"/>
                  <a:pt x="300" y="661"/>
                  <a:pt x="299" y="661"/>
                </a:cubicBezTo>
                <a:cubicBezTo>
                  <a:pt x="299" y="660"/>
                  <a:pt x="299" y="659"/>
                  <a:pt x="300" y="658"/>
                </a:cubicBezTo>
                <a:cubicBezTo>
                  <a:pt x="301" y="658"/>
                  <a:pt x="301" y="658"/>
                  <a:pt x="301" y="657"/>
                </a:cubicBezTo>
                <a:cubicBezTo>
                  <a:pt x="302" y="656"/>
                  <a:pt x="301" y="655"/>
                  <a:pt x="300" y="655"/>
                </a:cubicBezTo>
                <a:cubicBezTo>
                  <a:pt x="298" y="654"/>
                  <a:pt x="297" y="657"/>
                  <a:pt x="297" y="658"/>
                </a:cubicBezTo>
                <a:cubicBezTo>
                  <a:pt x="297" y="659"/>
                  <a:pt x="298" y="659"/>
                  <a:pt x="298" y="660"/>
                </a:cubicBezTo>
                <a:close/>
                <a:moveTo>
                  <a:pt x="760" y="372"/>
                </a:moveTo>
                <a:cubicBezTo>
                  <a:pt x="761" y="372"/>
                  <a:pt x="761" y="373"/>
                  <a:pt x="762" y="374"/>
                </a:cubicBezTo>
                <a:cubicBezTo>
                  <a:pt x="762" y="375"/>
                  <a:pt x="764" y="375"/>
                  <a:pt x="764" y="374"/>
                </a:cubicBezTo>
                <a:cubicBezTo>
                  <a:pt x="764" y="373"/>
                  <a:pt x="763" y="372"/>
                  <a:pt x="763" y="371"/>
                </a:cubicBezTo>
                <a:cubicBezTo>
                  <a:pt x="762" y="370"/>
                  <a:pt x="762" y="369"/>
                  <a:pt x="761" y="369"/>
                </a:cubicBezTo>
                <a:cubicBezTo>
                  <a:pt x="759" y="369"/>
                  <a:pt x="759" y="369"/>
                  <a:pt x="758" y="370"/>
                </a:cubicBezTo>
                <a:cubicBezTo>
                  <a:pt x="757" y="370"/>
                  <a:pt x="755" y="370"/>
                  <a:pt x="754" y="370"/>
                </a:cubicBezTo>
                <a:cubicBezTo>
                  <a:pt x="754" y="371"/>
                  <a:pt x="754" y="372"/>
                  <a:pt x="755" y="372"/>
                </a:cubicBezTo>
                <a:cubicBezTo>
                  <a:pt x="756" y="373"/>
                  <a:pt x="758" y="372"/>
                  <a:pt x="760" y="372"/>
                </a:cubicBezTo>
                <a:close/>
                <a:moveTo>
                  <a:pt x="772" y="370"/>
                </a:moveTo>
                <a:cubicBezTo>
                  <a:pt x="773" y="370"/>
                  <a:pt x="773" y="371"/>
                  <a:pt x="775" y="371"/>
                </a:cubicBezTo>
                <a:cubicBezTo>
                  <a:pt x="775" y="371"/>
                  <a:pt x="777" y="370"/>
                  <a:pt x="778" y="370"/>
                </a:cubicBezTo>
                <a:cubicBezTo>
                  <a:pt x="779" y="369"/>
                  <a:pt x="779" y="369"/>
                  <a:pt x="780" y="368"/>
                </a:cubicBezTo>
                <a:cubicBezTo>
                  <a:pt x="782" y="368"/>
                  <a:pt x="783" y="368"/>
                  <a:pt x="784" y="368"/>
                </a:cubicBezTo>
                <a:cubicBezTo>
                  <a:pt x="786" y="367"/>
                  <a:pt x="789" y="367"/>
                  <a:pt x="791" y="366"/>
                </a:cubicBezTo>
                <a:cubicBezTo>
                  <a:pt x="794" y="365"/>
                  <a:pt x="794" y="363"/>
                  <a:pt x="791" y="361"/>
                </a:cubicBezTo>
                <a:cubicBezTo>
                  <a:pt x="789" y="360"/>
                  <a:pt x="787" y="361"/>
                  <a:pt x="785" y="361"/>
                </a:cubicBezTo>
                <a:cubicBezTo>
                  <a:pt x="784" y="361"/>
                  <a:pt x="783" y="361"/>
                  <a:pt x="782" y="361"/>
                </a:cubicBezTo>
                <a:cubicBezTo>
                  <a:pt x="781" y="361"/>
                  <a:pt x="780" y="362"/>
                  <a:pt x="779" y="363"/>
                </a:cubicBezTo>
                <a:cubicBezTo>
                  <a:pt x="778" y="364"/>
                  <a:pt x="777" y="365"/>
                  <a:pt x="776" y="365"/>
                </a:cubicBezTo>
                <a:cubicBezTo>
                  <a:pt x="775" y="366"/>
                  <a:pt x="774" y="366"/>
                  <a:pt x="773" y="367"/>
                </a:cubicBezTo>
                <a:cubicBezTo>
                  <a:pt x="772" y="367"/>
                  <a:pt x="772" y="367"/>
                  <a:pt x="771" y="367"/>
                </a:cubicBezTo>
                <a:cubicBezTo>
                  <a:pt x="770" y="368"/>
                  <a:pt x="769" y="367"/>
                  <a:pt x="769" y="369"/>
                </a:cubicBezTo>
                <a:cubicBezTo>
                  <a:pt x="770" y="370"/>
                  <a:pt x="771" y="370"/>
                  <a:pt x="772" y="370"/>
                </a:cubicBezTo>
                <a:close/>
                <a:moveTo>
                  <a:pt x="772" y="360"/>
                </a:moveTo>
                <a:cubicBezTo>
                  <a:pt x="773" y="360"/>
                  <a:pt x="776" y="359"/>
                  <a:pt x="777" y="359"/>
                </a:cubicBezTo>
                <a:cubicBezTo>
                  <a:pt x="779" y="359"/>
                  <a:pt x="783" y="359"/>
                  <a:pt x="783" y="357"/>
                </a:cubicBezTo>
                <a:cubicBezTo>
                  <a:pt x="783" y="354"/>
                  <a:pt x="778" y="357"/>
                  <a:pt x="777" y="358"/>
                </a:cubicBezTo>
                <a:cubicBezTo>
                  <a:pt x="776" y="358"/>
                  <a:pt x="775" y="357"/>
                  <a:pt x="774" y="358"/>
                </a:cubicBezTo>
                <a:cubicBezTo>
                  <a:pt x="773" y="358"/>
                  <a:pt x="770" y="358"/>
                  <a:pt x="770" y="359"/>
                </a:cubicBezTo>
                <a:cubicBezTo>
                  <a:pt x="769" y="360"/>
                  <a:pt x="771" y="360"/>
                  <a:pt x="772" y="360"/>
                </a:cubicBezTo>
                <a:close/>
                <a:moveTo>
                  <a:pt x="758" y="382"/>
                </a:moveTo>
                <a:cubicBezTo>
                  <a:pt x="757" y="384"/>
                  <a:pt x="762" y="384"/>
                  <a:pt x="763" y="383"/>
                </a:cubicBezTo>
                <a:cubicBezTo>
                  <a:pt x="765" y="381"/>
                  <a:pt x="759" y="379"/>
                  <a:pt x="758" y="382"/>
                </a:cubicBezTo>
                <a:close/>
                <a:moveTo>
                  <a:pt x="771" y="381"/>
                </a:moveTo>
                <a:cubicBezTo>
                  <a:pt x="771" y="381"/>
                  <a:pt x="772" y="381"/>
                  <a:pt x="773" y="381"/>
                </a:cubicBezTo>
                <a:cubicBezTo>
                  <a:pt x="774" y="381"/>
                  <a:pt x="776" y="380"/>
                  <a:pt x="775" y="379"/>
                </a:cubicBezTo>
                <a:cubicBezTo>
                  <a:pt x="774" y="378"/>
                  <a:pt x="771" y="377"/>
                  <a:pt x="770" y="377"/>
                </a:cubicBezTo>
                <a:cubicBezTo>
                  <a:pt x="769" y="377"/>
                  <a:pt x="767" y="380"/>
                  <a:pt x="768" y="381"/>
                </a:cubicBezTo>
                <a:cubicBezTo>
                  <a:pt x="769" y="381"/>
                  <a:pt x="770" y="381"/>
                  <a:pt x="771" y="381"/>
                </a:cubicBezTo>
                <a:close/>
                <a:moveTo>
                  <a:pt x="678" y="540"/>
                </a:moveTo>
                <a:cubicBezTo>
                  <a:pt x="678" y="538"/>
                  <a:pt x="678" y="539"/>
                  <a:pt x="676" y="538"/>
                </a:cubicBezTo>
                <a:cubicBezTo>
                  <a:pt x="675" y="538"/>
                  <a:pt x="675" y="535"/>
                  <a:pt x="674" y="535"/>
                </a:cubicBezTo>
                <a:cubicBezTo>
                  <a:pt x="671" y="536"/>
                  <a:pt x="675" y="539"/>
                  <a:pt x="675" y="541"/>
                </a:cubicBezTo>
                <a:cubicBezTo>
                  <a:pt x="675" y="542"/>
                  <a:pt x="674" y="543"/>
                  <a:pt x="675" y="544"/>
                </a:cubicBezTo>
                <a:cubicBezTo>
                  <a:pt x="675" y="545"/>
                  <a:pt x="675" y="547"/>
                  <a:pt x="676" y="545"/>
                </a:cubicBezTo>
                <a:cubicBezTo>
                  <a:pt x="677" y="545"/>
                  <a:pt x="676" y="543"/>
                  <a:pt x="677" y="542"/>
                </a:cubicBezTo>
                <a:cubicBezTo>
                  <a:pt x="677" y="541"/>
                  <a:pt x="678" y="541"/>
                  <a:pt x="678" y="540"/>
                </a:cubicBezTo>
                <a:close/>
                <a:moveTo>
                  <a:pt x="865" y="616"/>
                </a:moveTo>
                <a:cubicBezTo>
                  <a:pt x="865" y="616"/>
                  <a:pt x="865" y="616"/>
                  <a:pt x="865" y="616"/>
                </a:cubicBezTo>
                <a:cubicBezTo>
                  <a:pt x="865" y="616"/>
                  <a:pt x="865" y="616"/>
                  <a:pt x="865" y="616"/>
                </a:cubicBezTo>
                <a:cubicBezTo>
                  <a:pt x="867" y="617"/>
                  <a:pt x="868" y="617"/>
                  <a:pt x="869" y="615"/>
                </a:cubicBezTo>
                <a:cubicBezTo>
                  <a:pt x="869" y="614"/>
                  <a:pt x="870" y="613"/>
                  <a:pt x="869" y="612"/>
                </a:cubicBezTo>
                <a:cubicBezTo>
                  <a:pt x="869" y="611"/>
                  <a:pt x="866" y="611"/>
                  <a:pt x="866" y="611"/>
                </a:cubicBezTo>
                <a:cubicBezTo>
                  <a:pt x="865" y="611"/>
                  <a:pt x="865" y="612"/>
                  <a:pt x="865" y="613"/>
                </a:cubicBezTo>
                <a:cubicBezTo>
                  <a:pt x="864" y="613"/>
                  <a:pt x="864" y="613"/>
                  <a:pt x="863" y="614"/>
                </a:cubicBezTo>
                <a:cubicBezTo>
                  <a:pt x="863" y="615"/>
                  <a:pt x="863" y="616"/>
                  <a:pt x="864" y="616"/>
                </a:cubicBezTo>
                <a:cubicBezTo>
                  <a:pt x="864" y="616"/>
                  <a:pt x="864" y="616"/>
                  <a:pt x="865" y="616"/>
                </a:cubicBezTo>
                <a:close/>
                <a:moveTo>
                  <a:pt x="887" y="740"/>
                </a:moveTo>
                <a:cubicBezTo>
                  <a:pt x="886" y="740"/>
                  <a:pt x="886" y="738"/>
                  <a:pt x="885" y="738"/>
                </a:cubicBezTo>
                <a:cubicBezTo>
                  <a:pt x="884" y="738"/>
                  <a:pt x="884" y="742"/>
                  <a:pt x="884" y="742"/>
                </a:cubicBezTo>
                <a:cubicBezTo>
                  <a:pt x="884" y="743"/>
                  <a:pt x="883" y="745"/>
                  <a:pt x="884" y="746"/>
                </a:cubicBezTo>
                <a:cubicBezTo>
                  <a:pt x="885" y="747"/>
                  <a:pt x="886" y="743"/>
                  <a:pt x="886" y="743"/>
                </a:cubicBezTo>
                <a:cubicBezTo>
                  <a:pt x="887" y="742"/>
                  <a:pt x="888" y="742"/>
                  <a:pt x="889" y="743"/>
                </a:cubicBezTo>
                <a:cubicBezTo>
                  <a:pt x="890" y="744"/>
                  <a:pt x="890" y="745"/>
                  <a:pt x="892" y="744"/>
                </a:cubicBezTo>
                <a:cubicBezTo>
                  <a:pt x="892" y="742"/>
                  <a:pt x="892" y="742"/>
                  <a:pt x="890" y="741"/>
                </a:cubicBezTo>
                <a:cubicBezTo>
                  <a:pt x="889" y="740"/>
                  <a:pt x="888" y="741"/>
                  <a:pt x="887" y="740"/>
                </a:cubicBezTo>
                <a:close/>
                <a:moveTo>
                  <a:pt x="865" y="755"/>
                </a:moveTo>
                <a:cubicBezTo>
                  <a:pt x="866" y="754"/>
                  <a:pt x="867" y="754"/>
                  <a:pt x="868" y="754"/>
                </a:cubicBezTo>
                <a:cubicBezTo>
                  <a:pt x="869" y="754"/>
                  <a:pt x="870" y="755"/>
                  <a:pt x="871" y="754"/>
                </a:cubicBezTo>
                <a:cubicBezTo>
                  <a:pt x="873" y="753"/>
                  <a:pt x="871" y="750"/>
                  <a:pt x="870" y="749"/>
                </a:cubicBezTo>
                <a:cubicBezTo>
                  <a:pt x="868" y="748"/>
                  <a:pt x="865" y="749"/>
                  <a:pt x="863" y="748"/>
                </a:cubicBezTo>
                <a:cubicBezTo>
                  <a:pt x="862" y="748"/>
                  <a:pt x="861" y="748"/>
                  <a:pt x="860" y="747"/>
                </a:cubicBezTo>
                <a:cubicBezTo>
                  <a:pt x="860" y="747"/>
                  <a:pt x="859" y="746"/>
                  <a:pt x="857" y="746"/>
                </a:cubicBezTo>
                <a:cubicBezTo>
                  <a:pt x="856" y="746"/>
                  <a:pt x="855" y="746"/>
                  <a:pt x="854" y="747"/>
                </a:cubicBezTo>
                <a:cubicBezTo>
                  <a:pt x="852" y="748"/>
                  <a:pt x="848" y="746"/>
                  <a:pt x="848" y="749"/>
                </a:cubicBezTo>
                <a:cubicBezTo>
                  <a:pt x="848" y="750"/>
                  <a:pt x="848" y="751"/>
                  <a:pt x="850" y="752"/>
                </a:cubicBezTo>
                <a:cubicBezTo>
                  <a:pt x="851" y="753"/>
                  <a:pt x="851" y="752"/>
                  <a:pt x="852" y="753"/>
                </a:cubicBezTo>
                <a:cubicBezTo>
                  <a:pt x="855" y="753"/>
                  <a:pt x="856" y="754"/>
                  <a:pt x="858" y="756"/>
                </a:cubicBezTo>
                <a:cubicBezTo>
                  <a:pt x="860" y="757"/>
                  <a:pt x="863" y="756"/>
                  <a:pt x="865" y="755"/>
                </a:cubicBezTo>
                <a:close/>
                <a:moveTo>
                  <a:pt x="848" y="647"/>
                </a:moveTo>
                <a:cubicBezTo>
                  <a:pt x="849" y="647"/>
                  <a:pt x="849" y="646"/>
                  <a:pt x="848" y="646"/>
                </a:cubicBezTo>
                <a:cubicBezTo>
                  <a:pt x="847" y="646"/>
                  <a:pt x="846" y="648"/>
                  <a:pt x="848" y="647"/>
                </a:cubicBezTo>
                <a:close/>
                <a:moveTo>
                  <a:pt x="848" y="761"/>
                </a:moveTo>
                <a:cubicBezTo>
                  <a:pt x="848" y="762"/>
                  <a:pt x="849" y="763"/>
                  <a:pt x="850" y="763"/>
                </a:cubicBezTo>
                <a:cubicBezTo>
                  <a:pt x="851" y="764"/>
                  <a:pt x="851" y="764"/>
                  <a:pt x="852" y="765"/>
                </a:cubicBezTo>
                <a:cubicBezTo>
                  <a:pt x="852" y="765"/>
                  <a:pt x="853" y="767"/>
                  <a:pt x="854" y="766"/>
                </a:cubicBezTo>
                <a:cubicBezTo>
                  <a:pt x="855" y="765"/>
                  <a:pt x="853" y="763"/>
                  <a:pt x="853" y="762"/>
                </a:cubicBezTo>
                <a:cubicBezTo>
                  <a:pt x="852" y="762"/>
                  <a:pt x="852" y="761"/>
                  <a:pt x="852" y="760"/>
                </a:cubicBezTo>
                <a:cubicBezTo>
                  <a:pt x="851" y="760"/>
                  <a:pt x="849" y="760"/>
                  <a:pt x="848" y="761"/>
                </a:cubicBezTo>
                <a:close/>
                <a:moveTo>
                  <a:pt x="844" y="711"/>
                </a:moveTo>
                <a:cubicBezTo>
                  <a:pt x="844" y="712"/>
                  <a:pt x="846" y="712"/>
                  <a:pt x="846" y="712"/>
                </a:cubicBezTo>
                <a:cubicBezTo>
                  <a:pt x="848" y="713"/>
                  <a:pt x="848" y="716"/>
                  <a:pt x="850" y="717"/>
                </a:cubicBezTo>
                <a:cubicBezTo>
                  <a:pt x="851" y="718"/>
                  <a:pt x="851" y="718"/>
                  <a:pt x="852" y="719"/>
                </a:cubicBezTo>
                <a:cubicBezTo>
                  <a:pt x="852" y="720"/>
                  <a:pt x="852" y="722"/>
                  <a:pt x="852" y="723"/>
                </a:cubicBezTo>
                <a:cubicBezTo>
                  <a:pt x="853" y="723"/>
                  <a:pt x="854" y="724"/>
                  <a:pt x="853" y="725"/>
                </a:cubicBezTo>
                <a:cubicBezTo>
                  <a:pt x="853" y="726"/>
                  <a:pt x="851" y="725"/>
                  <a:pt x="851" y="727"/>
                </a:cubicBezTo>
                <a:cubicBezTo>
                  <a:pt x="851" y="729"/>
                  <a:pt x="854" y="729"/>
                  <a:pt x="856" y="730"/>
                </a:cubicBezTo>
                <a:cubicBezTo>
                  <a:pt x="858" y="731"/>
                  <a:pt x="860" y="732"/>
                  <a:pt x="862" y="732"/>
                </a:cubicBezTo>
                <a:cubicBezTo>
                  <a:pt x="864" y="733"/>
                  <a:pt x="866" y="733"/>
                  <a:pt x="867" y="734"/>
                </a:cubicBezTo>
                <a:cubicBezTo>
                  <a:pt x="868" y="734"/>
                  <a:pt x="869" y="734"/>
                  <a:pt x="870" y="734"/>
                </a:cubicBezTo>
                <a:cubicBezTo>
                  <a:pt x="871" y="735"/>
                  <a:pt x="871" y="736"/>
                  <a:pt x="870" y="736"/>
                </a:cubicBezTo>
                <a:cubicBezTo>
                  <a:pt x="869" y="736"/>
                  <a:pt x="865" y="737"/>
                  <a:pt x="868" y="739"/>
                </a:cubicBezTo>
                <a:cubicBezTo>
                  <a:pt x="869" y="739"/>
                  <a:pt x="870" y="739"/>
                  <a:pt x="871" y="740"/>
                </a:cubicBezTo>
                <a:cubicBezTo>
                  <a:pt x="871" y="740"/>
                  <a:pt x="872" y="741"/>
                  <a:pt x="871" y="742"/>
                </a:cubicBezTo>
                <a:cubicBezTo>
                  <a:pt x="870" y="743"/>
                  <a:pt x="868" y="742"/>
                  <a:pt x="868" y="744"/>
                </a:cubicBezTo>
                <a:cubicBezTo>
                  <a:pt x="869" y="745"/>
                  <a:pt x="870" y="746"/>
                  <a:pt x="871" y="747"/>
                </a:cubicBezTo>
                <a:cubicBezTo>
                  <a:pt x="871" y="748"/>
                  <a:pt x="871" y="749"/>
                  <a:pt x="872" y="749"/>
                </a:cubicBezTo>
                <a:cubicBezTo>
                  <a:pt x="872" y="750"/>
                  <a:pt x="873" y="751"/>
                  <a:pt x="873" y="752"/>
                </a:cubicBezTo>
                <a:cubicBezTo>
                  <a:pt x="873" y="753"/>
                  <a:pt x="873" y="754"/>
                  <a:pt x="873" y="755"/>
                </a:cubicBezTo>
                <a:cubicBezTo>
                  <a:pt x="873" y="757"/>
                  <a:pt x="874" y="757"/>
                  <a:pt x="875" y="758"/>
                </a:cubicBezTo>
                <a:cubicBezTo>
                  <a:pt x="875" y="759"/>
                  <a:pt x="875" y="761"/>
                  <a:pt x="876" y="760"/>
                </a:cubicBezTo>
                <a:cubicBezTo>
                  <a:pt x="877" y="760"/>
                  <a:pt x="877" y="758"/>
                  <a:pt x="877" y="757"/>
                </a:cubicBezTo>
                <a:cubicBezTo>
                  <a:pt x="877" y="754"/>
                  <a:pt x="878" y="752"/>
                  <a:pt x="879" y="750"/>
                </a:cubicBezTo>
                <a:cubicBezTo>
                  <a:pt x="881" y="749"/>
                  <a:pt x="884" y="748"/>
                  <a:pt x="880" y="747"/>
                </a:cubicBezTo>
                <a:cubicBezTo>
                  <a:pt x="879" y="746"/>
                  <a:pt x="875" y="746"/>
                  <a:pt x="875" y="744"/>
                </a:cubicBezTo>
                <a:cubicBezTo>
                  <a:pt x="875" y="741"/>
                  <a:pt x="879" y="742"/>
                  <a:pt x="879" y="740"/>
                </a:cubicBezTo>
                <a:cubicBezTo>
                  <a:pt x="880" y="738"/>
                  <a:pt x="876" y="736"/>
                  <a:pt x="879" y="734"/>
                </a:cubicBezTo>
                <a:cubicBezTo>
                  <a:pt x="880" y="734"/>
                  <a:pt x="881" y="733"/>
                  <a:pt x="882" y="733"/>
                </a:cubicBezTo>
                <a:cubicBezTo>
                  <a:pt x="883" y="732"/>
                  <a:pt x="884" y="732"/>
                  <a:pt x="885" y="732"/>
                </a:cubicBezTo>
                <a:cubicBezTo>
                  <a:pt x="887" y="731"/>
                  <a:pt x="891" y="732"/>
                  <a:pt x="890" y="729"/>
                </a:cubicBezTo>
                <a:cubicBezTo>
                  <a:pt x="890" y="727"/>
                  <a:pt x="886" y="725"/>
                  <a:pt x="885" y="724"/>
                </a:cubicBezTo>
                <a:cubicBezTo>
                  <a:pt x="883" y="723"/>
                  <a:pt x="881" y="723"/>
                  <a:pt x="883" y="721"/>
                </a:cubicBezTo>
                <a:cubicBezTo>
                  <a:pt x="884" y="719"/>
                  <a:pt x="885" y="719"/>
                  <a:pt x="887" y="717"/>
                </a:cubicBezTo>
                <a:cubicBezTo>
                  <a:pt x="888" y="716"/>
                  <a:pt x="889" y="715"/>
                  <a:pt x="891" y="715"/>
                </a:cubicBezTo>
                <a:cubicBezTo>
                  <a:pt x="892" y="715"/>
                  <a:pt x="893" y="714"/>
                  <a:pt x="894" y="712"/>
                </a:cubicBezTo>
                <a:cubicBezTo>
                  <a:pt x="894" y="712"/>
                  <a:pt x="893" y="711"/>
                  <a:pt x="893" y="710"/>
                </a:cubicBezTo>
                <a:cubicBezTo>
                  <a:pt x="893" y="709"/>
                  <a:pt x="893" y="708"/>
                  <a:pt x="894" y="708"/>
                </a:cubicBezTo>
                <a:cubicBezTo>
                  <a:pt x="894" y="706"/>
                  <a:pt x="894" y="705"/>
                  <a:pt x="894" y="704"/>
                </a:cubicBezTo>
                <a:cubicBezTo>
                  <a:pt x="893" y="702"/>
                  <a:pt x="893" y="700"/>
                  <a:pt x="892" y="698"/>
                </a:cubicBezTo>
                <a:cubicBezTo>
                  <a:pt x="891" y="696"/>
                  <a:pt x="889" y="695"/>
                  <a:pt x="887" y="695"/>
                </a:cubicBezTo>
                <a:cubicBezTo>
                  <a:pt x="885" y="695"/>
                  <a:pt x="882" y="695"/>
                  <a:pt x="880" y="696"/>
                </a:cubicBezTo>
                <a:cubicBezTo>
                  <a:pt x="879" y="696"/>
                  <a:pt x="879" y="697"/>
                  <a:pt x="878" y="697"/>
                </a:cubicBezTo>
                <a:cubicBezTo>
                  <a:pt x="877" y="698"/>
                  <a:pt x="876" y="698"/>
                  <a:pt x="875" y="698"/>
                </a:cubicBezTo>
                <a:cubicBezTo>
                  <a:pt x="874" y="700"/>
                  <a:pt x="875" y="700"/>
                  <a:pt x="876" y="701"/>
                </a:cubicBezTo>
                <a:cubicBezTo>
                  <a:pt x="876" y="702"/>
                  <a:pt x="877" y="703"/>
                  <a:pt x="877" y="704"/>
                </a:cubicBezTo>
                <a:cubicBezTo>
                  <a:pt x="878" y="705"/>
                  <a:pt x="878" y="705"/>
                  <a:pt x="878" y="707"/>
                </a:cubicBezTo>
                <a:cubicBezTo>
                  <a:pt x="878" y="708"/>
                  <a:pt x="879" y="709"/>
                  <a:pt x="879" y="710"/>
                </a:cubicBezTo>
                <a:cubicBezTo>
                  <a:pt x="879" y="711"/>
                  <a:pt x="876" y="715"/>
                  <a:pt x="875" y="712"/>
                </a:cubicBezTo>
                <a:cubicBezTo>
                  <a:pt x="875" y="711"/>
                  <a:pt x="876" y="711"/>
                  <a:pt x="876" y="710"/>
                </a:cubicBezTo>
                <a:cubicBezTo>
                  <a:pt x="877" y="709"/>
                  <a:pt x="877" y="708"/>
                  <a:pt x="877" y="707"/>
                </a:cubicBezTo>
                <a:cubicBezTo>
                  <a:pt x="877" y="705"/>
                  <a:pt x="876" y="701"/>
                  <a:pt x="874" y="703"/>
                </a:cubicBezTo>
                <a:cubicBezTo>
                  <a:pt x="873" y="704"/>
                  <a:pt x="873" y="705"/>
                  <a:pt x="874" y="706"/>
                </a:cubicBezTo>
                <a:cubicBezTo>
                  <a:pt x="875" y="707"/>
                  <a:pt x="875" y="707"/>
                  <a:pt x="873" y="708"/>
                </a:cubicBezTo>
                <a:cubicBezTo>
                  <a:pt x="872" y="709"/>
                  <a:pt x="872" y="709"/>
                  <a:pt x="872" y="711"/>
                </a:cubicBezTo>
                <a:cubicBezTo>
                  <a:pt x="872" y="712"/>
                  <a:pt x="871" y="713"/>
                  <a:pt x="870" y="713"/>
                </a:cubicBezTo>
                <a:cubicBezTo>
                  <a:pt x="870" y="713"/>
                  <a:pt x="869" y="713"/>
                  <a:pt x="869" y="713"/>
                </a:cubicBezTo>
                <a:cubicBezTo>
                  <a:pt x="869" y="712"/>
                  <a:pt x="869" y="711"/>
                  <a:pt x="868" y="710"/>
                </a:cubicBezTo>
                <a:cubicBezTo>
                  <a:pt x="867" y="709"/>
                  <a:pt x="866" y="710"/>
                  <a:pt x="866" y="708"/>
                </a:cubicBezTo>
                <a:cubicBezTo>
                  <a:pt x="866" y="707"/>
                  <a:pt x="867" y="706"/>
                  <a:pt x="867" y="705"/>
                </a:cubicBezTo>
                <a:cubicBezTo>
                  <a:pt x="868" y="704"/>
                  <a:pt x="868" y="703"/>
                  <a:pt x="869" y="702"/>
                </a:cubicBezTo>
                <a:cubicBezTo>
                  <a:pt x="870" y="702"/>
                  <a:pt x="870" y="701"/>
                  <a:pt x="869" y="700"/>
                </a:cubicBezTo>
                <a:cubicBezTo>
                  <a:pt x="868" y="700"/>
                  <a:pt x="866" y="701"/>
                  <a:pt x="865" y="701"/>
                </a:cubicBezTo>
                <a:cubicBezTo>
                  <a:pt x="863" y="702"/>
                  <a:pt x="862" y="701"/>
                  <a:pt x="860" y="700"/>
                </a:cubicBezTo>
                <a:cubicBezTo>
                  <a:pt x="858" y="700"/>
                  <a:pt x="857" y="699"/>
                  <a:pt x="856" y="701"/>
                </a:cubicBezTo>
                <a:cubicBezTo>
                  <a:pt x="857" y="702"/>
                  <a:pt x="858" y="702"/>
                  <a:pt x="859" y="702"/>
                </a:cubicBezTo>
                <a:cubicBezTo>
                  <a:pt x="860" y="703"/>
                  <a:pt x="861" y="703"/>
                  <a:pt x="861" y="704"/>
                </a:cubicBezTo>
                <a:cubicBezTo>
                  <a:pt x="862" y="707"/>
                  <a:pt x="858" y="709"/>
                  <a:pt x="856" y="710"/>
                </a:cubicBezTo>
                <a:cubicBezTo>
                  <a:pt x="855" y="711"/>
                  <a:pt x="855" y="711"/>
                  <a:pt x="853" y="712"/>
                </a:cubicBezTo>
                <a:cubicBezTo>
                  <a:pt x="851" y="712"/>
                  <a:pt x="850" y="712"/>
                  <a:pt x="847" y="711"/>
                </a:cubicBezTo>
                <a:cubicBezTo>
                  <a:pt x="847" y="711"/>
                  <a:pt x="845" y="709"/>
                  <a:pt x="844" y="711"/>
                </a:cubicBezTo>
                <a:close/>
                <a:moveTo>
                  <a:pt x="843" y="743"/>
                </a:moveTo>
                <a:cubicBezTo>
                  <a:pt x="844" y="742"/>
                  <a:pt x="844" y="741"/>
                  <a:pt x="844" y="739"/>
                </a:cubicBezTo>
                <a:cubicBezTo>
                  <a:pt x="845" y="738"/>
                  <a:pt x="846" y="735"/>
                  <a:pt x="845" y="734"/>
                </a:cubicBezTo>
                <a:cubicBezTo>
                  <a:pt x="844" y="734"/>
                  <a:pt x="844" y="737"/>
                  <a:pt x="843" y="738"/>
                </a:cubicBezTo>
                <a:cubicBezTo>
                  <a:pt x="842" y="740"/>
                  <a:pt x="841" y="742"/>
                  <a:pt x="839" y="744"/>
                </a:cubicBezTo>
                <a:cubicBezTo>
                  <a:pt x="839" y="745"/>
                  <a:pt x="839" y="745"/>
                  <a:pt x="838" y="747"/>
                </a:cubicBezTo>
                <a:cubicBezTo>
                  <a:pt x="838" y="747"/>
                  <a:pt x="836" y="748"/>
                  <a:pt x="836" y="749"/>
                </a:cubicBezTo>
                <a:cubicBezTo>
                  <a:pt x="836" y="750"/>
                  <a:pt x="837" y="751"/>
                  <a:pt x="838" y="752"/>
                </a:cubicBezTo>
                <a:cubicBezTo>
                  <a:pt x="838" y="752"/>
                  <a:pt x="838" y="754"/>
                  <a:pt x="839" y="754"/>
                </a:cubicBezTo>
                <a:cubicBezTo>
                  <a:pt x="840" y="754"/>
                  <a:pt x="840" y="751"/>
                  <a:pt x="840" y="750"/>
                </a:cubicBezTo>
                <a:cubicBezTo>
                  <a:pt x="840" y="749"/>
                  <a:pt x="840" y="748"/>
                  <a:pt x="841" y="747"/>
                </a:cubicBezTo>
                <a:cubicBezTo>
                  <a:pt x="841" y="746"/>
                  <a:pt x="842" y="745"/>
                  <a:pt x="843" y="743"/>
                </a:cubicBezTo>
                <a:close/>
                <a:moveTo>
                  <a:pt x="678" y="565"/>
                </a:moveTo>
                <a:cubicBezTo>
                  <a:pt x="679" y="564"/>
                  <a:pt x="678" y="563"/>
                  <a:pt x="678" y="562"/>
                </a:cubicBezTo>
                <a:cubicBezTo>
                  <a:pt x="679" y="561"/>
                  <a:pt x="680" y="561"/>
                  <a:pt x="680" y="560"/>
                </a:cubicBezTo>
                <a:cubicBezTo>
                  <a:pt x="681" y="558"/>
                  <a:pt x="680" y="558"/>
                  <a:pt x="679" y="557"/>
                </a:cubicBezTo>
                <a:cubicBezTo>
                  <a:pt x="678" y="556"/>
                  <a:pt x="678" y="554"/>
                  <a:pt x="677" y="554"/>
                </a:cubicBezTo>
                <a:cubicBezTo>
                  <a:pt x="677" y="554"/>
                  <a:pt x="675" y="556"/>
                  <a:pt x="675" y="557"/>
                </a:cubicBezTo>
                <a:cubicBezTo>
                  <a:pt x="675" y="558"/>
                  <a:pt x="675" y="559"/>
                  <a:pt x="675" y="560"/>
                </a:cubicBezTo>
                <a:cubicBezTo>
                  <a:pt x="675" y="561"/>
                  <a:pt x="675" y="566"/>
                  <a:pt x="678" y="565"/>
                </a:cubicBezTo>
                <a:close/>
                <a:moveTo>
                  <a:pt x="832" y="720"/>
                </a:moveTo>
                <a:cubicBezTo>
                  <a:pt x="833" y="719"/>
                  <a:pt x="832" y="718"/>
                  <a:pt x="831" y="718"/>
                </a:cubicBezTo>
                <a:cubicBezTo>
                  <a:pt x="829" y="717"/>
                  <a:pt x="827" y="717"/>
                  <a:pt x="825" y="717"/>
                </a:cubicBezTo>
                <a:cubicBezTo>
                  <a:pt x="823" y="718"/>
                  <a:pt x="820" y="718"/>
                  <a:pt x="818" y="718"/>
                </a:cubicBezTo>
                <a:cubicBezTo>
                  <a:pt x="816" y="719"/>
                  <a:pt x="815" y="720"/>
                  <a:pt x="812" y="720"/>
                </a:cubicBezTo>
                <a:cubicBezTo>
                  <a:pt x="811" y="720"/>
                  <a:pt x="809" y="719"/>
                  <a:pt x="808" y="720"/>
                </a:cubicBezTo>
                <a:cubicBezTo>
                  <a:pt x="808" y="721"/>
                  <a:pt x="810" y="723"/>
                  <a:pt x="810" y="723"/>
                </a:cubicBezTo>
                <a:cubicBezTo>
                  <a:pt x="812" y="724"/>
                  <a:pt x="813" y="725"/>
                  <a:pt x="814" y="727"/>
                </a:cubicBezTo>
                <a:cubicBezTo>
                  <a:pt x="815" y="729"/>
                  <a:pt x="815" y="731"/>
                  <a:pt x="817" y="733"/>
                </a:cubicBezTo>
                <a:cubicBezTo>
                  <a:pt x="818" y="735"/>
                  <a:pt x="820" y="734"/>
                  <a:pt x="822" y="735"/>
                </a:cubicBezTo>
                <a:cubicBezTo>
                  <a:pt x="824" y="735"/>
                  <a:pt x="825" y="737"/>
                  <a:pt x="827" y="738"/>
                </a:cubicBezTo>
                <a:cubicBezTo>
                  <a:pt x="829" y="740"/>
                  <a:pt x="830" y="740"/>
                  <a:pt x="832" y="740"/>
                </a:cubicBezTo>
                <a:cubicBezTo>
                  <a:pt x="835" y="740"/>
                  <a:pt x="837" y="740"/>
                  <a:pt x="839" y="738"/>
                </a:cubicBezTo>
                <a:cubicBezTo>
                  <a:pt x="840" y="737"/>
                  <a:pt x="841" y="735"/>
                  <a:pt x="841" y="733"/>
                </a:cubicBezTo>
                <a:cubicBezTo>
                  <a:pt x="841" y="731"/>
                  <a:pt x="841" y="728"/>
                  <a:pt x="840" y="726"/>
                </a:cubicBezTo>
                <a:cubicBezTo>
                  <a:pt x="840" y="725"/>
                  <a:pt x="837" y="723"/>
                  <a:pt x="839" y="722"/>
                </a:cubicBezTo>
                <a:cubicBezTo>
                  <a:pt x="840" y="721"/>
                  <a:pt x="840" y="722"/>
                  <a:pt x="840" y="721"/>
                </a:cubicBezTo>
                <a:cubicBezTo>
                  <a:pt x="840" y="721"/>
                  <a:pt x="839" y="720"/>
                  <a:pt x="839" y="720"/>
                </a:cubicBezTo>
                <a:cubicBezTo>
                  <a:pt x="838" y="719"/>
                  <a:pt x="837" y="719"/>
                  <a:pt x="837" y="718"/>
                </a:cubicBezTo>
                <a:cubicBezTo>
                  <a:pt x="836" y="718"/>
                  <a:pt x="837" y="716"/>
                  <a:pt x="835" y="716"/>
                </a:cubicBezTo>
                <a:cubicBezTo>
                  <a:pt x="834" y="716"/>
                  <a:pt x="834" y="718"/>
                  <a:pt x="834" y="718"/>
                </a:cubicBezTo>
                <a:cubicBezTo>
                  <a:pt x="834" y="720"/>
                  <a:pt x="833" y="724"/>
                  <a:pt x="831" y="722"/>
                </a:cubicBezTo>
                <a:cubicBezTo>
                  <a:pt x="831" y="722"/>
                  <a:pt x="831" y="721"/>
                  <a:pt x="831" y="721"/>
                </a:cubicBezTo>
                <a:cubicBezTo>
                  <a:pt x="831" y="720"/>
                  <a:pt x="832" y="720"/>
                  <a:pt x="832" y="720"/>
                </a:cubicBezTo>
                <a:close/>
                <a:moveTo>
                  <a:pt x="1121" y="513"/>
                </a:moveTo>
                <a:cubicBezTo>
                  <a:pt x="1121" y="513"/>
                  <a:pt x="1120" y="511"/>
                  <a:pt x="1119" y="511"/>
                </a:cubicBezTo>
                <a:cubicBezTo>
                  <a:pt x="1117" y="510"/>
                  <a:pt x="1115" y="511"/>
                  <a:pt x="1113" y="509"/>
                </a:cubicBezTo>
                <a:cubicBezTo>
                  <a:pt x="1112" y="508"/>
                  <a:pt x="1112" y="507"/>
                  <a:pt x="1110" y="507"/>
                </a:cubicBezTo>
                <a:cubicBezTo>
                  <a:pt x="1110" y="508"/>
                  <a:pt x="1109" y="509"/>
                  <a:pt x="1109" y="510"/>
                </a:cubicBezTo>
                <a:cubicBezTo>
                  <a:pt x="1108" y="511"/>
                  <a:pt x="1109" y="515"/>
                  <a:pt x="1105" y="514"/>
                </a:cubicBezTo>
                <a:cubicBezTo>
                  <a:pt x="1104" y="513"/>
                  <a:pt x="1104" y="513"/>
                  <a:pt x="1103" y="514"/>
                </a:cubicBezTo>
                <a:cubicBezTo>
                  <a:pt x="1102" y="515"/>
                  <a:pt x="1102" y="516"/>
                  <a:pt x="1102" y="517"/>
                </a:cubicBezTo>
                <a:cubicBezTo>
                  <a:pt x="1103" y="518"/>
                  <a:pt x="1103" y="521"/>
                  <a:pt x="1105" y="520"/>
                </a:cubicBezTo>
                <a:cubicBezTo>
                  <a:pt x="1107" y="519"/>
                  <a:pt x="1104" y="517"/>
                  <a:pt x="1106" y="515"/>
                </a:cubicBezTo>
                <a:cubicBezTo>
                  <a:pt x="1106" y="516"/>
                  <a:pt x="1107" y="516"/>
                  <a:pt x="1107" y="516"/>
                </a:cubicBezTo>
                <a:cubicBezTo>
                  <a:pt x="1108" y="517"/>
                  <a:pt x="1109" y="519"/>
                  <a:pt x="1110" y="520"/>
                </a:cubicBezTo>
                <a:cubicBezTo>
                  <a:pt x="1111" y="521"/>
                  <a:pt x="1111" y="521"/>
                  <a:pt x="1112" y="523"/>
                </a:cubicBezTo>
                <a:cubicBezTo>
                  <a:pt x="1113" y="523"/>
                  <a:pt x="1114" y="524"/>
                  <a:pt x="1115" y="525"/>
                </a:cubicBezTo>
                <a:cubicBezTo>
                  <a:pt x="1116" y="525"/>
                  <a:pt x="1117" y="525"/>
                  <a:pt x="1118" y="526"/>
                </a:cubicBezTo>
                <a:cubicBezTo>
                  <a:pt x="1119" y="527"/>
                  <a:pt x="1118" y="529"/>
                  <a:pt x="1119" y="529"/>
                </a:cubicBezTo>
                <a:cubicBezTo>
                  <a:pt x="1121" y="528"/>
                  <a:pt x="1121" y="525"/>
                  <a:pt x="1121" y="524"/>
                </a:cubicBezTo>
                <a:cubicBezTo>
                  <a:pt x="1120" y="522"/>
                  <a:pt x="1118" y="524"/>
                  <a:pt x="1116" y="522"/>
                </a:cubicBezTo>
                <a:cubicBezTo>
                  <a:pt x="1116" y="522"/>
                  <a:pt x="1116" y="521"/>
                  <a:pt x="1116" y="521"/>
                </a:cubicBezTo>
                <a:cubicBezTo>
                  <a:pt x="1116" y="519"/>
                  <a:pt x="1114" y="516"/>
                  <a:pt x="1116" y="514"/>
                </a:cubicBezTo>
                <a:cubicBezTo>
                  <a:pt x="1117" y="513"/>
                  <a:pt x="1118" y="518"/>
                  <a:pt x="1119" y="519"/>
                </a:cubicBezTo>
                <a:cubicBezTo>
                  <a:pt x="1120" y="519"/>
                  <a:pt x="1121" y="520"/>
                  <a:pt x="1121" y="521"/>
                </a:cubicBezTo>
                <a:cubicBezTo>
                  <a:pt x="1121" y="522"/>
                  <a:pt x="1122" y="523"/>
                  <a:pt x="1123" y="523"/>
                </a:cubicBezTo>
                <a:cubicBezTo>
                  <a:pt x="1123" y="522"/>
                  <a:pt x="1122" y="521"/>
                  <a:pt x="1122" y="520"/>
                </a:cubicBezTo>
                <a:cubicBezTo>
                  <a:pt x="1121" y="518"/>
                  <a:pt x="1122" y="518"/>
                  <a:pt x="1122" y="516"/>
                </a:cubicBezTo>
                <a:cubicBezTo>
                  <a:pt x="1123" y="515"/>
                  <a:pt x="1122" y="514"/>
                  <a:pt x="1121" y="513"/>
                </a:cubicBezTo>
                <a:close/>
                <a:moveTo>
                  <a:pt x="1168" y="593"/>
                </a:moveTo>
                <a:cubicBezTo>
                  <a:pt x="1168" y="594"/>
                  <a:pt x="1172" y="595"/>
                  <a:pt x="1172" y="597"/>
                </a:cubicBezTo>
                <a:cubicBezTo>
                  <a:pt x="1173" y="599"/>
                  <a:pt x="1170" y="600"/>
                  <a:pt x="1169" y="601"/>
                </a:cubicBezTo>
                <a:cubicBezTo>
                  <a:pt x="1168" y="604"/>
                  <a:pt x="1171" y="603"/>
                  <a:pt x="1173" y="604"/>
                </a:cubicBezTo>
                <a:cubicBezTo>
                  <a:pt x="1174" y="605"/>
                  <a:pt x="1174" y="606"/>
                  <a:pt x="1175" y="606"/>
                </a:cubicBezTo>
                <a:cubicBezTo>
                  <a:pt x="1176" y="606"/>
                  <a:pt x="1177" y="606"/>
                  <a:pt x="1177" y="607"/>
                </a:cubicBezTo>
                <a:cubicBezTo>
                  <a:pt x="1179" y="610"/>
                  <a:pt x="1176" y="611"/>
                  <a:pt x="1175" y="613"/>
                </a:cubicBezTo>
                <a:cubicBezTo>
                  <a:pt x="1174" y="614"/>
                  <a:pt x="1174" y="615"/>
                  <a:pt x="1174" y="616"/>
                </a:cubicBezTo>
                <a:cubicBezTo>
                  <a:pt x="1173" y="618"/>
                  <a:pt x="1175" y="618"/>
                  <a:pt x="1175" y="619"/>
                </a:cubicBezTo>
                <a:cubicBezTo>
                  <a:pt x="1176" y="620"/>
                  <a:pt x="1177" y="618"/>
                  <a:pt x="1177" y="617"/>
                </a:cubicBezTo>
                <a:cubicBezTo>
                  <a:pt x="1178" y="615"/>
                  <a:pt x="1179" y="614"/>
                  <a:pt x="1180" y="613"/>
                </a:cubicBezTo>
                <a:cubicBezTo>
                  <a:pt x="1182" y="610"/>
                  <a:pt x="1183" y="606"/>
                  <a:pt x="1186" y="604"/>
                </a:cubicBezTo>
                <a:cubicBezTo>
                  <a:pt x="1188" y="603"/>
                  <a:pt x="1191" y="603"/>
                  <a:pt x="1193" y="603"/>
                </a:cubicBezTo>
                <a:cubicBezTo>
                  <a:pt x="1195" y="603"/>
                  <a:pt x="1198" y="602"/>
                  <a:pt x="1199" y="601"/>
                </a:cubicBezTo>
                <a:cubicBezTo>
                  <a:pt x="1201" y="600"/>
                  <a:pt x="1202" y="598"/>
                  <a:pt x="1203" y="597"/>
                </a:cubicBezTo>
                <a:cubicBezTo>
                  <a:pt x="1205" y="596"/>
                  <a:pt x="1207" y="596"/>
                  <a:pt x="1208" y="595"/>
                </a:cubicBezTo>
                <a:cubicBezTo>
                  <a:pt x="1210" y="595"/>
                  <a:pt x="1213" y="596"/>
                  <a:pt x="1212" y="594"/>
                </a:cubicBezTo>
                <a:cubicBezTo>
                  <a:pt x="1211" y="593"/>
                  <a:pt x="1211" y="592"/>
                  <a:pt x="1210" y="592"/>
                </a:cubicBezTo>
                <a:cubicBezTo>
                  <a:pt x="1210" y="591"/>
                  <a:pt x="1207" y="591"/>
                  <a:pt x="1209" y="590"/>
                </a:cubicBezTo>
                <a:cubicBezTo>
                  <a:pt x="1210" y="590"/>
                  <a:pt x="1215" y="593"/>
                  <a:pt x="1214" y="589"/>
                </a:cubicBezTo>
                <a:cubicBezTo>
                  <a:pt x="1213" y="588"/>
                  <a:pt x="1211" y="586"/>
                  <a:pt x="1209" y="586"/>
                </a:cubicBezTo>
                <a:cubicBezTo>
                  <a:pt x="1208" y="586"/>
                  <a:pt x="1207" y="586"/>
                  <a:pt x="1206" y="587"/>
                </a:cubicBezTo>
                <a:cubicBezTo>
                  <a:pt x="1206" y="588"/>
                  <a:pt x="1207" y="589"/>
                  <a:pt x="1206" y="590"/>
                </a:cubicBezTo>
                <a:cubicBezTo>
                  <a:pt x="1204" y="592"/>
                  <a:pt x="1202" y="589"/>
                  <a:pt x="1200" y="588"/>
                </a:cubicBezTo>
                <a:cubicBezTo>
                  <a:pt x="1198" y="588"/>
                  <a:pt x="1196" y="588"/>
                  <a:pt x="1194" y="588"/>
                </a:cubicBezTo>
                <a:cubicBezTo>
                  <a:pt x="1190" y="589"/>
                  <a:pt x="1186" y="590"/>
                  <a:pt x="1182" y="592"/>
                </a:cubicBezTo>
                <a:cubicBezTo>
                  <a:pt x="1179" y="592"/>
                  <a:pt x="1177" y="594"/>
                  <a:pt x="1175" y="594"/>
                </a:cubicBezTo>
                <a:cubicBezTo>
                  <a:pt x="1173" y="594"/>
                  <a:pt x="1170" y="591"/>
                  <a:pt x="1168" y="593"/>
                </a:cubicBezTo>
                <a:close/>
                <a:moveTo>
                  <a:pt x="1162" y="523"/>
                </a:moveTo>
                <a:cubicBezTo>
                  <a:pt x="1162" y="522"/>
                  <a:pt x="1162" y="522"/>
                  <a:pt x="1161" y="522"/>
                </a:cubicBezTo>
                <a:cubicBezTo>
                  <a:pt x="1160" y="522"/>
                  <a:pt x="1160" y="522"/>
                  <a:pt x="1160" y="522"/>
                </a:cubicBezTo>
                <a:cubicBezTo>
                  <a:pt x="1160" y="523"/>
                  <a:pt x="1160" y="523"/>
                  <a:pt x="1161" y="523"/>
                </a:cubicBezTo>
                <a:cubicBezTo>
                  <a:pt x="1162" y="523"/>
                  <a:pt x="1162" y="523"/>
                  <a:pt x="1162" y="523"/>
                </a:cubicBezTo>
                <a:close/>
                <a:moveTo>
                  <a:pt x="1175" y="519"/>
                </a:moveTo>
                <a:cubicBezTo>
                  <a:pt x="1174" y="519"/>
                  <a:pt x="1173" y="520"/>
                  <a:pt x="1173" y="520"/>
                </a:cubicBezTo>
                <a:cubicBezTo>
                  <a:pt x="1173" y="521"/>
                  <a:pt x="1175" y="521"/>
                  <a:pt x="1176" y="520"/>
                </a:cubicBezTo>
                <a:cubicBezTo>
                  <a:pt x="1177" y="520"/>
                  <a:pt x="1178" y="519"/>
                  <a:pt x="1177" y="519"/>
                </a:cubicBezTo>
                <a:cubicBezTo>
                  <a:pt x="1177" y="518"/>
                  <a:pt x="1176" y="518"/>
                  <a:pt x="1175" y="519"/>
                </a:cubicBezTo>
                <a:close/>
                <a:moveTo>
                  <a:pt x="1183" y="515"/>
                </a:moveTo>
                <a:cubicBezTo>
                  <a:pt x="1183" y="514"/>
                  <a:pt x="1182" y="514"/>
                  <a:pt x="1181" y="514"/>
                </a:cubicBezTo>
                <a:cubicBezTo>
                  <a:pt x="1179" y="514"/>
                  <a:pt x="1178" y="514"/>
                  <a:pt x="1178" y="514"/>
                </a:cubicBezTo>
                <a:cubicBezTo>
                  <a:pt x="1178" y="515"/>
                  <a:pt x="1179" y="515"/>
                  <a:pt x="1180" y="515"/>
                </a:cubicBezTo>
                <a:cubicBezTo>
                  <a:pt x="1182" y="516"/>
                  <a:pt x="1183" y="515"/>
                  <a:pt x="1183" y="515"/>
                </a:cubicBezTo>
                <a:close/>
                <a:moveTo>
                  <a:pt x="1175" y="574"/>
                </a:moveTo>
                <a:cubicBezTo>
                  <a:pt x="1175" y="575"/>
                  <a:pt x="1177" y="575"/>
                  <a:pt x="1178" y="575"/>
                </a:cubicBezTo>
                <a:cubicBezTo>
                  <a:pt x="1179" y="575"/>
                  <a:pt x="1180" y="575"/>
                  <a:pt x="1181" y="576"/>
                </a:cubicBezTo>
                <a:cubicBezTo>
                  <a:pt x="1182" y="576"/>
                  <a:pt x="1183" y="577"/>
                  <a:pt x="1184" y="578"/>
                </a:cubicBezTo>
                <a:cubicBezTo>
                  <a:pt x="1187" y="579"/>
                  <a:pt x="1188" y="579"/>
                  <a:pt x="1188" y="582"/>
                </a:cubicBezTo>
                <a:cubicBezTo>
                  <a:pt x="1188" y="583"/>
                  <a:pt x="1187" y="584"/>
                  <a:pt x="1189" y="584"/>
                </a:cubicBezTo>
                <a:cubicBezTo>
                  <a:pt x="1190" y="585"/>
                  <a:pt x="1190" y="584"/>
                  <a:pt x="1191" y="583"/>
                </a:cubicBezTo>
                <a:cubicBezTo>
                  <a:pt x="1193" y="582"/>
                  <a:pt x="1195" y="580"/>
                  <a:pt x="1197" y="580"/>
                </a:cubicBezTo>
                <a:cubicBezTo>
                  <a:pt x="1199" y="579"/>
                  <a:pt x="1204" y="580"/>
                  <a:pt x="1201" y="577"/>
                </a:cubicBezTo>
                <a:cubicBezTo>
                  <a:pt x="1200" y="576"/>
                  <a:pt x="1200" y="575"/>
                  <a:pt x="1199" y="575"/>
                </a:cubicBezTo>
                <a:cubicBezTo>
                  <a:pt x="1198" y="574"/>
                  <a:pt x="1197" y="573"/>
                  <a:pt x="1196" y="573"/>
                </a:cubicBezTo>
                <a:cubicBezTo>
                  <a:pt x="1195" y="572"/>
                  <a:pt x="1195" y="569"/>
                  <a:pt x="1194" y="568"/>
                </a:cubicBezTo>
                <a:cubicBezTo>
                  <a:pt x="1192" y="568"/>
                  <a:pt x="1189" y="571"/>
                  <a:pt x="1188" y="571"/>
                </a:cubicBezTo>
                <a:cubicBezTo>
                  <a:pt x="1186" y="572"/>
                  <a:pt x="1184" y="572"/>
                  <a:pt x="1183" y="573"/>
                </a:cubicBezTo>
                <a:cubicBezTo>
                  <a:pt x="1182" y="573"/>
                  <a:pt x="1181" y="573"/>
                  <a:pt x="1181" y="574"/>
                </a:cubicBezTo>
                <a:cubicBezTo>
                  <a:pt x="1180" y="574"/>
                  <a:pt x="1179" y="574"/>
                  <a:pt x="1178" y="574"/>
                </a:cubicBezTo>
                <a:cubicBezTo>
                  <a:pt x="1178" y="574"/>
                  <a:pt x="1175" y="573"/>
                  <a:pt x="1175" y="574"/>
                </a:cubicBezTo>
                <a:close/>
                <a:moveTo>
                  <a:pt x="959" y="738"/>
                </a:moveTo>
                <a:cubicBezTo>
                  <a:pt x="960" y="739"/>
                  <a:pt x="961" y="739"/>
                  <a:pt x="963" y="739"/>
                </a:cubicBezTo>
                <a:cubicBezTo>
                  <a:pt x="964" y="740"/>
                  <a:pt x="965" y="741"/>
                  <a:pt x="965" y="742"/>
                </a:cubicBezTo>
                <a:cubicBezTo>
                  <a:pt x="968" y="743"/>
                  <a:pt x="967" y="738"/>
                  <a:pt x="967" y="737"/>
                </a:cubicBezTo>
                <a:cubicBezTo>
                  <a:pt x="969" y="735"/>
                  <a:pt x="969" y="734"/>
                  <a:pt x="966" y="733"/>
                </a:cubicBezTo>
                <a:cubicBezTo>
                  <a:pt x="964" y="732"/>
                  <a:pt x="963" y="731"/>
                  <a:pt x="961" y="730"/>
                </a:cubicBezTo>
                <a:cubicBezTo>
                  <a:pt x="960" y="730"/>
                  <a:pt x="959" y="729"/>
                  <a:pt x="958" y="729"/>
                </a:cubicBezTo>
                <a:cubicBezTo>
                  <a:pt x="957" y="730"/>
                  <a:pt x="958" y="731"/>
                  <a:pt x="958" y="732"/>
                </a:cubicBezTo>
                <a:cubicBezTo>
                  <a:pt x="958" y="734"/>
                  <a:pt x="956" y="737"/>
                  <a:pt x="959" y="738"/>
                </a:cubicBezTo>
                <a:close/>
                <a:moveTo>
                  <a:pt x="1084" y="625"/>
                </a:moveTo>
                <a:cubicBezTo>
                  <a:pt x="1085" y="624"/>
                  <a:pt x="1085" y="623"/>
                  <a:pt x="1086" y="623"/>
                </a:cubicBezTo>
                <a:cubicBezTo>
                  <a:pt x="1087" y="623"/>
                  <a:pt x="1088" y="622"/>
                  <a:pt x="1087" y="621"/>
                </a:cubicBezTo>
                <a:cubicBezTo>
                  <a:pt x="1087" y="621"/>
                  <a:pt x="1086" y="621"/>
                  <a:pt x="1086" y="620"/>
                </a:cubicBezTo>
                <a:cubicBezTo>
                  <a:pt x="1086" y="620"/>
                  <a:pt x="1085" y="619"/>
                  <a:pt x="1085" y="619"/>
                </a:cubicBezTo>
                <a:cubicBezTo>
                  <a:pt x="1084" y="618"/>
                  <a:pt x="1083" y="617"/>
                  <a:pt x="1082" y="618"/>
                </a:cubicBezTo>
                <a:cubicBezTo>
                  <a:pt x="1081" y="618"/>
                  <a:pt x="1080" y="619"/>
                  <a:pt x="1079" y="619"/>
                </a:cubicBezTo>
                <a:cubicBezTo>
                  <a:pt x="1078" y="619"/>
                  <a:pt x="1077" y="619"/>
                  <a:pt x="1076" y="619"/>
                </a:cubicBezTo>
                <a:cubicBezTo>
                  <a:pt x="1075" y="619"/>
                  <a:pt x="1074" y="618"/>
                  <a:pt x="1073" y="619"/>
                </a:cubicBezTo>
                <a:cubicBezTo>
                  <a:pt x="1072" y="619"/>
                  <a:pt x="1072" y="620"/>
                  <a:pt x="1071" y="621"/>
                </a:cubicBezTo>
                <a:cubicBezTo>
                  <a:pt x="1069" y="622"/>
                  <a:pt x="1067" y="622"/>
                  <a:pt x="1067" y="624"/>
                </a:cubicBezTo>
                <a:cubicBezTo>
                  <a:pt x="1066" y="627"/>
                  <a:pt x="1065" y="628"/>
                  <a:pt x="1063" y="629"/>
                </a:cubicBezTo>
                <a:cubicBezTo>
                  <a:pt x="1062" y="630"/>
                  <a:pt x="1060" y="631"/>
                  <a:pt x="1059" y="633"/>
                </a:cubicBezTo>
                <a:cubicBezTo>
                  <a:pt x="1058" y="634"/>
                  <a:pt x="1058" y="636"/>
                  <a:pt x="1058" y="638"/>
                </a:cubicBezTo>
                <a:cubicBezTo>
                  <a:pt x="1057" y="641"/>
                  <a:pt x="1057" y="645"/>
                  <a:pt x="1058" y="648"/>
                </a:cubicBezTo>
                <a:cubicBezTo>
                  <a:pt x="1059" y="649"/>
                  <a:pt x="1059" y="649"/>
                  <a:pt x="1060" y="651"/>
                </a:cubicBezTo>
                <a:cubicBezTo>
                  <a:pt x="1060" y="652"/>
                  <a:pt x="1060" y="653"/>
                  <a:pt x="1060" y="654"/>
                </a:cubicBezTo>
                <a:cubicBezTo>
                  <a:pt x="1060" y="655"/>
                  <a:pt x="1061" y="655"/>
                  <a:pt x="1061" y="656"/>
                </a:cubicBezTo>
                <a:cubicBezTo>
                  <a:pt x="1061" y="658"/>
                  <a:pt x="1059" y="658"/>
                  <a:pt x="1059" y="659"/>
                </a:cubicBezTo>
                <a:cubicBezTo>
                  <a:pt x="1058" y="662"/>
                  <a:pt x="1063" y="659"/>
                  <a:pt x="1064" y="658"/>
                </a:cubicBezTo>
                <a:cubicBezTo>
                  <a:pt x="1066" y="657"/>
                  <a:pt x="1067" y="656"/>
                  <a:pt x="1068" y="653"/>
                </a:cubicBezTo>
                <a:cubicBezTo>
                  <a:pt x="1069" y="651"/>
                  <a:pt x="1070" y="649"/>
                  <a:pt x="1073" y="649"/>
                </a:cubicBezTo>
                <a:cubicBezTo>
                  <a:pt x="1075" y="648"/>
                  <a:pt x="1077" y="649"/>
                  <a:pt x="1078" y="646"/>
                </a:cubicBezTo>
                <a:cubicBezTo>
                  <a:pt x="1078" y="645"/>
                  <a:pt x="1077" y="644"/>
                  <a:pt x="1078" y="643"/>
                </a:cubicBezTo>
                <a:cubicBezTo>
                  <a:pt x="1078" y="642"/>
                  <a:pt x="1080" y="642"/>
                  <a:pt x="1081" y="642"/>
                </a:cubicBezTo>
                <a:cubicBezTo>
                  <a:pt x="1082" y="642"/>
                  <a:pt x="1082" y="641"/>
                  <a:pt x="1082" y="640"/>
                </a:cubicBezTo>
                <a:cubicBezTo>
                  <a:pt x="1082" y="638"/>
                  <a:pt x="1081" y="638"/>
                  <a:pt x="1080" y="638"/>
                </a:cubicBezTo>
                <a:cubicBezTo>
                  <a:pt x="1079" y="637"/>
                  <a:pt x="1078" y="637"/>
                  <a:pt x="1078" y="636"/>
                </a:cubicBezTo>
                <a:cubicBezTo>
                  <a:pt x="1078" y="634"/>
                  <a:pt x="1079" y="634"/>
                  <a:pt x="1079" y="633"/>
                </a:cubicBezTo>
                <a:cubicBezTo>
                  <a:pt x="1080" y="631"/>
                  <a:pt x="1078" y="629"/>
                  <a:pt x="1079" y="627"/>
                </a:cubicBezTo>
                <a:cubicBezTo>
                  <a:pt x="1080" y="626"/>
                  <a:pt x="1083" y="627"/>
                  <a:pt x="1084" y="625"/>
                </a:cubicBezTo>
                <a:close/>
                <a:moveTo>
                  <a:pt x="1012" y="688"/>
                </a:moveTo>
                <a:cubicBezTo>
                  <a:pt x="1013" y="688"/>
                  <a:pt x="1013" y="684"/>
                  <a:pt x="1014" y="682"/>
                </a:cubicBezTo>
                <a:cubicBezTo>
                  <a:pt x="1014" y="680"/>
                  <a:pt x="1015" y="678"/>
                  <a:pt x="1016" y="676"/>
                </a:cubicBezTo>
                <a:cubicBezTo>
                  <a:pt x="1018" y="674"/>
                  <a:pt x="1018" y="672"/>
                  <a:pt x="1019" y="670"/>
                </a:cubicBezTo>
                <a:cubicBezTo>
                  <a:pt x="1019" y="669"/>
                  <a:pt x="1020" y="668"/>
                  <a:pt x="1020" y="667"/>
                </a:cubicBezTo>
                <a:cubicBezTo>
                  <a:pt x="1021" y="666"/>
                  <a:pt x="1021" y="665"/>
                  <a:pt x="1022" y="663"/>
                </a:cubicBezTo>
                <a:cubicBezTo>
                  <a:pt x="1023" y="660"/>
                  <a:pt x="1025" y="658"/>
                  <a:pt x="1026" y="655"/>
                </a:cubicBezTo>
                <a:cubicBezTo>
                  <a:pt x="1026" y="652"/>
                  <a:pt x="1027" y="650"/>
                  <a:pt x="1028" y="647"/>
                </a:cubicBezTo>
                <a:cubicBezTo>
                  <a:pt x="1028" y="646"/>
                  <a:pt x="1029" y="642"/>
                  <a:pt x="1028" y="641"/>
                </a:cubicBezTo>
                <a:cubicBezTo>
                  <a:pt x="1025" y="640"/>
                  <a:pt x="1022" y="650"/>
                  <a:pt x="1022" y="651"/>
                </a:cubicBezTo>
                <a:cubicBezTo>
                  <a:pt x="1021" y="655"/>
                  <a:pt x="1018" y="658"/>
                  <a:pt x="1016" y="661"/>
                </a:cubicBezTo>
                <a:cubicBezTo>
                  <a:pt x="1015" y="664"/>
                  <a:pt x="1014" y="665"/>
                  <a:pt x="1012" y="666"/>
                </a:cubicBezTo>
                <a:cubicBezTo>
                  <a:pt x="1010" y="667"/>
                  <a:pt x="1010" y="669"/>
                  <a:pt x="1009" y="671"/>
                </a:cubicBezTo>
                <a:cubicBezTo>
                  <a:pt x="1008" y="673"/>
                  <a:pt x="1008" y="675"/>
                  <a:pt x="1007" y="677"/>
                </a:cubicBezTo>
                <a:cubicBezTo>
                  <a:pt x="1007" y="679"/>
                  <a:pt x="1008" y="681"/>
                  <a:pt x="1009" y="683"/>
                </a:cubicBezTo>
                <a:cubicBezTo>
                  <a:pt x="1009" y="685"/>
                  <a:pt x="1010" y="689"/>
                  <a:pt x="1012" y="688"/>
                </a:cubicBezTo>
                <a:close/>
                <a:moveTo>
                  <a:pt x="833" y="708"/>
                </a:moveTo>
                <a:cubicBezTo>
                  <a:pt x="834" y="711"/>
                  <a:pt x="835" y="706"/>
                  <a:pt x="836" y="706"/>
                </a:cubicBezTo>
                <a:cubicBezTo>
                  <a:pt x="837" y="705"/>
                  <a:pt x="838" y="706"/>
                  <a:pt x="838" y="704"/>
                </a:cubicBezTo>
                <a:cubicBezTo>
                  <a:pt x="837" y="703"/>
                  <a:pt x="836" y="703"/>
                  <a:pt x="836" y="702"/>
                </a:cubicBezTo>
                <a:cubicBezTo>
                  <a:pt x="835" y="702"/>
                  <a:pt x="835" y="701"/>
                  <a:pt x="834" y="700"/>
                </a:cubicBezTo>
                <a:cubicBezTo>
                  <a:pt x="832" y="698"/>
                  <a:pt x="833" y="704"/>
                  <a:pt x="833" y="704"/>
                </a:cubicBezTo>
                <a:cubicBezTo>
                  <a:pt x="833" y="705"/>
                  <a:pt x="833" y="707"/>
                  <a:pt x="833" y="708"/>
                </a:cubicBezTo>
                <a:close/>
                <a:moveTo>
                  <a:pt x="1211" y="572"/>
                </a:moveTo>
                <a:cubicBezTo>
                  <a:pt x="1212" y="573"/>
                  <a:pt x="1212" y="573"/>
                  <a:pt x="1212" y="574"/>
                </a:cubicBezTo>
                <a:cubicBezTo>
                  <a:pt x="1213" y="574"/>
                  <a:pt x="1214" y="574"/>
                  <a:pt x="1214" y="573"/>
                </a:cubicBezTo>
                <a:cubicBezTo>
                  <a:pt x="1214" y="572"/>
                  <a:pt x="1213" y="572"/>
                  <a:pt x="1213" y="572"/>
                </a:cubicBezTo>
                <a:cubicBezTo>
                  <a:pt x="1212" y="571"/>
                  <a:pt x="1212" y="569"/>
                  <a:pt x="1211" y="569"/>
                </a:cubicBezTo>
                <a:cubicBezTo>
                  <a:pt x="1210" y="569"/>
                  <a:pt x="1209" y="570"/>
                  <a:pt x="1210" y="571"/>
                </a:cubicBezTo>
                <a:cubicBezTo>
                  <a:pt x="1210" y="572"/>
                  <a:pt x="1211" y="572"/>
                  <a:pt x="1211" y="572"/>
                </a:cubicBezTo>
                <a:close/>
                <a:moveTo>
                  <a:pt x="1187" y="511"/>
                </a:moveTo>
                <a:cubicBezTo>
                  <a:pt x="1187" y="511"/>
                  <a:pt x="1186" y="511"/>
                  <a:pt x="1186" y="511"/>
                </a:cubicBezTo>
                <a:cubicBezTo>
                  <a:pt x="1185" y="511"/>
                  <a:pt x="1184" y="511"/>
                  <a:pt x="1184" y="512"/>
                </a:cubicBezTo>
                <a:cubicBezTo>
                  <a:pt x="1184" y="512"/>
                  <a:pt x="1185" y="512"/>
                  <a:pt x="1186" y="512"/>
                </a:cubicBezTo>
                <a:cubicBezTo>
                  <a:pt x="1186" y="512"/>
                  <a:pt x="1187" y="512"/>
                  <a:pt x="1187" y="511"/>
                </a:cubicBezTo>
                <a:close/>
                <a:moveTo>
                  <a:pt x="1167" y="520"/>
                </a:moveTo>
                <a:cubicBezTo>
                  <a:pt x="1167" y="520"/>
                  <a:pt x="1166" y="521"/>
                  <a:pt x="1166" y="521"/>
                </a:cubicBezTo>
                <a:cubicBezTo>
                  <a:pt x="1166" y="522"/>
                  <a:pt x="1167" y="522"/>
                  <a:pt x="1167" y="522"/>
                </a:cubicBezTo>
                <a:cubicBezTo>
                  <a:pt x="1168" y="522"/>
                  <a:pt x="1169" y="522"/>
                  <a:pt x="1169" y="521"/>
                </a:cubicBezTo>
                <a:cubicBezTo>
                  <a:pt x="1169" y="521"/>
                  <a:pt x="1168" y="520"/>
                  <a:pt x="1167" y="520"/>
                </a:cubicBezTo>
                <a:close/>
                <a:moveTo>
                  <a:pt x="681" y="530"/>
                </a:moveTo>
                <a:cubicBezTo>
                  <a:pt x="681" y="530"/>
                  <a:pt x="680" y="528"/>
                  <a:pt x="679" y="528"/>
                </a:cubicBezTo>
                <a:cubicBezTo>
                  <a:pt x="678" y="528"/>
                  <a:pt x="679" y="530"/>
                  <a:pt x="679" y="531"/>
                </a:cubicBezTo>
                <a:cubicBezTo>
                  <a:pt x="680" y="532"/>
                  <a:pt x="680" y="534"/>
                  <a:pt x="682" y="535"/>
                </a:cubicBezTo>
                <a:cubicBezTo>
                  <a:pt x="683" y="536"/>
                  <a:pt x="685" y="536"/>
                  <a:pt x="686" y="536"/>
                </a:cubicBezTo>
                <a:cubicBezTo>
                  <a:pt x="687" y="535"/>
                  <a:pt x="685" y="534"/>
                  <a:pt x="685" y="534"/>
                </a:cubicBezTo>
                <a:cubicBezTo>
                  <a:pt x="684" y="532"/>
                  <a:pt x="685" y="532"/>
                  <a:pt x="686" y="532"/>
                </a:cubicBezTo>
                <a:cubicBezTo>
                  <a:pt x="687" y="532"/>
                  <a:pt x="688" y="532"/>
                  <a:pt x="689" y="531"/>
                </a:cubicBezTo>
                <a:cubicBezTo>
                  <a:pt x="690" y="530"/>
                  <a:pt x="690" y="529"/>
                  <a:pt x="690" y="528"/>
                </a:cubicBezTo>
                <a:cubicBezTo>
                  <a:pt x="690" y="527"/>
                  <a:pt x="691" y="526"/>
                  <a:pt x="691" y="525"/>
                </a:cubicBezTo>
                <a:cubicBezTo>
                  <a:pt x="690" y="523"/>
                  <a:pt x="690" y="523"/>
                  <a:pt x="689" y="524"/>
                </a:cubicBezTo>
                <a:cubicBezTo>
                  <a:pt x="687" y="524"/>
                  <a:pt x="682" y="525"/>
                  <a:pt x="683" y="528"/>
                </a:cubicBezTo>
                <a:cubicBezTo>
                  <a:pt x="683" y="528"/>
                  <a:pt x="684" y="529"/>
                  <a:pt x="683" y="530"/>
                </a:cubicBezTo>
                <a:cubicBezTo>
                  <a:pt x="683" y="530"/>
                  <a:pt x="682" y="530"/>
                  <a:pt x="681" y="530"/>
                </a:cubicBezTo>
                <a:close/>
                <a:moveTo>
                  <a:pt x="974" y="1387"/>
                </a:moveTo>
                <a:cubicBezTo>
                  <a:pt x="974" y="1386"/>
                  <a:pt x="975" y="1385"/>
                  <a:pt x="975" y="1384"/>
                </a:cubicBezTo>
                <a:cubicBezTo>
                  <a:pt x="976" y="1382"/>
                  <a:pt x="976" y="1380"/>
                  <a:pt x="978" y="1379"/>
                </a:cubicBezTo>
                <a:cubicBezTo>
                  <a:pt x="980" y="1378"/>
                  <a:pt x="980" y="1376"/>
                  <a:pt x="981" y="1374"/>
                </a:cubicBezTo>
                <a:cubicBezTo>
                  <a:pt x="981" y="1373"/>
                  <a:pt x="982" y="1372"/>
                  <a:pt x="983" y="1372"/>
                </a:cubicBezTo>
                <a:cubicBezTo>
                  <a:pt x="984" y="1371"/>
                  <a:pt x="986" y="1371"/>
                  <a:pt x="985" y="1370"/>
                </a:cubicBezTo>
                <a:cubicBezTo>
                  <a:pt x="983" y="1370"/>
                  <a:pt x="981" y="1370"/>
                  <a:pt x="979" y="1370"/>
                </a:cubicBezTo>
                <a:cubicBezTo>
                  <a:pt x="977" y="1371"/>
                  <a:pt x="976" y="1372"/>
                  <a:pt x="974" y="1372"/>
                </a:cubicBezTo>
                <a:cubicBezTo>
                  <a:pt x="971" y="1372"/>
                  <a:pt x="970" y="1372"/>
                  <a:pt x="968" y="1373"/>
                </a:cubicBezTo>
                <a:cubicBezTo>
                  <a:pt x="966" y="1375"/>
                  <a:pt x="965" y="1376"/>
                  <a:pt x="963" y="1376"/>
                </a:cubicBezTo>
                <a:cubicBezTo>
                  <a:pt x="960" y="1376"/>
                  <a:pt x="959" y="1374"/>
                  <a:pt x="957" y="1374"/>
                </a:cubicBezTo>
                <a:cubicBezTo>
                  <a:pt x="955" y="1374"/>
                  <a:pt x="954" y="1376"/>
                  <a:pt x="953" y="1376"/>
                </a:cubicBezTo>
                <a:cubicBezTo>
                  <a:pt x="952" y="1377"/>
                  <a:pt x="951" y="1377"/>
                  <a:pt x="949" y="1378"/>
                </a:cubicBezTo>
                <a:cubicBezTo>
                  <a:pt x="947" y="1379"/>
                  <a:pt x="945" y="1379"/>
                  <a:pt x="942" y="1379"/>
                </a:cubicBezTo>
                <a:cubicBezTo>
                  <a:pt x="940" y="1378"/>
                  <a:pt x="938" y="1377"/>
                  <a:pt x="936" y="1377"/>
                </a:cubicBezTo>
                <a:cubicBezTo>
                  <a:pt x="935" y="1377"/>
                  <a:pt x="934" y="1378"/>
                  <a:pt x="932" y="1377"/>
                </a:cubicBezTo>
                <a:cubicBezTo>
                  <a:pt x="931" y="1376"/>
                  <a:pt x="930" y="1376"/>
                  <a:pt x="929" y="1376"/>
                </a:cubicBezTo>
                <a:cubicBezTo>
                  <a:pt x="927" y="1375"/>
                  <a:pt x="925" y="1375"/>
                  <a:pt x="922" y="1375"/>
                </a:cubicBezTo>
                <a:cubicBezTo>
                  <a:pt x="922" y="1375"/>
                  <a:pt x="920" y="1375"/>
                  <a:pt x="919" y="1375"/>
                </a:cubicBezTo>
                <a:cubicBezTo>
                  <a:pt x="918" y="1374"/>
                  <a:pt x="918" y="1373"/>
                  <a:pt x="918" y="1372"/>
                </a:cubicBezTo>
                <a:cubicBezTo>
                  <a:pt x="917" y="1371"/>
                  <a:pt x="916" y="1371"/>
                  <a:pt x="915" y="1372"/>
                </a:cubicBezTo>
                <a:cubicBezTo>
                  <a:pt x="914" y="1372"/>
                  <a:pt x="913" y="1373"/>
                  <a:pt x="912" y="1373"/>
                </a:cubicBezTo>
                <a:cubicBezTo>
                  <a:pt x="910" y="1374"/>
                  <a:pt x="909" y="1376"/>
                  <a:pt x="907" y="1377"/>
                </a:cubicBezTo>
                <a:cubicBezTo>
                  <a:pt x="905" y="1377"/>
                  <a:pt x="903" y="1377"/>
                  <a:pt x="901" y="1375"/>
                </a:cubicBezTo>
                <a:cubicBezTo>
                  <a:pt x="901" y="1374"/>
                  <a:pt x="901" y="1373"/>
                  <a:pt x="899" y="1373"/>
                </a:cubicBezTo>
                <a:cubicBezTo>
                  <a:pt x="898" y="1373"/>
                  <a:pt x="897" y="1374"/>
                  <a:pt x="897" y="1375"/>
                </a:cubicBezTo>
                <a:cubicBezTo>
                  <a:pt x="896" y="1376"/>
                  <a:pt x="895" y="1378"/>
                  <a:pt x="894" y="1379"/>
                </a:cubicBezTo>
                <a:cubicBezTo>
                  <a:pt x="892" y="1381"/>
                  <a:pt x="890" y="1382"/>
                  <a:pt x="889" y="1384"/>
                </a:cubicBezTo>
                <a:cubicBezTo>
                  <a:pt x="888" y="1386"/>
                  <a:pt x="891" y="1387"/>
                  <a:pt x="892" y="1388"/>
                </a:cubicBezTo>
                <a:cubicBezTo>
                  <a:pt x="893" y="1389"/>
                  <a:pt x="894" y="1390"/>
                  <a:pt x="894" y="1391"/>
                </a:cubicBezTo>
                <a:cubicBezTo>
                  <a:pt x="895" y="1392"/>
                  <a:pt x="895" y="1392"/>
                  <a:pt x="896" y="1393"/>
                </a:cubicBezTo>
                <a:cubicBezTo>
                  <a:pt x="896" y="1394"/>
                  <a:pt x="896" y="1395"/>
                  <a:pt x="897" y="1396"/>
                </a:cubicBezTo>
                <a:cubicBezTo>
                  <a:pt x="898" y="1397"/>
                  <a:pt x="901" y="1393"/>
                  <a:pt x="903" y="1392"/>
                </a:cubicBezTo>
                <a:cubicBezTo>
                  <a:pt x="904" y="1392"/>
                  <a:pt x="904" y="1393"/>
                  <a:pt x="905" y="1393"/>
                </a:cubicBezTo>
                <a:cubicBezTo>
                  <a:pt x="906" y="1394"/>
                  <a:pt x="906" y="1394"/>
                  <a:pt x="907" y="1395"/>
                </a:cubicBezTo>
                <a:cubicBezTo>
                  <a:pt x="908" y="1395"/>
                  <a:pt x="909" y="1395"/>
                  <a:pt x="910" y="1396"/>
                </a:cubicBezTo>
                <a:cubicBezTo>
                  <a:pt x="912" y="1396"/>
                  <a:pt x="913" y="1398"/>
                  <a:pt x="915" y="1399"/>
                </a:cubicBezTo>
                <a:cubicBezTo>
                  <a:pt x="917" y="1400"/>
                  <a:pt x="919" y="1401"/>
                  <a:pt x="921" y="1401"/>
                </a:cubicBezTo>
                <a:cubicBezTo>
                  <a:pt x="923" y="1402"/>
                  <a:pt x="924" y="1404"/>
                  <a:pt x="926" y="1405"/>
                </a:cubicBezTo>
                <a:cubicBezTo>
                  <a:pt x="928" y="1406"/>
                  <a:pt x="930" y="1405"/>
                  <a:pt x="932" y="1406"/>
                </a:cubicBezTo>
                <a:cubicBezTo>
                  <a:pt x="933" y="1407"/>
                  <a:pt x="933" y="1408"/>
                  <a:pt x="933" y="1409"/>
                </a:cubicBezTo>
                <a:cubicBezTo>
                  <a:pt x="934" y="1409"/>
                  <a:pt x="935" y="1410"/>
                  <a:pt x="936" y="1410"/>
                </a:cubicBezTo>
                <a:cubicBezTo>
                  <a:pt x="940" y="1410"/>
                  <a:pt x="943" y="1411"/>
                  <a:pt x="946" y="1414"/>
                </a:cubicBezTo>
                <a:cubicBezTo>
                  <a:pt x="948" y="1415"/>
                  <a:pt x="948" y="1417"/>
                  <a:pt x="949" y="1418"/>
                </a:cubicBezTo>
                <a:cubicBezTo>
                  <a:pt x="950" y="1419"/>
                  <a:pt x="950" y="1420"/>
                  <a:pt x="951" y="1421"/>
                </a:cubicBezTo>
                <a:cubicBezTo>
                  <a:pt x="951" y="1421"/>
                  <a:pt x="952" y="1422"/>
                  <a:pt x="953" y="1422"/>
                </a:cubicBezTo>
                <a:cubicBezTo>
                  <a:pt x="955" y="1423"/>
                  <a:pt x="957" y="1422"/>
                  <a:pt x="960" y="1423"/>
                </a:cubicBezTo>
                <a:cubicBezTo>
                  <a:pt x="961" y="1423"/>
                  <a:pt x="961" y="1423"/>
                  <a:pt x="962" y="1424"/>
                </a:cubicBezTo>
                <a:cubicBezTo>
                  <a:pt x="964" y="1424"/>
                  <a:pt x="967" y="1423"/>
                  <a:pt x="968" y="1424"/>
                </a:cubicBezTo>
                <a:cubicBezTo>
                  <a:pt x="969" y="1425"/>
                  <a:pt x="969" y="1426"/>
                  <a:pt x="970" y="1425"/>
                </a:cubicBezTo>
                <a:cubicBezTo>
                  <a:pt x="970" y="1425"/>
                  <a:pt x="970" y="1423"/>
                  <a:pt x="970" y="1422"/>
                </a:cubicBezTo>
                <a:cubicBezTo>
                  <a:pt x="970" y="1421"/>
                  <a:pt x="968" y="1419"/>
                  <a:pt x="970" y="1419"/>
                </a:cubicBezTo>
                <a:cubicBezTo>
                  <a:pt x="971" y="1418"/>
                  <a:pt x="972" y="1419"/>
                  <a:pt x="972" y="1418"/>
                </a:cubicBezTo>
                <a:cubicBezTo>
                  <a:pt x="972" y="1416"/>
                  <a:pt x="969" y="1413"/>
                  <a:pt x="973" y="1413"/>
                </a:cubicBezTo>
                <a:cubicBezTo>
                  <a:pt x="973" y="1413"/>
                  <a:pt x="974" y="1414"/>
                  <a:pt x="975" y="1413"/>
                </a:cubicBezTo>
                <a:cubicBezTo>
                  <a:pt x="975" y="1413"/>
                  <a:pt x="975" y="1412"/>
                  <a:pt x="975" y="1411"/>
                </a:cubicBezTo>
                <a:cubicBezTo>
                  <a:pt x="974" y="1410"/>
                  <a:pt x="974" y="1410"/>
                  <a:pt x="973" y="1409"/>
                </a:cubicBezTo>
                <a:cubicBezTo>
                  <a:pt x="973" y="1408"/>
                  <a:pt x="973" y="1408"/>
                  <a:pt x="972" y="1407"/>
                </a:cubicBezTo>
                <a:cubicBezTo>
                  <a:pt x="971" y="1406"/>
                  <a:pt x="972" y="1405"/>
                  <a:pt x="971" y="1404"/>
                </a:cubicBezTo>
                <a:cubicBezTo>
                  <a:pt x="970" y="1404"/>
                  <a:pt x="969" y="1404"/>
                  <a:pt x="969" y="1403"/>
                </a:cubicBezTo>
                <a:cubicBezTo>
                  <a:pt x="968" y="1402"/>
                  <a:pt x="968" y="1400"/>
                  <a:pt x="968" y="1399"/>
                </a:cubicBezTo>
                <a:cubicBezTo>
                  <a:pt x="968" y="1398"/>
                  <a:pt x="968" y="1397"/>
                  <a:pt x="969" y="1396"/>
                </a:cubicBezTo>
                <a:cubicBezTo>
                  <a:pt x="970" y="1396"/>
                  <a:pt x="971" y="1396"/>
                  <a:pt x="971" y="1395"/>
                </a:cubicBezTo>
                <a:cubicBezTo>
                  <a:pt x="972" y="1393"/>
                  <a:pt x="971" y="1391"/>
                  <a:pt x="971" y="1390"/>
                </a:cubicBezTo>
                <a:cubicBezTo>
                  <a:pt x="972" y="1388"/>
                  <a:pt x="973" y="1388"/>
                  <a:pt x="974" y="1387"/>
                </a:cubicBezTo>
                <a:close/>
                <a:moveTo>
                  <a:pt x="616" y="1310"/>
                </a:moveTo>
                <a:cubicBezTo>
                  <a:pt x="615" y="1310"/>
                  <a:pt x="614" y="1310"/>
                  <a:pt x="613" y="1310"/>
                </a:cubicBezTo>
                <a:cubicBezTo>
                  <a:pt x="611" y="1311"/>
                  <a:pt x="609" y="1311"/>
                  <a:pt x="607" y="1312"/>
                </a:cubicBezTo>
                <a:cubicBezTo>
                  <a:pt x="605" y="1313"/>
                  <a:pt x="603" y="1315"/>
                  <a:pt x="602" y="1317"/>
                </a:cubicBezTo>
                <a:cubicBezTo>
                  <a:pt x="599" y="1318"/>
                  <a:pt x="596" y="1319"/>
                  <a:pt x="593" y="1321"/>
                </a:cubicBezTo>
                <a:cubicBezTo>
                  <a:pt x="591" y="1322"/>
                  <a:pt x="590" y="1324"/>
                  <a:pt x="593" y="1326"/>
                </a:cubicBezTo>
                <a:cubicBezTo>
                  <a:pt x="595" y="1326"/>
                  <a:pt x="598" y="1325"/>
                  <a:pt x="600" y="1326"/>
                </a:cubicBezTo>
                <a:cubicBezTo>
                  <a:pt x="602" y="1327"/>
                  <a:pt x="601" y="1330"/>
                  <a:pt x="602" y="1331"/>
                </a:cubicBezTo>
                <a:cubicBezTo>
                  <a:pt x="603" y="1332"/>
                  <a:pt x="604" y="1332"/>
                  <a:pt x="605" y="1332"/>
                </a:cubicBezTo>
                <a:cubicBezTo>
                  <a:pt x="606" y="1333"/>
                  <a:pt x="607" y="1334"/>
                  <a:pt x="607" y="1334"/>
                </a:cubicBezTo>
                <a:cubicBezTo>
                  <a:pt x="609" y="1336"/>
                  <a:pt x="611" y="1334"/>
                  <a:pt x="613" y="1334"/>
                </a:cubicBezTo>
                <a:cubicBezTo>
                  <a:pt x="616" y="1333"/>
                  <a:pt x="617" y="1331"/>
                  <a:pt x="618" y="1329"/>
                </a:cubicBezTo>
                <a:cubicBezTo>
                  <a:pt x="619" y="1327"/>
                  <a:pt x="620" y="1325"/>
                  <a:pt x="622" y="1324"/>
                </a:cubicBezTo>
                <a:cubicBezTo>
                  <a:pt x="624" y="1323"/>
                  <a:pt x="625" y="1320"/>
                  <a:pt x="624" y="1318"/>
                </a:cubicBezTo>
                <a:cubicBezTo>
                  <a:pt x="622" y="1316"/>
                  <a:pt x="619" y="1317"/>
                  <a:pt x="617" y="1318"/>
                </a:cubicBezTo>
                <a:cubicBezTo>
                  <a:pt x="616" y="1318"/>
                  <a:pt x="615" y="1318"/>
                  <a:pt x="615" y="1316"/>
                </a:cubicBezTo>
                <a:cubicBezTo>
                  <a:pt x="615" y="1315"/>
                  <a:pt x="615" y="1314"/>
                  <a:pt x="615" y="1313"/>
                </a:cubicBezTo>
                <a:cubicBezTo>
                  <a:pt x="616" y="1312"/>
                  <a:pt x="617" y="1311"/>
                  <a:pt x="616" y="1310"/>
                </a:cubicBezTo>
                <a:close/>
                <a:moveTo>
                  <a:pt x="637" y="1310"/>
                </a:moveTo>
                <a:cubicBezTo>
                  <a:pt x="638" y="1311"/>
                  <a:pt x="638" y="1312"/>
                  <a:pt x="639" y="1312"/>
                </a:cubicBezTo>
                <a:cubicBezTo>
                  <a:pt x="640" y="1313"/>
                  <a:pt x="641" y="1313"/>
                  <a:pt x="641" y="1313"/>
                </a:cubicBezTo>
                <a:cubicBezTo>
                  <a:pt x="643" y="1313"/>
                  <a:pt x="645" y="1314"/>
                  <a:pt x="645" y="1316"/>
                </a:cubicBezTo>
                <a:cubicBezTo>
                  <a:pt x="647" y="1317"/>
                  <a:pt x="648" y="1315"/>
                  <a:pt x="648" y="1314"/>
                </a:cubicBezTo>
                <a:cubicBezTo>
                  <a:pt x="648" y="1313"/>
                  <a:pt x="648" y="1312"/>
                  <a:pt x="648" y="1311"/>
                </a:cubicBezTo>
                <a:cubicBezTo>
                  <a:pt x="648" y="1310"/>
                  <a:pt x="647" y="1310"/>
                  <a:pt x="647" y="1309"/>
                </a:cubicBezTo>
                <a:cubicBezTo>
                  <a:pt x="646" y="1308"/>
                  <a:pt x="646" y="1307"/>
                  <a:pt x="645" y="1307"/>
                </a:cubicBezTo>
                <a:cubicBezTo>
                  <a:pt x="644" y="1306"/>
                  <a:pt x="643" y="1307"/>
                  <a:pt x="642" y="1307"/>
                </a:cubicBezTo>
                <a:cubicBezTo>
                  <a:pt x="640" y="1307"/>
                  <a:pt x="639" y="1306"/>
                  <a:pt x="637" y="1306"/>
                </a:cubicBezTo>
                <a:cubicBezTo>
                  <a:pt x="635" y="1306"/>
                  <a:pt x="633" y="1307"/>
                  <a:pt x="634" y="1309"/>
                </a:cubicBezTo>
                <a:cubicBezTo>
                  <a:pt x="634" y="1310"/>
                  <a:pt x="636" y="1310"/>
                  <a:pt x="637" y="1310"/>
                </a:cubicBezTo>
                <a:close/>
                <a:moveTo>
                  <a:pt x="793" y="1213"/>
                </a:moveTo>
                <a:cubicBezTo>
                  <a:pt x="791" y="1213"/>
                  <a:pt x="788" y="1213"/>
                  <a:pt x="787" y="1214"/>
                </a:cubicBezTo>
                <a:cubicBezTo>
                  <a:pt x="785" y="1215"/>
                  <a:pt x="784" y="1217"/>
                  <a:pt x="783" y="1219"/>
                </a:cubicBezTo>
                <a:cubicBezTo>
                  <a:pt x="781" y="1220"/>
                  <a:pt x="780" y="1221"/>
                  <a:pt x="778" y="1222"/>
                </a:cubicBezTo>
                <a:cubicBezTo>
                  <a:pt x="776" y="1223"/>
                  <a:pt x="774" y="1225"/>
                  <a:pt x="774" y="1227"/>
                </a:cubicBezTo>
                <a:cubicBezTo>
                  <a:pt x="774" y="1229"/>
                  <a:pt x="775" y="1231"/>
                  <a:pt x="776" y="1233"/>
                </a:cubicBezTo>
                <a:cubicBezTo>
                  <a:pt x="776" y="1235"/>
                  <a:pt x="776" y="1237"/>
                  <a:pt x="776" y="1239"/>
                </a:cubicBezTo>
                <a:cubicBezTo>
                  <a:pt x="776" y="1242"/>
                  <a:pt x="780" y="1240"/>
                  <a:pt x="781" y="1242"/>
                </a:cubicBezTo>
                <a:cubicBezTo>
                  <a:pt x="782" y="1245"/>
                  <a:pt x="779" y="1245"/>
                  <a:pt x="778" y="1246"/>
                </a:cubicBezTo>
                <a:cubicBezTo>
                  <a:pt x="777" y="1249"/>
                  <a:pt x="780" y="1248"/>
                  <a:pt x="781" y="1249"/>
                </a:cubicBezTo>
                <a:cubicBezTo>
                  <a:pt x="782" y="1250"/>
                  <a:pt x="781" y="1252"/>
                  <a:pt x="781" y="1252"/>
                </a:cubicBezTo>
                <a:cubicBezTo>
                  <a:pt x="782" y="1254"/>
                  <a:pt x="782" y="1254"/>
                  <a:pt x="783" y="1254"/>
                </a:cubicBezTo>
                <a:cubicBezTo>
                  <a:pt x="784" y="1256"/>
                  <a:pt x="785" y="1257"/>
                  <a:pt x="787" y="1258"/>
                </a:cubicBezTo>
                <a:cubicBezTo>
                  <a:pt x="789" y="1258"/>
                  <a:pt x="788" y="1258"/>
                  <a:pt x="789" y="1259"/>
                </a:cubicBezTo>
                <a:cubicBezTo>
                  <a:pt x="790" y="1260"/>
                  <a:pt x="791" y="1260"/>
                  <a:pt x="792" y="1260"/>
                </a:cubicBezTo>
                <a:cubicBezTo>
                  <a:pt x="793" y="1261"/>
                  <a:pt x="793" y="1262"/>
                  <a:pt x="794" y="1262"/>
                </a:cubicBezTo>
                <a:cubicBezTo>
                  <a:pt x="795" y="1263"/>
                  <a:pt x="795" y="1261"/>
                  <a:pt x="795" y="1260"/>
                </a:cubicBezTo>
                <a:cubicBezTo>
                  <a:pt x="795" y="1258"/>
                  <a:pt x="795" y="1256"/>
                  <a:pt x="796" y="1254"/>
                </a:cubicBezTo>
                <a:cubicBezTo>
                  <a:pt x="797" y="1252"/>
                  <a:pt x="798" y="1250"/>
                  <a:pt x="798" y="1249"/>
                </a:cubicBezTo>
                <a:cubicBezTo>
                  <a:pt x="799" y="1247"/>
                  <a:pt x="799" y="1245"/>
                  <a:pt x="800" y="1243"/>
                </a:cubicBezTo>
                <a:cubicBezTo>
                  <a:pt x="800" y="1242"/>
                  <a:pt x="801" y="1241"/>
                  <a:pt x="801" y="1240"/>
                </a:cubicBezTo>
                <a:cubicBezTo>
                  <a:pt x="802" y="1239"/>
                  <a:pt x="802" y="1238"/>
                  <a:pt x="802" y="1237"/>
                </a:cubicBezTo>
                <a:cubicBezTo>
                  <a:pt x="802" y="1235"/>
                  <a:pt x="802" y="1233"/>
                  <a:pt x="804" y="1232"/>
                </a:cubicBezTo>
                <a:cubicBezTo>
                  <a:pt x="805" y="1231"/>
                  <a:pt x="805" y="1229"/>
                  <a:pt x="805" y="1227"/>
                </a:cubicBezTo>
                <a:cubicBezTo>
                  <a:pt x="806" y="1225"/>
                  <a:pt x="805" y="1223"/>
                  <a:pt x="805" y="1221"/>
                </a:cubicBezTo>
                <a:cubicBezTo>
                  <a:pt x="804" y="1219"/>
                  <a:pt x="804" y="1217"/>
                  <a:pt x="804" y="1215"/>
                </a:cubicBezTo>
                <a:cubicBezTo>
                  <a:pt x="804" y="1214"/>
                  <a:pt x="804" y="1212"/>
                  <a:pt x="804" y="1211"/>
                </a:cubicBezTo>
                <a:cubicBezTo>
                  <a:pt x="804" y="1210"/>
                  <a:pt x="803" y="1210"/>
                  <a:pt x="803" y="1209"/>
                </a:cubicBezTo>
                <a:cubicBezTo>
                  <a:pt x="802" y="1207"/>
                  <a:pt x="803" y="1205"/>
                  <a:pt x="801" y="1203"/>
                </a:cubicBezTo>
                <a:cubicBezTo>
                  <a:pt x="800" y="1203"/>
                  <a:pt x="800" y="1203"/>
                  <a:pt x="800" y="1202"/>
                </a:cubicBezTo>
                <a:cubicBezTo>
                  <a:pt x="799" y="1202"/>
                  <a:pt x="800" y="1201"/>
                  <a:pt x="799" y="1201"/>
                </a:cubicBezTo>
                <a:cubicBezTo>
                  <a:pt x="798" y="1201"/>
                  <a:pt x="798" y="1203"/>
                  <a:pt x="798" y="1204"/>
                </a:cubicBezTo>
                <a:cubicBezTo>
                  <a:pt x="798" y="1206"/>
                  <a:pt x="798" y="1209"/>
                  <a:pt x="797" y="1211"/>
                </a:cubicBezTo>
                <a:cubicBezTo>
                  <a:pt x="797" y="1213"/>
                  <a:pt x="795" y="1213"/>
                  <a:pt x="793" y="1213"/>
                </a:cubicBezTo>
                <a:close/>
                <a:moveTo>
                  <a:pt x="761" y="1288"/>
                </a:moveTo>
                <a:cubicBezTo>
                  <a:pt x="762" y="1290"/>
                  <a:pt x="764" y="1288"/>
                  <a:pt x="765" y="1288"/>
                </a:cubicBezTo>
                <a:cubicBezTo>
                  <a:pt x="766" y="1288"/>
                  <a:pt x="768" y="1289"/>
                  <a:pt x="768" y="1290"/>
                </a:cubicBezTo>
                <a:cubicBezTo>
                  <a:pt x="769" y="1291"/>
                  <a:pt x="769" y="1293"/>
                  <a:pt x="770" y="1294"/>
                </a:cubicBezTo>
                <a:cubicBezTo>
                  <a:pt x="770" y="1296"/>
                  <a:pt x="771" y="1297"/>
                  <a:pt x="772" y="1298"/>
                </a:cubicBezTo>
                <a:cubicBezTo>
                  <a:pt x="773" y="1301"/>
                  <a:pt x="770" y="1303"/>
                  <a:pt x="770" y="1306"/>
                </a:cubicBezTo>
                <a:cubicBezTo>
                  <a:pt x="769" y="1308"/>
                  <a:pt x="770" y="1309"/>
                  <a:pt x="771" y="1312"/>
                </a:cubicBezTo>
                <a:cubicBezTo>
                  <a:pt x="771" y="1313"/>
                  <a:pt x="770" y="1314"/>
                  <a:pt x="771" y="1315"/>
                </a:cubicBezTo>
                <a:cubicBezTo>
                  <a:pt x="771" y="1315"/>
                  <a:pt x="772" y="1316"/>
                  <a:pt x="772" y="1317"/>
                </a:cubicBezTo>
                <a:cubicBezTo>
                  <a:pt x="775" y="1320"/>
                  <a:pt x="773" y="1322"/>
                  <a:pt x="771" y="1326"/>
                </a:cubicBezTo>
                <a:cubicBezTo>
                  <a:pt x="770" y="1327"/>
                  <a:pt x="769" y="1328"/>
                  <a:pt x="769" y="1330"/>
                </a:cubicBezTo>
                <a:cubicBezTo>
                  <a:pt x="769" y="1331"/>
                  <a:pt x="769" y="1333"/>
                  <a:pt x="769" y="1334"/>
                </a:cubicBezTo>
                <a:cubicBezTo>
                  <a:pt x="769" y="1337"/>
                  <a:pt x="767" y="1340"/>
                  <a:pt x="770" y="1342"/>
                </a:cubicBezTo>
                <a:cubicBezTo>
                  <a:pt x="772" y="1342"/>
                  <a:pt x="772" y="1342"/>
                  <a:pt x="774" y="1344"/>
                </a:cubicBezTo>
                <a:cubicBezTo>
                  <a:pt x="775" y="1344"/>
                  <a:pt x="775" y="1346"/>
                  <a:pt x="776" y="1347"/>
                </a:cubicBezTo>
                <a:cubicBezTo>
                  <a:pt x="780" y="1351"/>
                  <a:pt x="785" y="1347"/>
                  <a:pt x="787" y="1343"/>
                </a:cubicBezTo>
                <a:cubicBezTo>
                  <a:pt x="789" y="1342"/>
                  <a:pt x="787" y="1341"/>
                  <a:pt x="788" y="1339"/>
                </a:cubicBezTo>
                <a:cubicBezTo>
                  <a:pt x="789" y="1335"/>
                  <a:pt x="794" y="1337"/>
                  <a:pt x="797" y="1337"/>
                </a:cubicBezTo>
                <a:cubicBezTo>
                  <a:pt x="798" y="1338"/>
                  <a:pt x="799" y="1338"/>
                  <a:pt x="800" y="1339"/>
                </a:cubicBezTo>
                <a:cubicBezTo>
                  <a:pt x="802" y="1341"/>
                  <a:pt x="802" y="1341"/>
                  <a:pt x="803" y="1339"/>
                </a:cubicBezTo>
                <a:cubicBezTo>
                  <a:pt x="804" y="1338"/>
                  <a:pt x="804" y="1336"/>
                  <a:pt x="804" y="1335"/>
                </a:cubicBezTo>
                <a:cubicBezTo>
                  <a:pt x="804" y="1333"/>
                  <a:pt x="804" y="1332"/>
                  <a:pt x="805" y="1330"/>
                </a:cubicBezTo>
                <a:cubicBezTo>
                  <a:pt x="805" y="1327"/>
                  <a:pt x="806" y="1324"/>
                  <a:pt x="807" y="1322"/>
                </a:cubicBezTo>
                <a:cubicBezTo>
                  <a:pt x="807" y="1320"/>
                  <a:pt x="808" y="1319"/>
                  <a:pt x="808" y="1317"/>
                </a:cubicBezTo>
                <a:cubicBezTo>
                  <a:pt x="809" y="1316"/>
                  <a:pt x="809" y="1314"/>
                  <a:pt x="809" y="1313"/>
                </a:cubicBezTo>
                <a:cubicBezTo>
                  <a:pt x="809" y="1311"/>
                  <a:pt x="809" y="1309"/>
                  <a:pt x="809" y="1308"/>
                </a:cubicBezTo>
                <a:cubicBezTo>
                  <a:pt x="809" y="1306"/>
                  <a:pt x="810" y="1305"/>
                  <a:pt x="810" y="1303"/>
                </a:cubicBezTo>
                <a:cubicBezTo>
                  <a:pt x="811" y="1301"/>
                  <a:pt x="811" y="1300"/>
                  <a:pt x="811" y="1298"/>
                </a:cubicBezTo>
                <a:cubicBezTo>
                  <a:pt x="812" y="1297"/>
                  <a:pt x="813" y="1295"/>
                  <a:pt x="813" y="1293"/>
                </a:cubicBezTo>
                <a:cubicBezTo>
                  <a:pt x="813" y="1290"/>
                  <a:pt x="811" y="1288"/>
                  <a:pt x="810" y="1285"/>
                </a:cubicBezTo>
                <a:cubicBezTo>
                  <a:pt x="809" y="1282"/>
                  <a:pt x="809" y="1280"/>
                  <a:pt x="806" y="1278"/>
                </a:cubicBezTo>
                <a:cubicBezTo>
                  <a:pt x="805" y="1278"/>
                  <a:pt x="803" y="1278"/>
                  <a:pt x="803" y="1276"/>
                </a:cubicBezTo>
                <a:cubicBezTo>
                  <a:pt x="802" y="1274"/>
                  <a:pt x="804" y="1273"/>
                  <a:pt x="804" y="1272"/>
                </a:cubicBezTo>
                <a:cubicBezTo>
                  <a:pt x="805" y="1267"/>
                  <a:pt x="800" y="1270"/>
                  <a:pt x="797" y="1268"/>
                </a:cubicBezTo>
                <a:cubicBezTo>
                  <a:pt x="796" y="1266"/>
                  <a:pt x="797" y="1265"/>
                  <a:pt x="795" y="1265"/>
                </a:cubicBezTo>
                <a:cubicBezTo>
                  <a:pt x="793" y="1265"/>
                  <a:pt x="792" y="1267"/>
                  <a:pt x="792" y="1268"/>
                </a:cubicBezTo>
                <a:cubicBezTo>
                  <a:pt x="789" y="1270"/>
                  <a:pt x="787" y="1271"/>
                  <a:pt x="785" y="1273"/>
                </a:cubicBezTo>
                <a:cubicBezTo>
                  <a:pt x="783" y="1275"/>
                  <a:pt x="781" y="1279"/>
                  <a:pt x="778" y="1280"/>
                </a:cubicBezTo>
                <a:cubicBezTo>
                  <a:pt x="776" y="1281"/>
                  <a:pt x="775" y="1280"/>
                  <a:pt x="773" y="1279"/>
                </a:cubicBezTo>
                <a:cubicBezTo>
                  <a:pt x="771" y="1279"/>
                  <a:pt x="770" y="1279"/>
                  <a:pt x="768" y="1279"/>
                </a:cubicBezTo>
                <a:cubicBezTo>
                  <a:pt x="767" y="1278"/>
                  <a:pt x="767" y="1276"/>
                  <a:pt x="766" y="1276"/>
                </a:cubicBezTo>
                <a:cubicBezTo>
                  <a:pt x="764" y="1275"/>
                  <a:pt x="764" y="1278"/>
                  <a:pt x="764" y="1279"/>
                </a:cubicBezTo>
                <a:cubicBezTo>
                  <a:pt x="764" y="1281"/>
                  <a:pt x="764" y="1282"/>
                  <a:pt x="763" y="1284"/>
                </a:cubicBezTo>
                <a:cubicBezTo>
                  <a:pt x="762" y="1285"/>
                  <a:pt x="761" y="1286"/>
                  <a:pt x="761" y="1288"/>
                </a:cubicBezTo>
                <a:close/>
                <a:moveTo>
                  <a:pt x="822" y="1211"/>
                </a:moveTo>
                <a:cubicBezTo>
                  <a:pt x="822" y="1211"/>
                  <a:pt x="824" y="1212"/>
                  <a:pt x="825" y="1212"/>
                </a:cubicBezTo>
                <a:cubicBezTo>
                  <a:pt x="825" y="1213"/>
                  <a:pt x="827" y="1212"/>
                  <a:pt x="827" y="1213"/>
                </a:cubicBezTo>
                <a:cubicBezTo>
                  <a:pt x="828" y="1213"/>
                  <a:pt x="828" y="1215"/>
                  <a:pt x="830" y="1214"/>
                </a:cubicBezTo>
                <a:cubicBezTo>
                  <a:pt x="830" y="1213"/>
                  <a:pt x="830" y="1212"/>
                  <a:pt x="830" y="1211"/>
                </a:cubicBezTo>
                <a:cubicBezTo>
                  <a:pt x="831" y="1210"/>
                  <a:pt x="831" y="1209"/>
                  <a:pt x="830" y="1208"/>
                </a:cubicBezTo>
                <a:cubicBezTo>
                  <a:pt x="829" y="1207"/>
                  <a:pt x="829" y="1208"/>
                  <a:pt x="828" y="1209"/>
                </a:cubicBezTo>
                <a:cubicBezTo>
                  <a:pt x="826" y="1211"/>
                  <a:pt x="823" y="1208"/>
                  <a:pt x="821" y="1209"/>
                </a:cubicBezTo>
                <a:cubicBezTo>
                  <a:pt x="820" y="1210"/>
                  <a:pt x="821" y="1210"/>
                  <a:pt x="822" y="1211"/>
                </a:cubicBezTo>
                <a:close/>
                <a:moveTo>
                  <a:pt x="561" y="1349"/>
                </a:moveTo>
                <a:cubicBezTo>
                  <a:pt x="562" y="1352"/>
                  <a:pt x="564" y="1348"/>
                  <a:pt x="565" y="1347"/>
                </a:cubicBezTo>
                <a:cubicBezTo>
                  <a:pt x="566" y="1346"/>
                  <a:pt x="567" y="1344"/>
                  <a:pt x="569" y="1343"/>
                </a:cubicBezTo>
                <a:cubicBezTo>
                  <a:pt x="569" y="1343"/>
                  <a:pt x="570" y="1342"/>
                  <a:pt x="570" y="1342"/>
                </a:cubicBezTo>
                <a:cubicBezTo>
                  <a:pt x="569" y="1341"/>
                  <a:pt x="568" y="1341"/>
                  <a:pt x="567" y="1341"/>
                </a:cubicBezTo>
                <a:cubicBezTo>
                  <a:pt x="566" y="1340"/>
                  <a:pt x="566" y="1339"/>
                  <a:pt x="565" y="1339"/>
                </a:cubicBezTo>
                <a:cubicBezTo>
                  <a:pt x="564" y="1339"/>
                  <a:pt x="563" y="1341"/>
                  <a:pt x="562" y="1342"/>
                </a:cubicBezTo>
                <a:cubicBezTo>
                  <a:pt x="560" y="1342"/>
                  <a:pt x="559" y="1343"/>
                  <a:pt x="559" y="1344"/>
                </a:cubicBezTo>
                <a:cubicBezTo>
                  <a:pt x="558" y="1346"/>
                  <a:pt x="559" y="1346"/>
                  <a:pt x="560" y="1347"/>
                </a:cubicBezTo>
                <a:cubicBezTo>
                  <a:pt x="561" y="1348"/>
                  <a:pt x="560" y="1348"/>
                  <a:pt x="561" y="1349"/>
                </a:cubicBezTo>
                <a:close/>
                <a:moveTo>
                  <a:pt x="877" y="1420"/>
                </a:moveTo>
                <a:cubicBezTo>
                  <a:pt x="877" y="1419"/>
                  <a:pt x="876" y="1419"/>
                  <a:pt x="876" y="1419"/>
                </a:cubicBezTo>
                <a:cubicBezTo>
                  <a:pt x="875" y="1419"/>
                  <a:pt x="875" y="1419"/>
                  <a:pt x="875" y="1420"/>
                </a:cubicBezTo>
                <a:cubicBezTo>
                  <a:pt x="875" y="1420"/>
                  <a:pt x="875" y="1420"/>
                  <a:pt x="875" y="1420"/>
                </a:cubicBezTo>
                <a:cubicBezTo>
                  <a:pt x="875" y="1422"/>
                  <a:pt x="877" y="1422"/>
                  <a:pt x="877" y="1420"/>
                </a:cubicBezTo>
                <a:close/>
                <a:moveTo>
                  <a:pt x="973" y="1165"/>
                </a:moveTo>
                <a:cubicBezTo>
                  <a:pt x="974" y="1166"/>
                  <a:pt x="975" y="1168"/>
                  <a:pt x="976" y="1169"/>
                </a:cubicBezTo>
                <a:cubicBezTo>
                  <a:pt x="976" y="1167"/>
                  <a:pt x="974" y="1165"/>
                  <a:pt x="973" y="1164"/>
                </a:cubicBezTo>
                <a:cubicBezTo>
                  <a:pt x="972" y="1163"/>
                  <a:pt x="970" y="1162"/>
                  <a:pt x="969" y="1160"/>
                </a:cubicBezTo>
                <a:cubicBezTo>
                  <a:pt x="969" y="1160"/>
                  <a:pt x="968" y="1160"/>
                  <a:pt x="968" y="1160"/>
                </a:cubicBezTo>
                <a:cubicBezTo>
                  <a:pt x="967" y="1160"/>
                  <a:pt x="968" y="1160"/>
                  <a:pt x="967" y="1160"/>
                </a:cubicBezTo>
                <a:cubicBezTo>
                  <a:pt x="966" y="1161"/>
                  <a:pt x="967" y="1161"/>
                  <a:pt x="966" y="1161"/>
                </a:cubicBezTo>
                <a:cubicBezTo>
                  <a:pt x="966" y="1161"/>
                  <a:pt x="966" y="1160"/>
                  <a:pt x="965" y="1159"/>
                </a:cubicBezTo>
                <a:cubicBezTo>
                  <a:pt x="965" y="1159"/>
                  <a:pt x="964" y="1156"/>
                  <a:pt x="963" y="1157"/>
                </a:cubicBezTo>
                <a:cubicBezTo>
                  <a:pt x="963" y="1158"/>
                  <a:pt x="965" y="1159"/>
                  <a:pt x="965" y="1160"/>
                </a:cubicBezTo>
                <a:cubicBezTo>
                  <a:pt x="966" y="1162"/>
                  <a:pt x="967" y="1163"/>
                  <a:pt x="969" y="1164"/>
                </a:cubicBezTo>
                <a:cubicBezTo>
                  <a:pt x="969" y="1162"/>
                  <a:pt x="967" y="1162"/>
                  <a:pt x="967" y="1161"/>
                </a:cubicBezTo>
                <a:cubicBezTo>
                  <a:pt x="969" y="1160"/>
                  <a:pt x="972" y="1164"/>
                  <a:pt x="973" y="1165"/>
                </a:cubicBezTo>
                <a:close/>
                <a:moveTo>
                  <a:pt x="1319" y="1386"/>
                </a:moveTo>
                <a:cubicBezTo>
                  <a:pt x="1317" y="1386"/>
                  <a:pt x="1317" y="1385"/>
                  <a:pt x="1315" y="1385"/>
                </a:cubicBezTo>
                <a:cubicBezTo>
                  <a:pt x="1314" y="1386"/>
                  <a:pt x="1313" y="1387"/>
                  <a:pt x="1312" y="1387"/>
                </a:cubicBezTo>
                <a:cubicBezTo>
                  <a:pt x="1312" y="1387"/>
                  <a:pt x="1311" y="1386"/>
                  <a:pt x="1310" y="1386"/>
                </a:cubicBezTo>
                <a:cubicBezTo>
                  <a:pt x="1309" y="1387"/>
                  <a:pt x="1311" y="1389"/>
                  <a:pt x="1312" y="1389"/>
                </a:cubicBezTo>
                <a:cubicBezTo>
                  <a:pt x="1313" y="1390"/>
                  <a:pt x="1314" y="1389"/>
                  <a:pt x="1315" y="1390"/>
                </a:cubicBezTo>
                <a:cubicBezTo>
                  <a:pt x="1315" y="1391"/>
                  <a:pt x="1315" y="1391"/>
                  <a:pt x="1315" y="1391"/>
                </a:cubicBezTo>
                <a:cubicBezTo>
                  <a:pt x="1316" y="1392"/>
                  <a:pt x="1317" y="1391"/>
                  <a:pt x="1317" y="1391"/>
                </a:cubicBezTo>
                <a:cubicBezTo>
                  <a:pt x="1318" y="1391"/>
                  <a:pt x="1319" y="1391"/>
                  <a:pt x="1320" y="1390"/>
                </a:cubicBezTo>
                <a:cubicBezTo>
                  <a:pt x="1320" y="1390"/>
                  <a:pt x="1321" y="1389"/>
                  <a:pt x="1321" y="1389"/>
                </a:cubicBezTo>
                <a:cubicBezTo>
                  <a:pt x="1322" y="1389"/>
                  <a:pt x="1322" y="1389"/>
                  <a:pt x="1323" y="1389"/>
                </a:cubicBezTo>
                <a:cubicBezTo>
                  <a:pt x="1325" y="1387"/>
                  <a:pt x="1319" y="1387"/>
                  <a:pt x="1319" y="1386"/>
                </a:cubicBezTo>
                <a:close/>
                <a:moveTo>
                  <a:pt x="941" y="1140"/>
                </a:moveTo>
                <a:cubicBezTo>
                  <a:pt x="941" y="1140"/>
                  <a:pt x="943" y="1141"/>
                  <a:pt x="943" y="1141"/>
                </a:cubicBezTo>
                <a:cubicBezTo>
                  <a:pt x="944" y="1142"/>
                  <a:pt x="943" y="1140"/>
                  <a:pt x="943" y="1140"/>
                </a:cubicBezTo>
                <a:cubicBezTo>
                  <a:pt x="943" y="1139"/>
                  <a:pt x="942" y="1139"/>
                  <a:pt x="943" y="1138"/>
                </a:cubicBezTo>
                <a:cubicBezTo>
                  <a:pt x="942" y="1138"/>
                  <a:pt x="941" y="1139"/>
                  <a:pt x="941" y="1140"/>
                </a:cubicBezTo>
                <a:close/>
                <a:moveTo>
                  <a:pt x="958" y="1130"/>
                </a:moveTo>
                <a:cubicBezTo>
                  <a:pt x="958" y="1129"/>
                  <a:pt x="957" y="1129"/>
                  <a:pt x="957" y="1129"/>
                </a:cubicBezTo>
                <a:cubicBezTo>
                  <a:pt x="957" y="1128"/>
                  <a:pt x="957" y="1127"/>
                  <a:pt x="957" y="1127"/>
                </a:cubicBezTo>
                <a:cubicBezTo>
                  <a:pt x="957" y="1126"/>
                  <a:pt x="956" y="1126"/>
                  <a:pt x="955" y="1125"/>
                </a:cubicBezTo>
                <a:cubicBezTo>
                  <a:pt x="954" y="1125"/>
                  <a:pt x="953" y="1123"/>
                  <a:pt x="952" y="1123"/>
                </a:cubicBezTo>
                <a:cubicBezTo>
                  <a:pt x="951" y="1123"/>
                  <a:pt x="952" y="1123"/>
                  <a:pt x="952" y="1124"/>
                </a:cubicBezTo>
                <a:cubicBezTo>
                  <a:pt x="951" y="1124"/>
                  <a:pt x="950" y="1125"/>
                  <a:pt x="950" y="1125"/>
                </a:cubicBezTo>
                <a:cubicBezTo>
                  <a:pt x="949" y="1126"/>
                  <a:pt x="950" y="1127"/>
                  <a:pt x="951" y="1127"/>
                </a:cubicBezTo>
                <a:cubicBezTo>
                  <a:pt x="952" y="1128"/>
                  <a:pt x="952" y="1129"/>
                  <a:pt x="952" y="1129"/>
                </a:cubicBezTo>
                <a:cubicBezTo>
                  <a:pt x="953" y="1130"/>
                  <a:pt x="954" y="1130"/>
                  <a:pt x="955" y="1131"/>
                </a:cubicBezTo>
                <a:cubicBezTo>
                  <a:pt x="956" y="1131"/>
                  <a:pt x="957" y="1132"/>
                  <a:pt x="957" y="1132"/>
                </a:cubicBezTo>
                <a:cubicBezTo>
                  <a:pt x="959" y="1132"/>
                  <a:pt x="958" y="1131"/>
                  <a:pt x="958" y="1130"/>
                </a:cubicBezTo>
                <a:close/>
                <a:moveTo>
                  <a:pt x="1035" y="1210"/>
                </a:moveTo>
                <a:cubicBezTo>
                  <a:pt x="1035" y="1210"/>
                  <a:pt x="1031" y="1209"/>
                  <a:pt x="1032" y="1210"/>
                </a:cubicBezTo>
                <a:cubicBezTo>
                  <a:pt x="1033" y="1211"/>
                  <a:pt x="1037" y="1211"/>
                  <a:pt x="1038" y="1211"/>
                </a:cubicBezTo>
                <a:cubicBezTo>
                  <a:pt x="1040" y="1212"/>
                  <a:pt x="1043" y="1214"/>
                  <a:pt x="1044" y="1213"/>
                </a:cubicBezTo>
                <a:cubicBezTo>
                  <a:pt x="1045" y="1211"/>
                  <a:pt x="1040" y="1210"/>
                  <a:pt x="1039" y="1210"/>
                </a:cubicBezTo>
                <a:cubicBezTo>
                  <a:pt x="1038" y="1210"/>
                  <a:pt x="1037" y="1210"/>
                  <a:pt x="1035" y="1210"/>
                </a:cubicBezTo>
                <a:close/>
                <a:moveTo>
                  <a:pt x="1023" y="1204"/>
                </a:moveTo>
                <a:cubicBezTo>
                  <a:pt x="1024" y="1205"/>
                  <a:pt x="1025" y="1205"/>
                  <a:pt x="1026" y="1204"/>
                </a:cubicBezTo>
                <a:cubicBezTo>
                  <a:pt x="1026" y="1202"/>
                  <a:pt x="1021" y="1203"/>
                  <a:pt x="1020" y="1204"/>
                </a:cubicBezTo>
                <a:cubicBezTo>
                  <a:pt x="1019" y="1204"/>
                  <a:pt x="1017" y="1204"/>
                  <a:pt x="1016" y="1203"/>
                </a:cubicBezTo>
                <a:cubicBezTo>
                  <a:pt x="1015" y="1203"/>
                  <a:pt x="1014" y="1202"/>
                  <a:pt x="1013" y="1202"/>
                </a:cubicBezTo>
                <a:cubicBezTo>
                  <a:pt x="1013" y="1202"/>
                  <a:pt x="1011" y="1202"/>
                  <a:pt x="1011" y="1202"/>
                </a:cubicBezTo>
                <a:cubicBezTo>
                  <a:pt x="1012" y="1202"/>
                  <a:pt x="1012" y="1202"/>
                  <a:pt x="1013" y="1203"/>
                </a:cubicBezTo>
                <a:cubicBezTo>
                  <a:pt x="1013" y="1204"/>
                  <a:pt x="1012" y="1203"/>
                  <a:pt x="1012" y="1204"/>
                </a:cubicBezTo>
                <a:cubicBezTo>
                  <a:pt x="1014" y="1204"/>
                  <a:pt x="1016" y="1206"/>
                  <a:pt x="1019" y="1205"/>
                </a:cubicBezTo>
                <a:cubicBezTo>
                  <a:pt x="1020" y="1205"/>
                  <a:pt x="1021" y="1204"/>
                  <a:pt x="1023" y="1204"/>
                </a:cubicBezTo>
                <a:close/>
                <a:moveTo>
                  <a:pt x="1036" y="1204"/>
                </a:moveTo>
                <a:cubicBezTo>
                  <a:pt x="1035" y="1204"/>
                  <a:pt x="1033" y="1202"/>
                  <a:pt x="1031" y="1201"/>
                </a:cubicBezTo>
                <a:cubicBezTo>
                  <a:pt x="1031" y="1201"/>
                  <a:pt x="1031" y="1201"/>
                  <a:pt x="1030" y="1201"/>
                </a:cubicBezTo>
                <a:cubicBezTo>
                  <a:pt x="1028" y="1201"/>
                  <a:pt x="1027" y="1202"/>
                  <a:pt x="1025" y="1201"/>
                </a:cubicBezTo>
                <a:cubicBezTo>
                  <a:pt x="1024" y="1200"/>
                  <a:pt x="1024" y="1200"/>
                  <a:pt x="1023" y="1200"/>
                </a:cubicBezTo>
                <a:cubicBezTo>
                  <a:pt x="1022" y="1200"/>
                  <a:pt x="1023" y="1201"/>
                  <a:pt x="1023" y="1201"/>
                </a:cubicBezTo>
                <a:cubicBezTo>
                  <a:pt x="1024" y="1202"/>
                  <a:pt x="1026" y="1202"/>
                  <a:pt x="1027" y="1203"/>
                </a:cubicBezTo>
                <a:cubicBezTo>
                  <a:pt x="1029" y="1203"/>
                  <a:pt x="1032" y="1203"/>
                  <a:pt x="1034" y="1204"/>
                </a:cubicBezTo>
                <a:cubicBezTo>
                  <a:pt x="1036" y="1205"/>
                  <a:pt x="1037" y="1206"/>
                  <a:pt x="1039" y="1207"/>
                </a:cubicBezTo>
                <a:cubicBezTo>
                  <a:pt x="1040" y="1208"/>
                  <a:pt x="1043" y="1210"/>
                  <a:pt x="1045" y="1209"/>
                </a:cubicBezTo>
                <a:cubicBezTo>
                  <a:pt x="1045" y="1206"/>
                  <a:pt x="1038" y="1205"/>
                  <a:pt x="1036" y="1204"/>
                </a:cubicBezTo>
                <a:close/>
                <a:moveTo>
                  <a:pt x="1015" y="1212"/>
                </a:moveTo>
                <a:cubicBezTo>
                  <a:pt x="1016" y="1212"/>
                  <a:pt x="1016" y="1211"/>
                  <a:pt x="1017" y="1211"/>
                </a:cubicBezTo>
                <a:cubicBezTo>
                  <a:pt x="1018" y="1211"/>
                  <a:pt x="1018" y="1212"/>
                  <a:pt x="1019" y="1211"/>
                </a:cubicBezTo>
                <a:cubicBezTo>
                  <a:pt x="1021" y="1211"/>
                  <a:pt x="1019" y="1210"/>
                  <a:pt x="1018" y="1210"/>
                </a:cubicBezTo>
                <a:cubicBezTo>
                  <a:pt x="1017" y="1210"/>
                  <a:pt x="1015" y="1210"/>
                  <a:pt x="1015" y="1212"/>
                </a:cubicBezTo>
                <a:close/>
                <a:moveTo>
                  <a:pt x="1007" y="1191"/>
                </a:moveTo>
                <a:cubicBezTo>
                  <a:pt x="1008" y="1191"/>
                  <a:pt x="1009" y="1191"/>
                  <a:pt x="1010" y="1191"/>
                </a:cubicBezTo>
                <a:cubicBezTo>
                  <a:pt x="1011" y="1192"/>
                  <a:pt x="1012" y="1192"/>
                  <a:pt x="1013" y="1192"/>
                </a:cubicBezTo>
                <a:cubicBezTo>
                  <a:pt x="1014" y="1192"/>
                  <a:pt x="1019" y="1192"/>
                  <a:pt x="1018" y="1190"/>
                </a:cubicBezTo>
                <a:cubicBezTo>
                  <a:pt x="1018" y="1189"/>
                  <a:pt x="1014" y="1188"/>
                  <a:pt x="1013" y="1188"/>
                </a:cubicBezTo>
                <a:cubicBezTo>
                  <a:pt x="1011" y="1188"/>
                  <a:pt x="1010" y="1189"/>
                  <a:pt x="1008" y="1188"/>
                </a:cubicBezTo>
                <a:cubicBezTo>
                  <a:pt x="1007" y="1188"/>
                  <a:pt x="1006" y="1187"/>
                  <a:pt x="1005" y="1188"/>
                </a:cubicBezTo>
                <a:cubicBezTo>
                  <a:pt x="1005" y="1188"/>
                  <a:pt x="1006" y="1189"/>
                  <a:pt x="1006" y="1189"/>
                </a:cubicBezTo>
                <a:cubicBezTo>
                  <a:pt x="1006" y="1189"/>
                  <a:pt x="1005" y="1189"/>
                  <a:pt x="1005" y="1190"/>
                </a:cubicBezTo>
                <a:cubicBezTo>
                  <a:pt x="1005" y="1190"/>
                  <a:pt x="1006" y="1190"/>
                  <a:pt x="1007" y="1191"/>
                </a:cubicBezTo>
                <a:close/>
                <a:moveTo>
                  <a:pt x="1005" y="1194"/>
                </a:moveTo>
                <a:cubicBezTo>
                  <a:pt x="1004" y="1196"/>
                  <a:pt x="1008" y="1196"/>
                  <a:pt x="1009" y="1196"/>
                </a:cubicBezTo>
                <a:cubicBezTo>
                  <a:pt x="1010" y="1196"/>
                  <a:pt x="1011" y="1197"/>
                  <a:pt x="1011" y="1197"/>
                </a:cubicBezTo>
                <a:cubicBezTo>
                  <a:pt x="1012" y="1197"/>
                  <a:pt x="1013" y="1197"/>
                  <a:pt x="1014" y="1197"/>
                </a:cubicBezTo>
                <a:cubicBezTo>
                  <a:pt x="1016" y="1197"/>
                  <a:pt x="1017" y="1197"/>
                  <a:pt x="1019" y="1197"/>
                </a:cubicBezTo>
                <a:cubicBezTo>
                  <a:pt x="1021" y="1197"/>
                  <a:pt x="1023" y="1198"/>
                  <a:pt x="1024" y="1198"/>
                </a:cubicBezTo>
                <a:cubicBezTo>
                  <a:pt x="1025" y="1198"/>
                  <a:pt x="1027" y="1198"/>
                  <a:pt x="1026" y="1197"/>
                </a:cubicBezTo>
                <a:cubicBezTo>
                  <a:pt x="1025" y="1196"/>
                  <a:pt x="1024" y="1196"/>
                  <a:pt x="1023" y="1196"/>
                </a:cubicBezTo>
                <a:cubicBezTo>
                  <a:pt x="1021" y="1196"/>
                  <a:pt x="1019" y="1196"/>
                  <a:pt x="1017" y="1196"/>
                </a:cubicBezTo>
                <a:cubicBezTo>
                  <a:pt x="1016" y="1196"/>
                  <a:pt x="1014" y="1196"/>
                  <a:pt x="1013" y="1195"/>
                </a:cubicBezTo>
                <a:cubicBezTo>
                  <a:pt x="1013" y="1195"/>
                  <a:pt x="1012" y="1193"/>
                  <a:pt x="1011" y="1194"/>
                </a:cubicBezTo>
                <a:cubicBezTo>
                  <a:pt x="1010" y="1194"/>
                  <a:pt x="1010" y="1195"/>
                  <a:pt x="1009" y="1195"/>
                </a:cubicBezTo>
                <a:cubicBezTo>
                  <a:pt x="1008" y="1195"/>
                  <a:pt x="1005" y="1193"/>
                  <a:pt x="1005" y="1194"/>
                </a:cubicBezTo>
                <a:close/>
                <a:moveTo>
                  <a:pt x="1343" y="1444"/>
                </a:moveTo>
                <a:cubicBezTo>
                  <a:pt x="1342" y="1445"/>
                  <a:pt x="1343" y="1445"/>
                  <a:pt x="1344" y="1446"/>
                </a:cubicBezTo>
                <a:cubicBezTo>
                  <a:pt x="1345" y="1447"/>
                  <a:pt x="1343" y="1448"/>
                  <a:pt x="1344" y="1450"/>
                </a:cubicBezTo>
                <a:cubicBezTo>
                  <a:pt x="1344" y="1451"/>
                  <a:pt x="1345" y="1451"/>
                  <a:pt x="1346" y="1450"/>
                </a:cubicBezTo>
                <a:cubicBezTo>
                  <a:pt x="1348" y="1448"/>
                  <a:pt x="1348" y="1446"/>
                  <a:pt x="1351" y="1446"/>
                </a:cubicBezTo>
                <a:cubicBezTo>
                  <a:pt x="1352" y="1446"/>
                  <a:pt x="1353" y="1446"/>
                  <a:pt x="1354" y="1445"/>
                </a:cubicBezTo>
                <a:cubicBezTo>
                  <a:pt x="1355" y="1444"/>
                  <a:pt x="1354" y="1443"/>
                  <a:pt x="1354" y="1442"/>
                </a:cubicBezTo>
                <a:cubicBezTo>
                  <a:pt x="1354" y="1441"/>
                  <a:pt x="1355" y="1440"/>
                  <a:pt x="1355" y="1439"/>
                </a:cubicBezTo>
                <a:cubicBezTo>
                  <a:pt x="1356" y="1439"/>
                  <a:pt x="1356" y="1438"/>
                  <a:pt x="1356" y="1438"/>
                </a:cubicBezTo>
                <a:cubicBezTo>
                  <a:pt x="1357" y="1437"/>
                  <a:pt x="1356" y="1437"/>
                  <a:pt x="1357" y="1436"/>
                </a:cubicBezTo>
                <a:cubicBezTo>
                  <a:pt x="1357" y="1435"/>
                  <a:pt x="1358" y="1435"/>
                  <a:pt x="1359" y="1434"/>
                </a:cubicBezTo>
                <a:cubicBezTo>
                  <a:pt x="1359" y="1433"/>
                  <a:pt x="1358" y="1432"/>
                  <a:pt x="1357" y="1432"/>
                </a:cubicBezTo>
                <a:cubicBezTo>
                  <a:pt x="1355" y="1432"/>
                  <a:pt x="1354" y="1435"/>
                  <a:pt x="1352" y="1435"/>
                </a:cubicBezTo>
                <a:cubicBezTo>
                  <a:pt x="1350" y="1436"/>
                  <a:pt x="1348" y="1435"/>
                  <a:pt x="1347" y="1437"/>
                </a:cubicBezTo>
                <a:cubicBezTo>
                  <a:pt x="1346" y="1438"/>
                  <a:pt x="1345" y="1439"/>
                  <a:pt x="1344" y="1441"/>
                </a:cubicBezTo>
                <a:cubicBezTo>
                  <a:pt x="1344" y="1442"/>
                  <a:pt x="1343" y="1443"/>
                  <a:pt x="1343" y="1444"/>
                </a:cubicBezTo>
                <a:close/>
                <a:moveTo>
                  <a:pt x="1347" y="1429"/>
                </a:moveTo>
                <a:cubicBezTo>
                  <a:pt x="1347" y="1429"/>
                  <a:pt x="1347" y="1429"/>
                  <a:pt x="1347" y="1429"/>
                </a:cubicBezTo>
                <a:cubicBezTo>
                  <a:pt x="1348" y="1428"/>
                  <a:pt x="1347" y="1427"/>
                  <a:pt x="1347" y="1427"/>
                </a:cubicBezTo>
                <a:cubicBezTo>
                  <a:pt x="1346" y="1428"/>
                  <a:pt x="1346" y="1429"/>
                  <a:pt x="1347" y="1429"/>
                </a:cubicBezTo>
                <a:close/>
                <a:moveTo>
                  <a:pt x="1223" y="1337"/>
                </a:moveTo>
                <a:cubicBezTo>
                  <a:pt x="1222" y="1336"/>
                  <a:pt x="1221" y="1336"/>
                  <a:pt x="1221" y="1337"/>
                </a:cubicBezTo>
                <a:cubicBezTo>
                  <a:pt x="1221" y="1339"/>
                  <a:pt x="1223" y="1340"/>
                  <a:pt x="1224" y="1340"/>
                </a:cubicBezTo>
                <a:cubicBezTo>
                  <a:pt x="1225" y="1339"/>
                  <a:pt x="1224" y="1338"/>
                  <a:pt x="1223" y="1337"/>
                </a:cubicBezTo>
                <a:close/>
                <a:moveTo>
                  <a:pt x="1491" y="1473"/>
                </a:moveTo>
                <a:cubicBezTo>
                  <a:pt x="1491" y="1474"/>
                  <a:pt x="1491" y="1474"/>
                  <a:pt x="1490" y="1475"/>
                </a:cubicBezTo>
                <a:cubicBezTo>
                  <a:pt x="1489" y="1475"/>
                  <a:pt x="1489" y="1475"/>
                  <a:pt x="1488" y="1475"/>
                </a:cubicBezTo>
                <a:cubicBezTo>
                  <a:pt x="1487" y="1475"/>
                  <a:pt x="1486" y="1475"/>
                  <a:pt x="1485" y="1476"/>
                </a:cubicBezTo>
                <a:cubicBezTo>
                  <a:pt x="1484" y="1477"/>
                  <a:pt x="1483" y="1480"/>
                  <a:pt x="1480" y="1479"/>
                </a:cubicBezTo>
                <a:cubicBezTo>
                  <a:pt x="1480" y="1479"/>
                  <a:pt x="1479" y="1478"/>
                  <a:pt x="1478" y="1478"/>
                </a:cubicBezTo>
                <a:cubicBezTo>
                  <a:pt x="1477" y="1478"/>
                  <a:pt x="1478" y="1480"/>
                  <a:pt x="1478" y="1480"/>
                </a:cubicBezTo>
                <a:cubicBezTo>
                  <a:pt x="1479" y="1481"/>
                  <a:pt x="1479" y="1483"/>
                  <a:pt x="1479" y="1484"/>
                </a:cubicBezTo>
                <a:cubicBezTo>
                  <a:pt x="1480" y="1485"/>
                  <a:pt x="1480" y="1485"/>
                  <a:pt x="1481" y="1486"/>
                </a:cubicBezTo>
                <a:cubicBezTo>
                  <a:pt x="1481" y="1488"/>
                  <a:pt x="1482" y="1490"/>
                  <a:pt x="1484" y="1491"/>
                </a:cubicBezTo>
                <a:cubicBezTo>
                  <a:pt x="1486" y="1493"/>
                  <a:pt x="1488" y="1492"/>
                  <a:pt x="1491" y="1492"/>
                </a:cubicBezTo>
                <a:cubicBezTo>
                  <a:pt x="1493" y="1492"/>
                  <a:pt x="1495" y="1493"/>
                  <a:pt x="1497" y="1494"/>
                </a:cubicBezTo>
                <a:cubicBezTo>
                  <a:pt x="1499" y="1494"/>
                  <a:pt x="1501" y="1493"/>
                  <a:pt x="1503" y="1492"/>
                </a:cubicBezTo>
                <a:cubicBezTo>
                  <a:pt x="1504" y="1492"/>
                  <a:pt x="1505" y="1492"/>
                  <a:pt x="1506" y="1492"/>
                </a:cubicBezTo>
                <a:cubicBezTo>
                  <a:pt x="1507" y="1492"/>
                  <a:pt x="1508" y="1491"/>
                  <a:pt x="1509" y="1491"/>
                </a:cubicBezTo>
                <a:cubicBezTo>
                  <a:pt x="1510" y="1490"/>
                  <a:pt x="1511" y="1490"/>
                  <a:pt x="1513" y="1489"/>
                </a:cubicBezTo>
                <a:cubicBezTo>
                  <a:pt x="1514" y="1489"/>
                  <a:pt x="1515" y="1488"/>
                  <a:pt x="1516" y="1488"/>
                </a:cubicBezTo>
                <a:cubicBezTo>
                  <a:pt x="1517" y="1487"/>
                  <a:pt x="1518" y="1487"/>
                  <a:pt x="1518" y="1486"/>
                </a:cubicBezTo>
                <a:cubicBezTo>
                  <a:pt x="1519" y="1485"/>
                  <a:pt x="1519" y="1482"/>
                  <a:pt x="1521" y="1482"/>
                </a:cubicBezTo>
                <a:cubicBezTo>
                  <a:pt x="1522" y="1481"/>
                  <a:pt x="1523" y="1482"/>
                  <a:pt x="1524" y="1482"/>
                </a:cubicBezTo>
                <a:cubicBezTo>
                  <a:pt x="1526" y="1482"/>
                  <a:pt x="1527" y="1481"/>
                  <a:pt x="1529" y="1482"/>
                </a:cubicBezTo>
                <a:cubicBezTo>
                  <a:pt x="1530" y="1482"/>
                  <a:pt x="1533" y="1483"/>
                  <a:pt x="1531" y="1480"/>
                </a:cubicBezTo>
                <a:cubicBezTo>
                  <a:pt x="1531" y="1478"/>
                  <a:pt x="1529" y="1477"/>
                  <a:pt x="1528" y="1475"/>
                </a:cubicBezTo>
                <a:cubicBezTo>
                  <a:pt x="1527" y="1474"/>
                  <a:pt x="1526" y="1472"/>
                  <a:pt x="1529" y="1471"/>
                </a:cubicBezTo>
                <a:cubicBezTo>
                  <a:pt x="1530" y="1470"/>
                  <a:pt x="1531" y="1470"/>
                  <a:pt x="1532" y="1470"/>
                </a:cubicBezTo>
                <a:cubicBezTo>
                  <a:pt x="1532" y="1469"/>
                  <a:pt x="1533" y="1468"/>
                  <a:pt x="1533" y="1468"/>
                </a:cubicBezTo>
                <a:cubicBezTo>
                  <a:pt x="1535" y="1466"/>
                  <a:pt x="1537" y="1467"/>
                  <a:pt x="1539" y="1465"/>
                </a:cubicBezTo>
                <a:cubicBezTo>
                  <a:pt x="1540" y="1464"/>
                  <a:pt x="1540" y="1463"/>
                  <a:pt x="1541" y="1462"/>
                </a:cubicBezTo>
                <a:cubicBezTo>
                  <a:pt x="1542" y="1461"/>
                  <a:pt x="1543" y="1461"/>
                  <a:pt x="1544" y="1461"/>
                </a:cubicBezTo>
                <a:cubicBezTo>
                  <a:pt x="1545" y="1460"/>
                  <a:pt x="1549" y="1457"/>
                  <a:pt x="1546" y="1457"/>
                </a:cubicBezTo>
                <a:cubicBezTo>
                  <a:pt x="1546" y="1457"/>
                  <a:pt x="1544" y="1458"/>
                  <a:pt x="1544" y="1458"/>
                </a:cubicBezTo>
                <a:cubicBezTo>
                  <a:pt x="1543" y="1459"/>
                  <a:pt x="1542" y="1459"/>
                  <a:pt x="1541" y="1460"/>
                </a:cubicBezTo>
                <a:cubicBezTo>
                  <a:pt x="1539" y="1460"/>
                  <a:pt x="1537" y="1461"/>
                  <a:pt x="1535" y="1462"/>
                </a:cubicBezTo>
                <a:cubicBezTo>
                  <a:pt x="1533" y="1463"/>
                  <a:pt x="1532" y="1464"/>
                  <a:pt x="1529" y="1465"/>
                </a:cubicBezTo>
                <a:cubicBezTo>
                  <a:pt x="1527" y="1466"/>
                  <a:pt x="1525" y="1466"/>
                  <a:pt x="1523" y="1467"/>
                </a:cubicBezTo>
                <a:cubicBezTo>
                  <a:pt x="1521" y="1468"/>
                  <a:pt x="1520" y="1470"/>
                  <a:pt x="1518" y="1470"/>
                </a:cubicBezTo>
                <a:cubicBezTo>
                  <a:pt x="1515" y="1470"/>
                  <a:pt x="1513" y="1469"/>
                  <a:pt x="1511" y="1470"/>
                </a:cubicBezTo>
                <a:cubicBezTo>
                  <a:pt x="1508" y="1470"/>
                  <a:pt x="1506" y="1469"/>
                  <a:pt x="1504" y="1469"/>
                </a:cubicBezTo>
                <a:cubicBezTo>
                  <a:pt x="1503" y="1469"/>
                  <a:pt x="1502" y="1469"/>
                  <a:pt x="1501" y="1468"/>
                </a:cubicBezTo>
                <a:cubicBezTo>
                  <a:pt x="1500" y="1468"/>
                  <a:pt x="1500" y="1467"/>
                  <a:pt x="1499" y="1467"/>
                </a:cubicBezTo>
                <a:cubicBezTo>
                  <a:pt x="1497" y="1467"/>
                  <a:pt x="1498" y="1468"/>
                  <a:pt x="1498" y="1469"/>
                </a:cubicBezTo>
                <a:cubicBezTo>
                  <a:pt x="1498" y="1470"/>
                  <a:pt x="1498" y="1471"/>
                  <a:pt x="1497" y="1472"/>
                </a:cubicBezTo>
                <a:cubicBezTo>
                  <a:pt x="1495" y="1473"/>
                  <a:pt x="1493" y="1472"/>
                  <a:pt x="1491" y="1473"/>
                </a:cubicBezTo>
                <a:close/>
                <a:moveTo>
                  <a:pt x="997" y="1199"/>
                </a:moveTo>
                <a:cubicBezTo>
                  <a:pt x="996" y="1199"/>
                  <a:pt x="995" y="1198"/>
                  <a:pt x="994" y="1199"/>
                </a:cubicBezTo>
                <a:cubicBezTo>
                  <a:pt x="994" y="1199"/>
                  <a:pt x="994" y="1200"/>
                  <a:pt x="994" y="1200"/>
                </a:cubicBezTo>
                <a:cubicBezTo>
                  <a:pt x="994" y="1200"/>
                  <a:pt x="993" y="1201"/>
                  <a:pt x="993" y="1201"/>
                </a:cubicBezTo>
                <a:cubicBezTo>
                  <a:pt x="994" y="1202"/>
                  <a:pt x="994" y="1201"/>
                  <a:pt x="994" y="1201"/>
                </a:cubicBezTo>
                <a:cubicBezTo>
                  <a:pt x="995" y="1200"/>
                  <a:pt x="995" y="1200"/>
                  <a:pt x="996" y="1200"/>
                </a:cubicBezTo>
                <a:cubicBezTo>
                  <a:pt x="996" y="1201"/>
                  <a:pt x="998" y="1200"/>
                  <a:pt x="999" y="1200"/>
                </a:cubicBezTo>
                <a:cubicBezTo>
                  <a:pt x="999" y="1200"/>
                  <a:pt x="1000" y="1199"/>
                  <a:pt x="999" y="1198"/>
                </a:cubicBezTo>
                <a:cubicBezTo>
                  <a:pt x="999" y="1198"/>
                  <a:pt x="998" y="1199"/>
                  <a:pt x="997" y="1199"/>
                </a:cubicBezTo>
                <a:close/>
                <a:moveTo>
                  <a:pt x="949" y="1129"/>
                </a:moveTo>
                <a:cubicBezTo>
                  <a:pt x="948" y="1127"/>
                  <a:pt x="947" y="1126"/>
                  <a:pt x="947" y="1124"/>
                </a:cubicBezTo>
                <a:cubicBezTo>
                  <a:pt x="947" y="1123"/>
                  <a:pt x="947" y="1122"/>
                  <a:pt x="946" y="1122"/>
                </a:cubicBezTo>
                <a:cubicBezTo>
                  <a:pt x="944" y="1123"/>
                  <a:pt x="946" y="1125"/>
                  <a:pt x="946" y="1126"/>
                </a:cubicBezTo>
                <a:cubicBezTo>
                  <a:pt x="946" y="1127"/>
                  <a:pt x="947" y="1128"/>
                  <a:pt x="947" y="1128"/>
                </a:cubicBezTo>
                <a:cubicBezTo>
                  <a:pt x="946" y="1129"/>
                  <a:pt x="945" y="1129"/>
                  <a:pt x="945" y="1130"/>
                </a:cubicBezTo>
                <a:cubicBezTo>
                  <a:pt x="945" y="1132"/>
                  <a:pt x="946" y="1131"/>
                  <a:pt x="946" y="1132"/>
                </a:cubicBezTo>
                <a:cubicBezTo>
                  <a:pt x="947" y="1133"/>
                  <a:pt x="947" y="1134"/>
                  <a:pt x="947" y="1135"/>
                </a:cubicBezTo>
                <a:cubicBezTo>
                  <a:pt x="947" y="1137"/>
                  <a:pt x="948" y="1138"/>
                  <a:pt x="949" y="1139"/>
                </a:cubicBezTo>
                <a:cubicBezTo>
                  <a:pt x="949" y="1140"/>
                  <a:pt x="950" y="1141"/>
                  <a:pt x="950" y="1142"/>
                </a:cubicBezTo>
                <a:cubicBezTo>
                  <a:pt x="950" y="1143"/>
                  <a:pt x="950" y="1144"/>
                  <a:pt x="950" y="1145"/>
                </a:cubicBezTo>
                <a:cubicBezTo>
                  <a:pt x="951" y="1144"/>
                  <a:pt x="951" y="1141"/>
                  <a:pt x="951" y="1140"/>
                </a:cubicBezTo>
                <a:cubicBezTo>
                  <a:pt x="951" y="1138"/>
                  <a:pt x="951" y="1135"/>
                  <a:pt x="951" y="1133"/>
                </a:cubicBezTo>
                <a:cubicBezTo>
                  <a:pt x="951" y="1131"/>
                  <a:pt x="950" y="1130"/>
                  <a:pt x="949" y="1129"/>
                </a:cubicBezTo>
                <a:close/>
                <a:moveTo>
                  <a:pt x="956" y="1135"/>
                </a:moveTo>
                <a:cubicBezTo>
                  <a:pt x="956" y="1136"/>
                  <a:pt x="956" y="1136"/>
                  <a:pt x="956" y="1136"/>
                </a:cubicBezTo>
                <a:cubicBezTo>
                  <a:pt x="956" y="1136"/>
                  <a:pt x="956" y="1136"/>
                  <a:pt x="956" y="1136"/>
                </a:cubicBezTo>
                <a:cubicBezTo>
                  <a:pt x="956" y="1139"/>
                  <a:pt x="958" y="1135"/>
                  <a:pt x="956" y="1135"/>
                </a:cubicBezTo>
                <a:close/>
                <a:moveTo>
                  <a:pt x="967" y="1151"/>
                </a:moveTo>
                <a:cubicBezTo>
                  <a:pt x="967" y="1152"/>
                  <a:pt x="968" y="1152"/>
                  <a:pt x="968" y="1153"/>
                </a:cubicBezTo>
                <a:cubicBezTo>
                  <a:pt x="968" y="1153"/>
                  <a:pt x="968" y="1155"/>
                  <a:pt x="969" y="1155"/>
                </a:cubicBezTo>
                <a:cubicBezTo>
                  <a:pt x="969" y="1155"/>
                  <a:pt x="970" y="1154"/>
                  <a:pt x="970" y="1154"/>
                </a:cubicBezTo>
                <a:cubicBezTo>
                  <a:pt x="971" y="1153"/>
                  <a:pt x="970" y="1152"/>
                  <a:pt x="969" y="1151"/>
                </a:cubicBezTo>
                <a:cubicBezTo>
                  <a:pt x="968" y="1150"/>
                  <a:pt x="967" y="1149"/>
                  <a:pt x="966" y="1148"/>
                </a:cubicBezTo>
                <a:cubicBezTo>
                  <a:pt x="965" y="1146"/>
                  <a:pt x="963" y="1145"/>
                  <a:pt x="962" y="1144"/>
                </a:cubicBezTo>
                <a:cubicBezTo>
                  <a:pt x="962" y="1144"/>
                  <a:pt x="959" y="1140"/>
                  <a:pt x="958" y="1140"/>
                </a:cubicBezTo>
                <a:cubicBezTo>
                  <a:pt x="957" y="1141"/>
                  <a:pt x="960" y="1143"/>
                  <a:pt x="960" y="1144"/>
                </a:cubicBezTo>
                <a:cubicBezTo>
                  <a:pt x="961" y="1145"/>
                  <a:pt x="963" y="1146"/>
                  <a:pt x="964" y="1147"/>
                </a:cubicBezTo>
                <a:cubicBezTo>
                  <a:pt x="965" y="1149"/>
                  <a:pt x="965" y="1150"/>
                  <a:pt x="967" y="1151"/>
                </a:cubicBezTo>
                <a:close/>
                <a:moveTo>
                  <a:pt x="960" y="1156"/>
                </a:moveTo>
                <a:cubicBezTo>
                  <a:pt x="961" y="1155"/>
                  <a:pt x="960" y="1153"/>
                  <a:pt x="959" y="1151"/>
                </a:cubicBezTo>
                <a:cubicBezTo>
                  <a:pt x="959" y="1151"/>
                  <a:pt x="959" y="1149"/>
                  <a:pt x="958" y="1149"/>
                </a:cubicBezTo>
                <a:cubicBezTo>
                  <a:pt x="957" y="1149"/>
                  <a:pt x="958" y="1151"/>
                  <a:pt x="958" y="1152"/>
                </a:cubicBezTo>
                <a:cubicBezTo>
                  <a:pt x="958" y="1152"/>
                  <a:pt x="959" y="1157"/>
                  <a:pt x="960" y="1156"/>
                </a:cubicBezTo>
                <a:close/>
                <a:moveTo>
                  <a:pt x="957" y="1153"/>
                </a:moveTo>
                <a:cubicBezTo>
                  <a:pt x="957" y="1152"/>
                  <a:pt x="955" y="1150"/>
                  <a:pt x="954" y="1150"/>
                </a:cubicBezTo>
                <a:cubicBezTo>
                  <a:pt x="954" y="1151"/>
                  <a:pt x="957" y="1155"/>
                  <a:pt x="957" y="1153"/>
                </a:cubicBezTo>
                <a:close/>
                <a:moveTo>
                  <a:pt x="953" y="1147"/>
                </a:moveTo>
                <a:cubicBezTo>
                  <a:pt x="953" y="1147"/>
                  <a:pt x="953" y="1148"/>
                  <a:pt x="954" y="1149"/>
                </a:cubicBezTo>
                <a:cubicBezTo>
                  <a:pt x="955" y="1149"/>
                  <a:pt x="954" y="1145"/>
                  <a:pt x="953" y="1145"/>
                </a:cubicBezTo>
                <a:cubicBezTo>
                  <a:pt x="952" y="1144"/>
                  <a:pt x="953" y="1146"/>
                  <a:pt x="953" y="1147"/>
                </a:cubicBezTo>
                <a:close/>
                <a:moveTo>
                  <a:pt x="982" y="1176"/>
                </a:moveTo>
                <a:cubicBezTo>
                  <a:pt x="982" y="1177"/>
                  <a:pt x="985" y="1178"/>
                  <a:pt x="985" y="1177"/>
                </a:cubicBezTo>
                <a:cubicBezTo>
                  <a:pt x="985" y="1177"/>
                  <a:pt x="985" y="1176"/>
                  <a:pt x="984" y="1176"/>
                </a:cubicBezTo>
                <a:cubicBezTo>
                  <a:pt x="984" y="1176"/>
                  <a:pt x="983" y="1175"/>
                  <a:pt x="982" y="1176"/>
                </a:cubicBezTo>
                <a:close/>
                <a:moveTo>
                  <a:pt x="960" y="1137"/>
                </a:moveTo>
                <a:cubicBezTo>
                  <a:pt x="960" y="1135"/>
                  <a:pt x="960" y="1133"/>
                  <a:pt x="959" y="1134"/>
                </a:cubicBezTo>
                <a:cubicBezTo>
                  <a:pt x="958" y="1134"/>
                  <a:pt x="959" y="1137"/>
                  <a:pt x="959" y="1137"/>
                </a:cubicBezTo>
                <a:cubicBezTo>
                  <a:pt x="960" y="1137"/>
                  <a:pt x="960" y="1137"/>
                  <a:pt x="960" y="1137"/>
                </a:cubicBezTo>
                <a:close/>
                <a:moveTo>
                  <a:pt x="1002" y="1189"/>
                </a:moveTo>
                <a:cubicBezTo>
                  <a:pt x="1004" y="1190"/>
                  <a:pt x="1002" y="1187"/>
                  <a:pt x="1001" y="1187"/>
                </a:cubicBezTo>
                <a:cubicBezTo>
                  <a:pt x="1000" y="1186"/>
                  <a:pt x="999" y="1186"/>
                  <a:pt x="998" y="1185"/>
                </a:cubicBezTo>
                <a:cubicBezTo>
                  <a:pt x="997" y="1185"/>
                  <a:pt x="995" y="1185"/>
                  <a:pt x="996" y="1186"/>
                </a:cubicBezTo>
                <a:cubicBezTo>
                  <a:pt x="997" y="1186"/>
                  <a:pt x="998" y="1187"/>
                  <a:pt x="998" y="1187"/>
                </a:cubicBezTo>
                <a:cubicBezTo>
                  <a:pt x="999" y="1187"/>
                  <a:pt x="1000" y="1187"/>
                  <a:pt x="1000" y="1188"/>
                </a:cubicBezTo>
                <a:cubicBezTo>
                  <a:pt x="1001" y="1188"/>
                  <a:pt x="1001" y="1189"/>
                  <a:pt x="1002" y="1189"/>
                </a:cubicBezTo>
                <a:close/>
                <a:moveTo>
                  <a:pt x="968" y="1168"/>
                </a:moveTo>
                <a:cubicBezTo>
                  <a:pt x="969" y="1169"/>
                  <a:pt x="978" y="1176"/>
                  <a:pt x="979" y="1176"/>
                </a:cubicBezTo>
                <a:cubicBezTo>
                  <a:pt x="980" y="1176"/>
                  <a:pt x="972" y="1171"/>
                  <a:pt x="971" y="1170"/>
                </a:cubicBezTo>
                <a:cubicBezTo>
                  <a:pt x="969" y="1169"/>
                  <a:pt x="968" y="1168"/>
                  <a:pt x="967" y="1166"/>
                </a:cubicBezTo>
                <a:cubicBezTo>
                  <a:pt x="967" y="1165"/>
                  <a:pt x="963" y="1161"/>
                  <a:pt x="962" y="1161"/>
                </a:cubicBezTo>
                <a:cubicBezTo>
                  <a:pt x="961" y="1162"/>
                  <a:pt x="963" y="1163"/>
                  <a:pt x="963" y="1164"/>
                </a:cubicBezTo>
                <a:cubicBezTo>
                  <a:pt x="965" y="1165"/>
                  <a:pt x="967" y="1167"/>
                  <a:pt x="968" y="1168"/>
                </a:cubicBezTo>
                <a:close/>
                <a:moveTo>
                  <a:pt x="1331" y="1417"/>
                </a:moveTo>
                <a:cubicBezTo>
                  <a:pt x="1327" y="1415"/>
                  <a:pt x="1326" y="1418"/>
                  <a:pt x="1323" y="1421"/>
                </a:cubicBezTo>
                <a:cubicBezTo>
                  <a:pt x="1322" y="1422"/>
                  <a:pt x="1321" y="1422"/>
                  <a:pt x="1321" y="1424"/>
                </a:cubicBezTo>
                <a:cubicBezTo>
                  <a:pt x="1322" y="1424"/>
                  <a:pt x="1324" y="1421"/>
                  <a:pt x="1325" y="1421"/>
                </a:cubicBezTo>
                <a:cubicBezTo>
                  <a:pt x="1327" y="1420"/>
                  <a:pt x="1328" y="1421"/>
                  <a:pt x="1330" y="1420"/>
                </a:cubicBezTo>
                <a:cubicBezTo>
                  <a:pt x="1331" y="1419"/>
                  <a:pt x="1333" y="1417"/>
                  <a:pt x="1331" y="1417"/>
                </a:cubicBezTo>
                <a:close/>
                <a:moveTo>
                  <a:pt x="1272" y="1311"/>
                </a:moveTo>
                <a:cubicBezTo>
                  <a:pt x="1270" y="1312"/>
                  <a:pt x="1271" y="1310"/>
                  <a:pt x="1269" y="1309"/>
                </a:cubicBezTo>
                <a:cubicBezTo>
                  <a:pt x="1268" y="1309"/>
                  <a:pt x="1268" y="1310"/>
                  <a:pt x="1267" y="1310"/>
                </a:cubicBezTo>
                <a:cubicBezTo>
                  <a:pt x="1267" y="1310"/>
                  <a:pt x="1266" y="1310"/>
                  <a:pt x="1265" y="1310"/>
                </a:cubicBezTo>
                <a:cubicBezTo>
                  <a:pt x="1263" y="1311"/>
                  <a:pt x="1264" y="1316"/>
                  <a:pt x="1267" y="1315"/>
                </a:cubicBezTo>
                <a:cubicBezTo>
                  <a:pt x="1268" y="1315"/>
                  <a:pt x="1268" y="1314"/>
                  <a:pt x="1268" y="1313"/>
                </a:cubicBezTo>
                <a:cubicBezTo>
                  <a:pt x="1271" y="1311"/>
                  <a:pt x="1271" y="1315"/>
                  <a:pt x="1271" y="1316"/>
                </a:cubicBezTo>
                <a:cubicBezTo>
                  <a:pt x="1273" y="1317"/>
                  <a:pt x="1272" y="1315"/>
                  <a:pt x="1273" y="1314"/>
                </a:cubicBezTo>
                <a:cubicBezTo>
                  <a:pt x="1273" y="1313"/>
                  <a:pt x="1274" y="1311"/>
                  <a:pt x="1275" y="1311"/>
                </a:cubicBezTo>
                <a:cubicBezTo>
                  <a:pt x="1276" y="1310"/>
                  <a:pt x="1276" y="1309"/>
                  <a:pt x="1275" y="1309"/>
                </a:cubicBezTo>
                <a:cubicBezTo>
                  <a:pt x="1274" y="1309"/>
                  <a:pt x="1273" y="1311"/>
                  <a:pt x="1272" y="1311"/>
                </a:cubicBezTo>
                <a:close/>
                <a:moveTo>
                  <a:pt x="1272" y="1421"/>
                </a:moveTo>
                <a:cubicBezTo>
                  <a:pt x="1271" y="1421"/>
                  <a:pt x="1271" y="1423"/>
                  <a:pt x="1272" y="1424"/>
                </a:cubicBezTo>
                <a:cubicBezTo>
                  <a:pt x="1272" y="1425"/>
                  <a:pt x="1273" y="1425"/>
                  <a:pt x="1273" y="1424"/>
                </a:cubicBezTo>
                <a:cubicBezTo>
                  <a:pt x="1273" y="1423"/>
                  <a:pt x="1273" y="1421"/>
                  <a:pt x="1273" y="1421"/>
                </a:cubicBezTo>
                <a:cubicBezTo>
                  <a:pt x="1273" y="1420"/>
                  <a:pt x="1272" y="1420"/>
                  <a:pt x="1272" y="1421"/>
                </a:cubicBezTo>
                <a:close/>
                <a:moveTo>
                  <a:pt x="1274" y="1429"/>
                </a:moveTo>
                <a:cubicBezTo>
                  <a:pt x="1273" y="1429"/>
                  <a:pt x="1273" y="1432"/>
                  <a:pt x="1274" y="1432"/>
                </a:cubicBezTo>
                <a:cubicBezTo>
                  <a:pt x="1274" y="1433"/>
                  <a:pt x="1275" y="1433"/>
                  <a:pt x="1275" y="1434"/>
                </a:cubicBezTo>
                <a:cubicBezTo>
                  <a:pt x="1276" y="1434"/>
                  <a:pt x="1276" y="1438"/>
                  <a:pt x="1277" y="1436"/>
                </a:cubicBezTo>
                <a:cubicBezTo>
                  <a:pt x="1278" y="1434"/>
                  <a:pt x="1276" y="1433"/>
                  <a:pt x="1275" y="1432"/>
                </a:cubicBezTo>
                <a:cubicBezTo>
                  <a:pt x="1275" y="1432"/>
                  <a:pt x="1275" y="1428"/>
                  <a:pt x="1274" y="1429"/>
                </a:cubicBezTo>
                <a:close/>
                <a:moveTo>
                  <a:pt x="1275" y="1397"/>
                </a:moveTo>
                <a:cubicBezTo>
                  <a:pt x="1274" y="1397"/>
                  <a:pt x="1273" y="1399"/>
                  <a:pt x="1275" y="1399"/>
                </a:cubicBezTo>
                <a:cubicBezTo>
                  <a:pt x="1277" y="1398"/>
                  <a:pt x="1277" y="1395"/>
                  <a:pt x="1275" y="1397"/>
                </a:cubicBezTo>
                <a:close/>
                <a:moveTo>
                  <a:pt x="1281" y="1293"/>
                </a:moveTo>
                <a:cubicBezTo>
                  <a:pt x="1280" y="1293"/>
                  <a:pt x="1279" y="1293"/>
                  <a:pt x="1279" y="1293"/>
                </a:cubicBezTo>
                <a:cubicBezTo>
                  <a:pt x="1278" y="1293"/>
                  <a:pt x="1277" y="1292"/>
                  <a:pt x="1277" y="1292"/>
                </a:cubicBezTo>
                <a:cubicBezTo>
                  <a:pt x="1276" y="1292"/>
                  <a:pt x="1276" y="1293"/>
                  <a:pt x="1277" y="1294"/>
                </a:cubicBezTo>
                <a:cubicBezTo>
                  <a:pt x="1278" y="1295"/>
                  <a:pt x="1280" y="1295"/>
                  <a:pt x="1281" y="1295"/>
                </a:cubicBezTo>
                <a:cubicBezTo>
                  <a:pt x="1283" y="1294"/>
                  <a:pt x="1283" y="1293"/>
                  <a:pt x="1281" y="1293"/>
                </a:cubicBezTo>
                <a:close/>
                <a:moveTo>
                  <a:pt x="1275" y="1408"/>
                </a:moveTo>
                <a:cubicBezTo>
                  <a:pt x="1274" y="1410"/>
                  <a:pt x="1274" y="1411"/>
                  <a:pt x="1272" y="1411"/>
                </a:cubicBezTo>
                <a:cubicBezTo>
                  <a:pt x="1270" y="1411"/>
                  <a:pt x="1270" y="1407"/>
                  <a:pt x="1268" y="1409"/>
                </a:cubicBezTo>
                <a:cubicBezTo>
                  <a:pt x="1266" y="1410"/>
                  <a:pt x="1266" y="1412"/>
                  <a:pt x="1268" y="1413"/>
                </a:cubicBezTo>
                <a:cubicBezTo>
                  <a:pt x="1270" y="1413"/>
                  <a:pt x="1270" y="1412"/>
                  <a:pt x="1271" y="1412"/>
                </a:cubicBezTo>
                <a:cubicBezTo>
                  <a:pt x="1272" y="1411"/>
                  <a:pt x="1273" y="1412"/>
                  <a:pt x="1274" y="1413"/>
                </a:cubicBezTo>
                <a:cubicBezTo>
                  <a:pt x="1275" y="1414"/>
                  <a:pt x="1276" y="1417"/>
                  <a:pt x="1278" y="1415"/>
                </a:cubicBezTo>
                <a:cubicBezTo>
                  <a:pt x="1279" y="1415"/>
                  <a:pt x="1278" y="1414"/>
                  <a:pt x="1279" y="1412"/>
                </a:cubicBezTo>
                <a:cubicBezTo>
                  <a:pt x="1279" y="1411"/>
                  <a:pt x="1279" y="1411"/>
                  <a:pt x="1280" y="1410"/>
                </a:cubicBezTo>
                <a:cubicBezTo>
                  <a:pt x="1283" y="1406"/>
                  <a:pt x="1276" y="1404"/>
                  <a:pt x="1275" y="1408"/>
                </a:cubicBezTo>
                <a:close/>
                <a:moveTo>
                  <a:pt x="1242" y="1426"/>
                </a:moveTo>
                <a:cubicBezTo>
                  <a:pt x="1244" y="1426"/>
                  <a:pt x="1245" y="1424"/>
                  <a:pt x="1246" y="1424"/>
                </a:cubicBezTo>
                <a:cubicBezTo>
                  <a:pt x="1247" y="1424"/>
                  <a:pt x="1248" y="1424"/>
                  <a:pt x="1249" y="1423"/>
                </a:cubicBezTo>
                <a:cubicBezTo>
                  <a:pt x="1249" y="1423"/>
                  <a:pt x="1249" y="1422"/>
                  <a:pt x="1248" y="1421"/>
                </a:cubicBezTo>
                <a:cubicBezTo>
                  <a:pt x="1247" y="1422"/>
                  <a:pt x="1246" y="1423"/>
                  <a:pt x="1244" y="1423"/>
                </a:cubicBezTo>
                <a:cubicBezTo>
                  <a:pt x="1244" y="1423"/>
                  <a:pt x="1241" y="1425"/>
                  <a:pt x="1242" y="1426"/>
                </a:cubicBezTo>
                <a:close/>
                <a:moveTo>
                  <a:pt x="1245" y="1399"/>
                </a:moveTo>
                <a:cubicBezTo>
                  <a:pt x="1244" y="1400"/>
                  <a:pt x="1245" y="1401"/>
                  <a:pt x="1246" y="1400"/>
                </a:cubicBezTo>
                <a:cubicBezTo>
                  <a:pt x="1246" y="1400"/>
                  <a:pt x="1245" y="1398"/>
                  <a:pt x="1245" y="1399"/>
                </a:cubicBezTo>
                <a:close/>
                <a:moveTo>
                  <a:pt x="1245" y="1390"/>
                </a:moveTo>
                <a:cubicBezTo>
                  <a:pt x="1243" y="1389"/>
                  <a:pt x="1244" y="1391"/>
                  <a:pt x="1243" y="1392"/>
                </a:cubicBezTo>
                <a:cubicBezTo>
                  <a:pt x="1243" y="1393"/>
                  <a:pt x="1241" y="1394"/>
                  <a:pt x="1242" y="1395"/>
                </a:cubicBezTo>
                <a:cubicBezTo>
                  <a:pt x="1243" y="1396"/>
                  <a:pt x="1244" y="1393"/>
                  <a:pt x="1244" y="1392"/>
                </a:cubicBezTo>
                <a:cubicBezTo>
                  <a:pt x="1245" y="1391"/>
                  <a:pt x="1247" y="1390"/>
                  <a:pt x="1245" y="1390"/>
                </a:cubicBezTo>
                <a:close/>
                <a:moveTo>
                  <a:pt x="1260" y="1382"/>
                </a:moveTo>
                <a:cubicBezTo>
                  <a:pt x="1259" y="1382"/>
                  <a:pt x="1258" y="1382"/>
                  <a:pt x="1258" y="1381"/>
                </a:cubicBezTo>
                <a:cubicBezTo>
                  <a:pt x="1258" y="1380"/>
                  <a:pt x="1258" y="1379"/>
                  <a:pt x="1256" y="1379"/>
                </a:cubicBezTo>
                <a:cubicBezTo>
                  <a:pt x="1255" y="1379"/>
                  <a:pt x="1255" y="1379"/>
                  <a:pt x="1255" y="1380"/>
                </a:cubicBezTo>
                <a:cubicBezTo>
                  <a:pt x="1255" y="1381"/>
                  <a:pt x="1256" y="1383"/>
                  <a:pt x="1257" y="1384"/>
                </a:cubicBezTo>
                <a:cubicBezTo>
                  <a:pt x="1259" y="1385"/>
                  <a:pt x="1260" y="1387"/>
                  <a:pt x="1261" y="1389"/>
                </a:cubicBezTo>
                <a:cubicBezTo>
                  <a:pt x="1262" y="1391"/>
                  <a:pt x="1264" y="1391"/>
                  <a:pt x="1265" y="1393"/>
                </a:cubicBezTo>
                <a:cubicBezTo>
                  <a:pt x="1266" y="1393"/>
                  <a:pt x="1267" y="1394"/>
                  <a:pt x="1267" y="1395"/>
                </a:cubicBezTo>
                <a:cubicBezTo>
                  <a:pt x="1269" y="1395"/>
                  <a:pt x="1269" y="1393"/>
                  <a:pt x="1268" y="1393"/>
                </a:cubicBezTo>
                <a:cubicBezTo>
                  <a:pt x="1268" y="1392"/>
                  <a:pt x="1268" y="1392"/>
                  <a:pt x="1268" y="1392"/>
                </a:cubicBezTo>
                <a:cubicBezTo>
                  <a:pt x="1267" y="1391"/>
                  <a:pt x="1267" y="1391"/>
                  <a:pt x="1267" y="1391"/>
                </a:cubicBezTo>
                <a:cubicBezTo>
                  <a:pt x="1267" y="1390"/>
                  <a:pt x="1266" y="1389"/>
                  <a:pt x="1265" y="1389"/>
                </a:cubicBezTo>
                <a:cubicBezTo>
                  <a:pt x="1264" y="1389"/>
                  <a:pt x="1263" y="1390"/>
                  <a:pt x="1262" y="1390"/>
                </a:cubicBezTo>
                <a:cubicBezTo>
                  <a:pt x="1262" y="1389"/>
                  <a:pt x="1262" y="1388"/>
                  <a:pt x="1262" y="1387"/>
                </a:cubicBezTo>
                <a:cubicBezTo>
                  <a:pt x="1262" y="1385"/>
                  <a:pt x="1262" y="1383"/>
                  <a:pt x="1260" y="1382"/>
                </a:cubicBezTo>
                <a:close/>
                <a:moveTo>
                  <a:pt x="1254" y="1282"/>
                </a:moveTo>
                <a:cubicBezTo>
                  <a:pt x="1254" y="1281"/>
                  <a:pt x="1254" y="1281"/>
                  <a:pt x="1252" y="1281"/>
                </a:cubicBezTo>
                <a:cubicBezTo>
                  <a:pt x="1252" y="1281"/>
                  <a:pt x="1252" y="1282"/>
                  <a:pt x="1251" y="1282"/>
                </a:cubicBezTo>
                <a:cubicBezTo>
                  <a:pt x="1251" y="1282"/>
                  <a:pt x="1250" y="1282"/>
                  <a:pt x="1249" y="1282"/>
                </a:cubicBezTo>
                <a:cubicBezTo>
                  <a:pt x="1248" y="1283"/>
                  <a:pt x="1248" y="1284"/>
                  <a:pt x="1249" y="1285"/>
                </a:cubicBezTo>
                <a:cubicBezTo>
                  <a:pt x="1250" y="1286"/>
                  <a:pt x="1251" y="1286"/>
                  <a:pt x="1251" y="1287"/>
                </a:cubicBezTo>
                <a:cubicBezTo>
                  <a:pt x="1252" y="1288"/>
                  <a:pt x="1251" y="1290"/>
                  <a:pt x="1251" y="1290"/>
                </a:cubicBezTo>
                <a:cubicBezTo>
                  <a:pt x="1253" y="1291"/>
                  <a:pt x="1253" y="1289"/>
                  <a:pt x="1253" y="1289"/>
                </a:cubicBezTo>
                <a:cubicBezTo>
                  <a:pt x="1254" y="1288"/>
                  <a:pt x="1254" y="1288"/>
                  <a:pt x="1256" y="1287"/>
                </a:cubicBezTo>
                <a:cubicBezTo>
                  <a:pt x="1256" y="1286"/>
                  <a:pt x="1258" y="1285"/>
                  <a:pt x="1257" y="1284"/>
                </a:cubicBezTo>
                <a:cubicBezTo>
                  <a:pt x="1256" y="1283"/>
                  <a:pt x="1255" y="1284"/>
                  <a:pt x="1254" y="1282"/>
                </a:cubicBezTo>
                <a:close/>
                <a:moveTo>
                  <a:pt x="1286" y="1306"/>
                </a:moveTo>
                <a:cubicBezTo>
                  <a:pt x="1287" y="1306"/>
                  <a:pt x="1288" y="1305"/>
                  <a:pt x="1289" y="1305"/>
                </a:cubicBezTo>
                <a:cubicBezTo>
                  <a:pt x="1289" y="1305"/>
                  <a:pt x="1291" y="1305"/>
                  <a:pt x="1291" y="1304"/>
                </a:cubicBezTo>
                <a:cubicBezTo>
                  <a:pt x="1292" y="1302"/>
                  <a:pt x="1285" y="1303"/>
                  <a:pt x="1286" y="1306"/>
                </a:cubicBezTo>
                <a:close/>
                <a:moveTo>
                  <a:pt x="1292" y="1397"/>
                </a:moveTo>
                <a:cubicBezTo>
                  <a:pt x="1294" y="1397"/>
                  <a:pt x="1295" y="1395"/>
                  <a:pt x="1297" y="1394"/>
                </a:cubicBezTo>
                <a:cubicBezTo>
                  <a:pt x="1298" y="1393"/>
                  <a:pt x="1301" y="1394"/>
                  <a:pt x="1302" y="1392"/>
                </a:cubicBezTo>
                <a:cubicBezTo>
                  <a:pt x="1304" y="1390"/>
                  <a:pt x="1300" y="1391"/>
                  <a:pt x="1299" y="1392"/>
                </a:cubicBezTo>
                <a:cubicBezTo>
                  <a:pt x="1298" y="1392"/>
                  <a:pt x="1297" y="1392"/>
                  <a:pt x="1296" y="1393"/>
                </a:cubicBezTo>
                <a:cubicBezTo>
                  <a:pt x="1295" y="1393"/>
                  <a:pt x="1294" y="1394"/>
                  <a:pt x="1293" y="1395"/>
                </a:cubicBezTo>
                <a:cubicBezTo>
                  <a:pt x="1293" y="1395"/>
                  <a:pt x="1291" y="1397"/>
                  <a:pt x="1292" y="1397"/>
                </a:cubicBezTo>
                <a:close/>
                <a:moveTo>
                  <a:pt x="1321" y="1411"/>
                </a:moveTo>
                <a:cubicBezTo>
                  <a:pt x="1320" y="1411"/>
                  <a:pt x="1320" y="1411"/>
                  <a:pt x="1319" y="1412"/>
                </a:cubicBezTo>
                <a:cubicBezTo>
                  <a:pt x="1319" y="1412"/>
                  <a:pt x="1320" y="1414"/>
                  <a:pt x="1320" y="1414"/>
                </a:cubicBezTo>
                <a:cubicBezTo>
                  <a:pt x="1321" y="1415"/>
                  <a:pt x="1321" y="1416"/>
                  <a:pt x="1322" y="1415"/>
                </a:cubicBezTo>
                <a:cubicBezTo>
                  <a:pt x="1323" y="1414"/>
                  <a:pt x="1322" y="1413"/>
                  <a:pt x="1321" y="1412"/>
                </a:cubicBezTo>
                <a:cubicBezTo>
                  <a:pt x="1321" y="1412"/>
                  <a:pt x="1321" y="1411"/>
                  <a:pt x="1321" y="1411"/>
                </a:cubicBezTo>
                <a:close/>
                <a:moveTo>
                  <a:pt x="1328" y="1453"/>
                </a:moveTo>
                <a:cubicBezTo>
                  <a:pt x="1327" y="1454"/>
                  <a:pt x="1326" y="1456"/>
                  <a:pt x="1326" y="1458"/>
                </a:cubicBezTo>
                <a:cubicBezTo>
                  <a:pt x="1325" y="1459"/>
                  <a:pt x="1325" y="1460"/>
                  <a:pt x="1325" y="1461"/>
                </a:cubicBezTo>
                <a:cubicBezTo>
                  <a:pt x="1325" y="1463"/>
                  <a:pt x="1325" y="1466"/>
                  <a:pt x="1327" y="1467"/>
                </a:cubicBezTo>
                <a:cubicBezTo>
                  <a:pt x="1329" y="1467"/>
                  <a:pt x="1328" y="1462"/>
                  <a:pt x="1327" y="1461"/>
                </a:cubicBezTo>
                <a:cubicBezTo>
                  <a:pt x="1327" y="1458"/>
                  <a:pt x="1327" y="1457"/>
                  <a:pt x="1329" y="1455"/>
                </a:cubicBezTo>
                <a:cubicBezTo>
                  <a:pt x="1329" y="1455"/>
                  <a:pt x="1330" y="1452"/>
                  <a:pt x="1328" y="1453"/>
                </a:cubicBezTo>
                <a:close/>
                <a:moveTo>
                  <a:pt x="1289" y="1370"/>
                </a:moveTo>
                <a:cubicBezTo>
                  <a:pt x="1290" y="1371"/>
                  <a:pt x="1290" y="1371"/>
                  <a:pt x="1290" y="1372"/>
                </a:cubicBezTo>
                <a:cubicBezTo>
                  <a:pt x="1291" y="1373"/>
                  <a:pt x="1291" y="1374"/>
                  <a:pt x="1292" y="1374"/>
                </a:cubicBezTo>
                <a:cubicBezTo>
                  <a:pt x="1295" y="1374"/>
                  <a:pt x="1294" y="1370"/>
                  <a:pt x="1295" y="1369"/>
                </a:cubicBezTo>
                <a:cubicBezTo>
                  <a:pt x="1296" y="1367"/>
                  <a:pt x="1297" y="1367"/>
                  <a:pt x="1297" y="1365"/>
                </a:cubicBezTo>
                <a:cubicBezTo>
                  <a:pt x="1297" y="1363"/>
                  <a:pt x="1296" y="1363"/>
                  <a:pt x="1296" y="1362"/>
                </a:cubicBezTo>
                <a:cubicBezTo>
                  <a:pt x="1295" y="1360"/>
                  <a:pt x="1296" y="1360"/>
                  <a:pt x="1295" y="1359"/>
                </a:cubicBezTo>
                <a:cubicBezTo>
                  <a:pt x="1295" y="1357"/>
                  <a:pt x="1293" y="1357"/>
                  <a:pt x="1291" y="1357"/>
                </a:cubicBezTo>
                <a:cubicBezTo>
                  <a:pt x="1288" y="1357"/>
                  <a:pt x="1288" y="1361"/>
                  <a:pt x="1289" y="1364"/>
                </a:cubicBezTo>
                <a:cubicBezTo>
                  <a:pt x="1289" y="1366"/>
                  <a:pt x="1287" y="1368"/>
                  <a:pt x="1289" y="1370"/>
                </a:cubicBezTo>
                <a:close/>
                <a:moveTo>
                  <a:pt x="1220" y="1387"/>
                </a:moveTo>
                <a:cubicBezTo>
                  <a:pt x="1219" y="1386"/>
                  <a:pt x="1218" y="1387"/>
                  <a:pt x="1218" y="1387"/>
                </a:cubicBezTo>
                <a:cubicBezTo>
                  <a:pt x="1218" y="1385"/>
                  <a:pt x="1216" y="1386"/>
                  <a:pt x="1216" y="1388"/>
                </a:cubicBezTo>
                <a:cubicBezTo>
                  <a:pt x="1216" y="1389"/>
                  <a:pt x="1217" y="1390"/>
                  <a:pt x="1218" y="1390"/>
                </a:cubicBezTo>
                <a:cubicBezTo>
                  <a:pt x="1219" y="1390"/>
                  <a:pt x="1219" y="1390"/>
                  <a:pt x="1219" y="1390"/>
                </a:cubicBezTo>
                <a:cubicBezTo>
                  <a:pt x="1220" y="1389"/>
                  <a:pt x="1220" y="1387"/>
                  <a:pt x="1220" y="1387"/>
                </a:cubicBezTo>
                <a:close/>
                <a:moveTo>
                  <a:pt x="1254" y="1411"/>
                </a:moveTo>
                <a:cubicBezTo>
                  <a:pt x="1253" y="1411"/>
                  <a:pt x="1252" y="1412"/>
                  <a:pt x="1253" y="1413"/>
                </a:cubicBezTo>
                <a:cubicBezTo>
                  <a:pt x="1253" y="1414"/>
                  <a:pt x="1253" y="1415"/>
                  <a:pt x="1254" y="1415"/>
                </a:cubicBezTo>
                <a:cubicBezTo>
                  <a:pt x="1254" y="1416"/>
                  <a:pt x="1254" y="1417"/>
                  <a:pt x="1255" y="1416"/>
                </a:cubicBezTo>
                <a:cubicBezTo>
                  <a:pt x="1256" y="1416"/>
                  <a:pt x="1255" y="1414"/>
                  <a:pt x="1254" y="1414"/>
                </a:cubicBezTo>
                <a:cubicBezTo>
                  <a:pt x="1254" y="1413"/>
                  <a:pt x="1254" y="1411"/>
                  <a:pt x="1254" y="1411"/>
                </a:cubicBezTo>
                <a:close/>
                <a:moveTo>
                  <a:pt x="1260" y="1397"/>
                </a:moveTo>
                <a:cubicBezTo>
                  <a:pt x="1259" y="1398"/>
                  <a:pt x="1259" y="1400"/>
                  <a:pt x="1260" y="1400"/>
                </a:cubicBezTo>
                <a:cubicBezTo>
                  <a:pt x="1262" y="1399"/>
                  <a:pt x="1261" y="1397"/>
                  <a:pt x="1260" y="1397"/>
                </a:cubicBezTo>
                <a:close/>
                <a:moveTo>
                  <a:pt x="1248" y="1345"/>
                </a:moveTo>
                <a:cubicBezTo>
                  <a:pt x="1246" y="1347"/>
                  <a:pt x="1249" y="1349"/>
                  <a:pt x="1249" y="1350"/>
                </a:cubicBezTo>
                <a:cubicBezTo>
                  <a:pt x="1250" y="1351"/>
                  <a:pt x="1250" y="1352"/>
                  <a:pt x="1251" y="1352"/>
                </a:cubicBezTo>
                <a:cubicBezTo>
                  <a:pt x="1251" y="1353"/>
                  <a:pt x="1253" y="1353"/>
                  <a:pt x="1253" y="1352"/>
                </a:cubicBezTo>
                <a:cubicBezTo>
                  <a:pt x="1253" y="1352"/>
                  <a:pt x="1251" y="1350"/>
                  <a:pt x="1250" y="1349"/>
                </a:cubicBezTo>
                <a:cubicBezTo>
                  <a:pt x="1250" y="1348"/>
                  <a:pt x="1250" y="1344"/>
                  <a:pt x="1248" y="1345"/>
                </a:cubicBezTo>
                <a:close/>
                <a:moveTo>
                  <a:pt x="1308" y="1341"/>
                </a:moveTo>
                <a:cubicBezTo>
                  <a:pt x="1308" y="1342"/>
                  <a:pt x="1309" y="1344"/>
                  <a:pt x="1310" y="1343"/>
                </a:cubicBezTo>
                <a:cubicBezTo>
                  <a:pt x="1312" y="1343"/>
                  <a:pt x="1310" y="1340"/>
                  <a:pt x="1309" y="1339"/>
                </a:cubicBezTo>
                <a:cubicBezTo>
                  <a:pt x="1308" y="1338"/>
                  <a:pt x="1308" y="1337"/>
                  <a:pt x="1307" y="1337"/>
                </a:cubicBezTo>
                <a:cubicBezTo>
                  <a:pt x="1306" y="1336"/>
                  <a:pt x="1305" y="1336"/>
                  <a:pt x="1304" y="1336"/>
                </a:cubicBezTo>
                <a:cubicBezTo>
                  <a:pt x="1303" y="1335"/>
                  <a:pt x="1304" y="1332"/>
                  <a:pt x="1302" y="1331"/>
                </a:cubicBezTo>
                <a:cubicBezTo>
                  <a:pt x="1300" y="1330"/>
                  <a:pt x="1298" y="1331"/>
                  <a:pt x="1296" y="1332"/>
                </a:cubicBezTo>
                <a:cubicBezTo>
                  <a:pt x="1295" y="1332"/>
                  <a:pt x="1295" y="1333"/>
                  <a:pt x="1293" y="1334"/>
                </a:cubicBezTo>
                <a:cubicBezTo>
                  <a:pt x="1292" y="1335"/>
                  <a:pt x="1291" y="1333"/>
                  <a:pt x="1289" y="1333"/>
                </a:cubicBezTo>
                <a:cubicBezTo>
                  <a:pt x="1288" y="1333"/>
                  <a:pt x="1288" y="1335"/>
                  <a:pt x="1289" y="1336"/>
                </a:cubicBezTo>
                <a:cubicBezTo>
                  <a:pt x="1289" y="1336"/>
                  <a:pt x="1290" y="1336"/>
                  <a:pt x="1291" y="1336"/>
                </a:cubicBezTo>
                <a:cubicBezTo>
                  <a:pt x="1293" y="1336"/>
                  <a:pt x="1296" y="1337"/>
                  <a:pt x="1297" y="1338"/>
                </a:cubicBezTo>
                <a:cubicBezTo>
                  <a:pt x="1300" y="1340"/>
                  <a:pt x="1294" y="1340"/>
                  <a:pt x="1297" y="1342"/>
                </a:cubicBezTo>
                <a:cubicBezTo>
                  <a:pt x="1297" y="1342"/>
                  <a:pt x="1298" y="1342"/>
                  <a:pt x="1298" y="1342"/>
                </a:cubicBezTo>
                <a:cubicBezTo>
                  <a:pt x="1298" y="1343"/>
                  <a:pt x="1298" y="1343"/>
                  <a:pt x="1299" y="1343"/>
                </a:cubicBezTo>
                <a:cubicBezTo>
                  <a:pt x="1300" y="1344"/>
                  <a:pt x="1300" y="1344"/>
                  <a:pt x="1301" y="1344"/>
                </a:cubicBezTo>
                <a:cubicBezTo>
                  <a:pt x="1302" y="1344"/>
                  <a:pt x="1303" y="1345"/>
                  <a:pt x="1304" y="1346"/>
                </a:cubicBezTo>
                <a:cubicBezTo>
                  <a:pt x="1304" y="1346"/>
                  <a:pt x="1306" y="1346"/>
                  <a:pt x="1307" y="1346"/>
                </a:cubicBezTo>
                <a:cubicBezTo>
                  <a:pt x="1311" y="1345"/>
                  <a:pt x="1306" y="1342"/>
                  <a:pt x="1306" y="1341"/>
                </a:cubicBezTo>
                <a:cubicBezTo>
                  <a:pt x="1305" y="1340"/>
                  <a:pt x="1307" y="1341"/>
                  <a:pt x="1308" y="1341"/>
                </a:cubicBezTo>
                <a:close/>
                <a:moveTo>
                  <a:pt x="1225" y="1471"/>
                </a:moveTo>
                <a:cubicBezTo>
                  <a:pt x="1228" y="1471"/>
                  <a:pt x="1229" y="1473"/>
                  <a:pt x="1232" y="1473"/>
                </a:cubicBezTo>
                <a:cubicBezTo>
                  <a:pt x="1234" y="1473"/>
                  <a:pt x="1237" y="1473"/>
                  <a:pt x="1239" y="1474"/>
                </a:cubicBezTo>
                <a:cubicBezTo>
                  <a:pt x="1241" y="1474"/>
                  <a:pt x="1243" y="1476"/>
                  <a:pt x="1245" y="1476"/>
                </a:cubicBezTo>
                <a:cubicBezTo>
                  <a:pt x="1248" y="1476"/>
                  <a:pt x="1250" y="1476"/>
                  <a:pt x="1252" y="1478"/>
                </a:cubicBezTo>
                <a:cubicBezTo>
                  <a:pt x="1253" y="1478"/>
                  <a:pt x="1253" y="1479"/>
                  <a:pt x="1255" y="1479"/>
                </a:cubicBezTo>
                <a:cubicBezTo>
                  <a:pt x="1256" y="1479"/>
                  <a:pt x="1257" y="1480"/>
                  <a:pt x="1257" y="1481"/>
                </a:cubicBezTo>
                <a:cubicBezTo>
                  <a:pt x="1257" y="1482"/>
                  <a:pt x="1255" y="1482"/>
                  <a:pt x="1255" y="1483"/>
                </a:cubicBezTo>
                <a:cubicBezTo>
                  <a:pt x="1254" y="1485"/>
                  <a:pt x="1256" y="1484"/>
                  <a:pt x="1257" y="1483"/>
                </a:cubicBezTo>
                <a:cubicBezTo>
                  <a:pt x="1259" y="1482"/>
                  <a:pt x="1262" y="1482"/>
                  <a:pt x="1265" y="1482"/>
                </a:cubicBezTo>
                <a:cubicBezTo>
                  <a:pt x="1267" y="1482"/>
                  <a:pt x="1268" y="1483"/>
                  <a:pt x="1270" y="1482"/>
                </a:cubicBezTo>
                <a:cubicBezTo>
                  <a:pt x="1271" y="1482"/>
                  <a:pt x="1272" y="1482"/>
                  <a:pt x="1273" y="1481"/>
                </a:cubicBezTo>
                <a:cubicBezTo>
                  <a:pt x="1274" y="1480"/>
                  <a:pt x="1278" y="1480"/>
                  <a:pt x="1280" y="1480"/>
                </a:cubicBezTo>
                <a:cubicBezTo>
                  <a:pt x="1283" y="1480"/>
                  <a:pt x="1286" y="1481"/>
                  <a:pt x="1288" y="1480"/>
                </a:cubicBezTo>
                <a:cubicBezTo>
                  <a:pt x="1291" y="1480"/>
                  <a:pt x="1293" y="1480"/>
                  <a:pt x="1296" y="1480"/>
                </a:cubicBezTo>
                <a:cubicBezTo>
                  <a:pt x="1297" y="1479"/>
                  <a:pt x="1298" y="1479"/>
                  <a:pt x="1299" y="1479"/>
                </a:cubicBezTo>
                <a:cubicBezTo>
                  <a:pt x="1300" y="1478"/>
                  <a:pt x="1299" y="1477"/>
                  <a:pt x="1300" y="1476"/>
                </a:cubicBezTo>
                <a:cubicBezTo>
                  <a:pt x="1300" y="1474"/>
                  <a:pt x="1304" y="1472"/>
                  <a:pt x="1301" y="1470"/>
                </a:cubicBezTo>
                <a:cubicBezTo>
                  <a:pt x="1301" y="1470"/>
                  <a:pt x="1301" y="1470"/>
                  <a:pt x="1301" y="1470"/>
                </a:cubicBezTo>
                <a:cubicBezTo>
                  <a:pt x="1301" y="1470"/>
                  <a:pt x="1299" y="1472"/>
                  <a:pt x="1299" y="1472"/>
                </a:cubicBezTo>
                <a:cubicBezTo>
                  <a:pt x="1298" y="1473"/>
                  <a:pt x="1297" y="1473"/>
                  <a:pt x="1296" y="1473"/>
                </a:cubicBezTo>
                <a:cubicBezTo>
                  <a:pt x="1295" y="1474"/>
                  <a:pt x="1294" y="1474"/>
                  <a:pt x="1293" y="1474"/>
                </a:cubicBezTo>
                <a:cubicBezTo>
                  <a:pt x="1292" y="1475"/>
                  <a:pt x="1290" y="1476"/>
                  <a:pt x="1289" y="1476"/>
                </a:cubicBezTo>
                <a:cubicBezTo>
                  <a:pt x="1287" y="1476"/>
                  <a:pt x="1284" y="1475"/>
                  <a:pt x="1285" y="1473"/>
                </a:cubicBezTo>
                <a:cubicBezTo>
                  <a:pt x="1285" y="1472"/>
                  <a:pt x="1286" y="1471"/>
                  <a:pt x="1285" y="1470"/>
                </a:cubicBezTo>
                <a:cubicBezTo>
                  <a:pt x="1284" y="1469"/>
                  <a:pt x="1283" y="1470"/>
                  <a:pt x="1282" y="1470"/>
                </a:cubicBezTo>
                <a:cubicBezTo>
                  <a:pt x="1281" y="1470"/>
                  <a:pt x="1280" y="1471"/>
                  <a:pt x="1279" y="1471"/>
                </a:cubicBezTo>
                <a:cubicBezTo>
                  <a:pt x="1278" y="1472"/>
                  <a:pt x="1277" y="1471"/>
                  <a:pt x="1276" y="1471"/>
                </a:cubicBezTo>
                <a:cubicBezTo>
                  <a:pt x="1274" y="1470"/>
                  <a:pt x="1272" y="1470"/>
                  <a:pt x="1270" y="1470"/>
                </a:cubicBezTo>
                <a:cubicBezTo>
                  <a:pt x="1268" y="1469"/>
                  <a:pt x="1265" y="1468"/>
                  <a:pt x="1263" y="1468"/>
                </a:cubicBezTo>
                <a:cubicBezTo>
                  <a:pt x="1258" y="1468"/>
                  <a:pt x="1254" y="1469"/>
                  <a:pt x="1250" y="1470"/>
                </a:cubicBezTo>
                <a:cubicBezTo>
                  <a:pt x="1248" y="1470"/>
                  <a:pt x="1245" y="1470"/>
                  <a:pt x="1243" y="1469"/>
                </a:cubicBezTo>
                <a:cubicBezTo>
                  <a:pt x="1242" y="1468"/>
                  <a:pt x="1242" y="1465"/>
                  <a:pt x="1239" y="1465"/>
                </a:cubicBezTo>
                <a:cubicBezTo>
                  <a:pt x="1239" y="1464"/>
                  <a:pt x="1236" y="1465"/>
                  <a:pt x="1237" y="1464"/>
                </a:cubicBezTo>
                <a:cubicBezTo>
                  <a:pt x="1237" y="1463"/>
                  <a:pt x="1239" y="1463"/>
                  <a:pt x="1240" y="1463"/>
                </a:cubicBezTo>
                <a:cubicBezTo>
                  <a:pt x="1240" y="1461"/>
                  <a:pt x="1237" y="1460"/>
                  <a:pt x="1236" y="1460"/>
                </a:cubicBezTo>
                <a:cubicBezTo>
                  <a:pt x="1234" y="1459"/>
                  <a:pt x="1233" y="1462"/>
                  <a:pt x="1231" y="1462"/>
                </a:cubicBezTo>
                <a:cubicBezTo>
                  <a:pt x="1230" y="1462"/>
                  <a:pt x="1228" y="1462"/>
                  <a:pt x="1227" y="1462"/>
                </a:cubicBezTo>
                <a:cubicBezTo>
                  <a:pt x="1226" y="1461"/>
                  <a:pt x="1227" y="1460"/>
                  <a:pt x="1226" y="1459"/>
                </a:cubicBezTo>
                <a:cubicBezTo>
                  <a:pt x="1225" y="1457"/>
                  <a:pt x="1224" y="1459"/>
                  <a:pt x="1224" y="1460"/>
                </a:cubicBezTo>
                <a:cubicBezTo>
                  <a:pt x="1223" y="1462"/>
                  <a:pt x="1222" y="1464"/>
                  <a:pt x="1221" y="1466"/>
                </a:cubicBezTo>
                <a:cubicBezTo>
                  <a:pt x="1220" y="1467"/>
                  <a:pt x="1217" y="1469"/>
                  <a:pt x="1217" y="1470"/>
                </a:cubicBezTo>
                <a:cubicBezTo>
                  <a:pt x="1218" y="1472"/>
                  <a:pt x="1224" y="1470"/>
                  <a:pt x="1225" y="1471"/>
                </a:cubicBezTo>
                <a:close/>
                <a:moveTo>
                  <a:pt x="1136" y="1371"/>
                </a:moveTo>
                <a:cubicBezTo>
                  <a:pt x="1136" y="1370"/>
                  <a:pt x="1136" y="1369"/>
                  <a:pt x="1135" y="1368"/>
                </a:cubicBezTo>
                <a:cubicBezTo>
                  <a:pt x="1135" y="1367"/>
                  <a:pt x="1134" y="1367"/>
                  <a:pt x="1133" y="1366"/>
                </a:cubicBezTo>
                <a:cubicBezTo>
                  <a:pt x="1133" y="1365"/>
                  <a:pt x="1133" y="1364"/>
                  <a:pt x="1133" y="1363"/>
                </a:cubicBezTo>
                <a:cubicBezTo>
                  <a:pt x="1132" y="1362"/>
                  <a:pt x="1131" y="1362"/>
                  <a:pt x="1130" y="1363"/>
                </a:cubicBezTo>
                <a:cubicBezTo>
                  <a:pt x="1130" y="1364"/>
                  <a:pt x="1129" y="1365"/>
                  <a:pt x="1129" y="1366"/>
                </a:cubicBezTo>
                <a:cubicBezTo>
                  <a:pt x="1128" y="1367"/>
                  <a:pt x="1128" y="1368"/>
                  <a:pt x="1127" y="1369"/>
                </a:cubicBezTo>
                <a:cubicBezTo>
                  <a:pt x="1127" y="1370"/>
                  <a:pt x="1123" y="1370"/>
                  <a:pt x="1124" y="1371"/>
                </a:cubicBezTo>
                <a:cubicBezTo>
                  <a:pt x="1125" y="1373"/>
                  <a:pt x="1128" y="1370"/>
                  <a:pt x="1129" y="1373"/>
                </a:cubicBezTo>
                <a:cubicBezTo>
                  <a:pt x="1129" y="1374"/>
                  <a:pt x="1129" y="1374"/>
                  <a:pt x="1130" y="1375"/>
                </a:cubicBezTo>
                <a:cubicBezTo>
                  <a:pt x="1131" y="1375"/>
                  <a:pt x="1132" y="1375"/>
                  <a:pt x="1133" y="1375"/>
                </a:cubicBezTo>
                <a:cubicBezTo>
                  <a:pt x="1134" y="1375"/>
                  <a:pt x="1135" y="1375"/>
                  <a:pt x="1135" y="1376"/>
                </a:cubicBezTo>
                <a:cubicBezTo>
                  <a:pt x="1136" y="1376"/>
                  <a:pt x="1137" y="1378"/>
                  <a:pt x="1138" y="1377"/>
                </a:cubicBezTo>
                <a:cubicBezTo>
                  <a:pt x="1138" y="1376"/>
                  <a:pt x="1137" y="1375"/>
                  <a:pt x="1136" y="1374"/>
                </a:cubicBezTo>
                <a:cubicBezTo>
                  <a:pt x="1136" y="1373"/>
                  <a:pt x="1136" y="1373"/>
                  <a:pt x="1136" y="1371"/>
                </a:cubicBezTo>
                <a:close/>
                <a:moveTo>
                  <a:pt x="1104" y="1316"/>
                </a:moveTo>
                <a:cubicBezTo>
                  <a:pt x="1104" y="1315"/>
                  <a:pt x="1103" y="1315"/>
                  <a:pt x="1103" y="1315"/>
                </a:cubicBezTo>
                <a:cubicBezTo>
                  <a:pt x="1103" y="1315"/>
                  <a:pt x="1103" y="1316"/>
                  <a:pt x="1103" y="1316"/>
                </a:cubicBezTo>
                <a:cubicBezTo>
                  <a:pt x="1103" y="1316"/>
                  <a:pt x="1103" y="1317"/>
                  <a:pt x="1104" y="1316"/>
                </a:cubicBezTo>
                <a:close/>
                <a:moveTo>
                  <a:pt x="1203" y="1435"/>
                </a:moveTo>
                <a:cubicBezTo>
                  <a:pt x="1201" y="1434"/>
                  <a:pt x="1201" y="1439"/>
                  <a:pt x="1201" y="1440"/>
                </a:cubicBezTo>
                <a:cubicBezTo>
                  <a:pt x="1202" y="1441"/>
                  <a:pt x="1202" y="1442"/>
                  <a:pt x="1203" y="1443"/>
                </a:cubicBezTo>
                <a:cubicBezTo>
                  <a:pt x="1203" y="1443"/>
                  <a:pt x="1204" y="1445"/>
                  <a:pt x="1205" y="1444"/>
                </a:cubicBezTo>
                <a:cubicBezTo>
                  <a:pt x="1206" y="1443"/>
                  <a:pt x="1205" y="1442"/>
                  <a:pt x="1205" y="1442"/>
                </a:cubicBezTo>
                <a:cubicBezTo>
                  <a:pt x="1204" y="1441"/>
                  <a:pt x="1203" y="1441"/>
                  <a:pt x="1203" y="1440"/>
                </a:cubicBezTo>
                <a:cubicBezTo>
                  <a:pt x="1203" y="1439"/>
                  <a:pt x="1204" y="1436"/>
                  <a:pt x="1203" y="1435"/>
                </a:cubicBezTo>
                <a:close/>
                <a:moveTo>
                  <a:pt x="1135" y="1382"/>
                </a:moveTo>
                <a:cubicBezTo>
                  <a:pt x="1135" y="1382"/>
                  <a:pt x="1135" y="1381"/>
                  <a:pt x="1133" y="1381"/>
                </a:cubicBezTo>
                <a:cubicBezTo>
                  <a:pt x="1132" y="1381"/>
                  <a:pt x="1137" y="1387"/>
                  <a:pt x="1137" y="1388"/>
                </a:cubicBezTo>
                <a:cubicBezTo>
                  <a:pt x="1137" y="1388"/>
                  <a:pt x="1137" y="1390"/>
                  <a:pt x="1137" y="1390"/>
                </a:cubicBezTo>
                <a:cubicBezTo>
                  <a:pt x="1139" y="1392"/>
                  <a:pt x="1139" y="1391"/>
                  <a:pt x="1140" y="1390"/>
                </a:cubicBezTo>
                <a:cubicBezTo>
                  <a:pt x="1140" y="1389"/>
                  <a:pt x="1141" y="1389"/>
                  <a:pt x="1142" y="1389"/>
                </a:cubicBezTo>
                <a:cubicBezTo>
                  <a:pt x="1143" y="1389"/>
                  <a:pt x="1144" y="1388"/>
                  <a:pt x="1143" y="1387"/>
                </a:cubicBezTo>
                <a:cubicBezTo>
                  <a:pt x="1142" y="1387"/>
                  <a:pt x="1140" y="1387"/>
                  <a:pt x="1140" y="1387"/>
                </a:cubicBezTo>
                <a:cubicBezTo>
                  <a:pt x="1138" y="1386"/>
                  <a:pt x="1139" y="1385"/>
                  <a:pt x="1138" y="1384"/>
                </a:cubicBezTo>
                <a:cubicBezTo>
                  <a:pt x="1137" y="1383"/>
                  <a:pt x="1136" y="1384"/>
                  <a:pt x="1135" y="1382"/>
                </a:cubicBezTo>
                <a:close/>
                <a:moveTo>
                  <a:pt x="1111" y="1319"/>
                </a:moveTo>
                <a:cubicBezTo>
                  <a:pt x="1111" y="1319"/>
                  <a:pt x="1111" y="1319"/>
                  <a:pt x="1111" y="1318"/>
                </a:cubicBezTo>
                <a:cubicBezTo>
                  <a:pt x="1115" y="1314"/>
                  <a:pt x="1107" y="1317"/>
                  <a:pt x="1105" y="1317"/>
                </a:cubicBezTo>
                <a:cubicBezTo>
                  <a:pt x="1104" y="1317"/>
                  <a:pt x="1103" y="1318"/>
                  <a:pt x="1104" y="1319"/>
                </a:cubicBezTo>
                <a:cubicBezTo>
                  <a:pt x="1105" y="1320"/>
                  <a:pt x="1106" y="1320"/>
                  <a:pt x="1107" y="1321"/>
                </a:cubicBezTo>
                <a:cubicBezTo>
                  <a:pt x="1107" y="1321"/>
                  <a:pt x="1107" y="1323"/>
                  <a:pt x="1108" y="1323"/>
                </a:cubicBezTo>
                <a:cubicBezTo>
                  <a:pt x="1108" y="1324"/>
                  <a:pt x="1109" y="1324"/>
                  <a:pt x="1110" y="1325"/>
                </a:cubicBezTo>
                <a:cubicBezTo>
                  <a:pt x="1111" y="1325"/>
                  <a:pt x="1111" y="1327"/>
                  <a:pt x="1112" y="1327"/>
                </a:cubicBezTo>
                <a:cubicBezTo>
                  <a:pt x="1113" y="1328"/>
                  <a:pt x="1112" y="1326"/>
                  <a:pt x="1112" y="1325"/>
                </a:cubicBezTo>
                <a:cubicBezTo>
                  <a:pt x="1112" y="1324"/>
                  <a:pt x="1112" y="1323"/>
                  <a:pt x="1111" y="1322"/>
                </a:cubicBezTo>
                <a:cubicBezTo>
                  <a:pt x="1110" y="1322"/>
                  <a:pt x="1109" y="1322"/>
                  <a:pt x="1109" y="1320"/>
                </a:cubicBezTo>
                <a:cubicBezTo>
                  <a:pt x="1110" y="1320"/>
                  <a:pt x="1110" y="1320"/>
                  <a:pt x="1111" y="1319"/>
                </a:cubicBezTo>
                <a:close/>
                <a:moveTo>
                  <a:pt x="1225" y="12"/>
                </a:moveTo>
                <a:cubicBezTo>
                  <a:pt x="1226" y="13"/>
                  <a:pt x="1228" y="14"/>
                  <a:pt x="1229" y="14"/>
                </a:cubicBezTo>
                <a:cubicBezTo>
                  <a:pt x="1232" y="15"/>
                  <a:pt x="1233" y="13"/>
                  <a:pt x="1235" y="12"/>
                </a:cubicBezTo>
                <a:cubicBezTo>
                  <a:pt x="1237" y="11"/>
                  <a:pt x="1237" y="8"/>
                  <a:pt x="1235" y="7"/>
                </a:cubicBezTo>
                <a:cubicBezTo>
                  <a:pt x="1233" y="6"/>
                  <a:pt x="1232" y="5"/>
                  <a:pt x="1229" y="5"/>
                </a:cubicBezTo>
                <a:cubicBezTo>
                  <a:pt x="1228" y="5"/>
                  <a:pt x="1228" y="5"/>
                  <a:pt x="1227" y="4"/>
                </a:cubicBezTo>
                <a:cubicBezTo>
                  <a:pt x="1226" y="3"/>
                  <a:pt x="1225" y="2"/>
                  <a:pt x="1224" y="3"/>
                </a:cubicBezTo>
                <a:cubicBezTo>
                  <a:pt x="1224" y="4"/>
                  <a:pt x="1224" y="6"/>
                  <a:pt x="1224" y="7"/>
                </a:cubicBezTo>
                <a:cubicBezTo>
                  <a:pt x="1224" y="9"/>
                  <a:pt x="1224" y="10"/>
                  <a:pt x="1225" y="12"/>
                </a:cubicBezTo>
                <a:close/>
                <a:moveTo>
                  <a:pt x="1218" y="13"/>
                </a:moveTo>
                <a:cubicBezTo>
                  <a:pt x="1217" y="15"/>
                  <a:pt x="1214" y="15"/>
                  <a:pt x="1212" y="16"/>
                </a:cubicBezTo>
                <a:cubicBezTo>
                  <a:pt x="1211" y="17"/>
                  <a:pt x="1210" y="17"/>
                  <a:pt x="1208" y="17"/>
                </a:cubicBezTo>
                <a:cubicBezTo>
                  <a:pt x="1207" y="17"/>
                  <a:pt x="1206" y="18"/>
                  <a:pt x="1204" y="19"/>
                </a:cubicBezTo>
                <a:cubicBezTo>
                  <a:pt x="1203" y="20"/>
                  <a:pt x="1201" y="19"/>
                  <a:pt x="1200" y="19"/>
                </a:cubicBezTo>
                <a:cubicBezTo>
                  <a:pt x="1197" y="20"/>
                  <a:pt x="1201" y="22"/>
                  <a:pt x="1202" y="23"/>
                </a:cubicBezTo>
                <a:cubicBezTo>
                  <a:pt x="1203" y="23"/>
                  <a:pt x="1204" y="24"/>
                  <a:pt x="1204" y="25"/>
                </a:cubicBezTo>
                <a:cubicBezTo>
                  <a:pt x="1205" y="26"/>
                  <a:pt x="1205" y="27"/>
                  <a:pt x="1206" y="27"/>
                </a:cubicBezTo>
                <a:cubicBezTo>
                  <a:pt x="1208" y="27"/>
                  <a:pt x="1210" y="26"/>
                  <a:pt x="1212" y="25"/>
                </a:cubicBezTo>
                <a:cubicBezTo>
                  <a:pt x="1214" y="24"/>
                  <a:pt x="1215" y="22"/>
                  <a:pt x="1216" y="21"/>
                </a:cubicBezTo>
                <a:cubicBezTo>
                  <a:pt x="1218" y="19"/>
                  <a:pt x="1221" y="19"/>
                  <a:pt x="1222" y="17"/>
                </a:cubicBezTo>
                <a:cubicBezTo>
                  <a:pt x="1223" y="15"/>
                  <a:pt x="1223" y="13"/>
                  <a:pt x="1221" y="11"/>
                </a:cubicBezTo>
                <a:cubicBezTo>
                  <a:pt x="1221" y="11"/>
                  <a:pt x="1220" y="10"/>
                  <a:pt x="1219" y="10"/>
                </a:cubicBezTo>
                <a:cubicBezTo>
                  <a:pt x="1218" y="9"/>
                  <a:pt x="1217" y="8"/>
                  <a:pt x="1216" y="9"/>
                </a:cubicBezTo>
                <a:cubicBezTo>
                  <a:pt x="1214" y="10"/>
                  <a:pt x="1218" y="12"/>
                  <a:pt x="1218" y="13"/>
                </a:cubicBezTo>
                <a:close/>
                <a:moveTo>
                  <a:pt x="1176" y="13"/>
                </a:moveTo>
                <a:cubicBezTo>
                  <a:pt x="1177" y="14"/>
                  <a:pt x="1177" y="16"/>
                  <a:pt x="1179" y="17"/>
                </a:cubicBezTo>
                <a:cubicBezTo>
                  <a:pt x="1181" y="18"/>
                  <a:pt x="1184" y="16"/>
                  <a:pt x="1186" y="15"/>
                </a:cubicBezTo>
                <a:cubicBezTo>
                  <a:pt x="1187" y="15"/>
                  <a:pt x="1188" y="15"/>
                  <a:pt x="1189" y="15"/>
                </a:cubicBezTo>
                <a:cubicBezTo>
                  <a:pt x="1190" y="15"/>
                  <a:pt x="1191" y="15"/>
                  <a:pt x="1192" y="14"/>
                </a:cubicBezTo>
                <a:cubicBezTo>
                  <a:pt x="1194" y="12"/>
                  <a:pt x="1195" y="15"/>
                  <a:pt x="1197" y="15"/>
                </a:cubicBezTo>
                <a:cubicBezTo>
                  <a:pt x="1199" y="16"/>
                  <a:pt x="1201" y="14"/>
                  <a:pt x="1203" y="14"/>
                </a:cubicBezTo>
                <a:cubicBezTo>
                  <a:pt x="1204" y="14"/>
                  <a:pt x="1205" y="13"/>
                  <a:pt x="1206" y="13"/>
                </a:cubicBezTo>
                <a:cubicBezTo>
                  <a:pt x="1207" y="12"/>
                  <a:pt x="1207" y="11"/>
                  <a:pt x="1207" y="9"/>
                </a:cubicBezTo>
                <a:cubicBezTo>
                  <a:pt x="1208" y="7"/>
                  <a:pt x="1211" y="8"/>
                  <a:pt x="1212" y="6"/>
                </a:cubicBezTo>
                <a:cubicBezTo>
                  <a:pt x="1214" y="6"/>
                  <a:pt x="1213" y="5"/>
                  <a:pt x="1213" y="3"/>
                </a:cubicBezTo>
                <a:cubicBezTo>
                  <a:pt x="1214" y="3"/>
                  <a:pt x="1214" y="3"/>
                  <a:pt x="1214" y="3"/>
                </a:cubicBezTo>
                <a:cubicBezTo>
                  <a:pt x="1208" y="3"/>
                  <a:pt x="1208" y="3"/>
                  <a:pt x="1208" y="3"/>
                </a:cubicBezTo>
                <a:cubicBezTo>
                  <a:pt x="1207" y="3"/>
                  <a:pt x="1207" y="3"/>
                  <a:pt x="1207" y="3"/>
                </a:cubicBezTo>
                <a:cubicBezTo>
                  <a:pt x="1206" y="4"/>
                  <a:pt x="1205" y="5"/>
                  <a:pt x="1204" y="5"/>
                </a:cubicBezTo>
                <a:cubicBezTo>
                  <a:pt x="1203" y="6"/>
                  <a:pt x="1202" y="6"/>
                  <a:pt x="1201" y="6"/>
                </a:cubicBezTo>
                <a:cubicBezTo>
                  <a:pt x="1198" y="6"/>
                  <a:pt x="1196" y="6"/>
                  <a:pt x="1194" y="6"/>
                </a:cubicBezTo>
                <a:cubicBezTo>
                  <a:pt x="1193" y="6"/>
                  <a:pt x="1191" y="6"/>
                  <a:pt x="1190" y="6"/>
                </a:cubicBezTo>
                <a:cubicBezTo>
                  <a:pt x="1188" y="6"/>
                  <a:pt x="1189" y="5"/>
                  <a:pt x="1187" y="4"/>
                </a:cubicBezTo>
                <a:cubicBezTo>
                  <a:pt x="1186" y="4"/>
                  <a:pt x="1185" y="4"/>
                  <a:pt x="1185" y="5"/>
                </a:cubicBezTo>
                <a:cubicBezTo>
                  <a:pt x="1184" y="7"/>
                  <a:pt x="1184" y="7"/>
                  <a:pt x="1183" y="6"/>
                </a:cubicBezTo>
                <a:cubicBezTo>
                  <a:pt x="1182" y="6"/>
                  <a:pt x="1182" y="6"/>
                  <a:pt x="1182" y="6"/>
                </a:cubicBezTo>
                <a:cubicBezTo>
                  <a:pt x="1181" y="6"/>
                  <a:pt x="1180" y="6"/>
                  <a:pt x="1180" y="7"/>
                </a:cubicBezTo>
                <a:cubicBezTo>
                  <a:pt x="1180" y="8"/>
                  <a:pt x="1180" y="9"/>
                  <a:pt x="1178" y="9"/>
                </a:cubicBezTo>
                <a:cubicBezTo>
                  <a:pt x="1177" y="8"/>
                  <a:pt x="1176" y="6"/>
                  <a:pt x="1175" y="5"/>
                </a:cubicBezTo>
                <a:cubicBezTo>
                  <a:pt x="1173" y="5"/>
                  <a:pt x="1173" y="7"/>
                  <a:pt x="1173" y="9"/>
                </a:cubicBezTo>
                <a:cubicBezTo>
                  <a:pt x="1173" y="10"/>
                  <a:pt x="1175" y="12"/>
                  <a:pt x="1176" y="13"/>
                </a:cubicBezTo>
                <a:close/>
                <a:moveTo>
                  <a:pt x="1061" y="65"/>
                </a:moveTo>
                <a:cubicBezTo>
                  <a:pt x="1062" y="65"/>
                  <a:pt x="1062" y="65"/>
                  <a:pt x="1062" y="65"/>
                </a:cubicBezTo>
                <a:cubicBezTo>
                  <a:pt x="1065" y="65"/>
                  <a:pt x="1067" y="65"/>
                  <a:pt x="1070" y="65"/>
                </a:cubicBezTo>
                <a:cubicBezTo>
                  <a:pt x="1072" y="65"/>
                  <a:pt x="1075" y="66"/>
                  <a:pt x="1077" y="66"/>
                </a:cubicBezTo>
                <a:cubicBezTo>
                  <a:pt x="1078" y="65"/>
                  <a:pt x="1079" y="64"/>
                  <a:pt x="1079" y="64"/>
                </a:cubicBezTo>
                <a:cubicBezTo>
                  <a:pt x="1080" y="62"/>
                  <a:pt x="1080" y="63"/>
                  <a:pt x="1080" y="61"/>
                </a:cubicBezTo>
                <a:cubicBezTo>
                  <a:pt x="1080" y="58"/>
                  <a:pt x="1082" y="60"/>
                  <a:pt x="1084" y="58"/>
                </a:cubicBezTo>
                <a:cubicBezTo>
                  <a:pt x="1085" y="58"/>
                  <a:pt x="1085" y="56"/>
                  <a:pt x="1085" y="56"/>
                </a:cubicBezTo>
                <a:cubicBezTo>
                  <a:pt x="1086" y="55"/>
                  <a:pt x="1088" y="55"/>
                  <a:pt x="1088" y="54"/>
                </a:cubicBezTo>
                <a:cubicBezTo>
                  <a:pt x="1088" y="53"/>
                  <a:pt x="1085" y="52"/>
                  <a:pt x="1084" y="52"/>
                </a:cubicBezTo>
                <a:cubicBezTo>
                  <a:pt x="1083" y="51"/>
                  <a:pt x="1083" y="51"/>
                  <a:pt x="1081" y="50"/>
                </a:cubicBezTo>
                <a:cubicBezTo>
                  <a:pt x="1080" y="50"/>
                  <a:pt x="1079" y="49"/>
                  <a:pt x="1081" y="49"/>
                </a:cubicBezTo>
                <a:cubicBezTo>
                  <a:pt x="1082" y="48"/>
                  <a:pt x="1082" y="49"/>
                  <a:pt x="1083" y="50"/>
                </a:cubicBezTo>
                <a:cubicBezTo>
                  <a:pt x="1084" y="50"/>
                  <a:pt x="1085" y="50"/>
                  <a:pt x="1086" y="51"/>
                </a:cubicBezTo>
                <a:cubicBezTo>
                  <a:pt x="1087" y="52"/>
                  <a:pt x="1087" y="52"/>
                  <a:pt x="1088" y="52"/>
                </a:cubicBezTo>
                <a:cubicBezTo>
                  <a:pt x="1089" y="52"/>
                  <a:pt x="1090" y="52"/>
                  <a:pt x="1091" y="52"/>
                </a:cubicBezTo>
                <a:cubicBezTo>
                  <a:pt x="1093" y="51"/>
                  <a:pt x="1095" y="52"/>
                  <a:pt x="1097" y="52"/>
                </a:cubicBezTo>
                <a:cubicBezTo>
                  <a:pt x="1099" y="51"/>
                  <a:pt x="1099" y="49"/>
                  <a:pt x="1101" y="48"/>
                </a:cubicBezTo>
                <a:cubicBezTo>
                  <a:pt x="1102" y="46"/>
                  <a:pt x="1104" y="45"/>
                  <a:pt x="1105" y="43"/>
                </a:cubicBezTo>
                <a:cubicBezTo>
                  <a:pt x="1105" y="41"/>
                  <a:pt x="1103" y="40"/>
                  <a:pt x="1101" y="39"/>
                </a:cubicBezTo>
                <a:cubicBezTo>
                  <a:pt x="1099" y="39"/>
                  <a:pt x="1097" y="38"/>
                  <a:pt x="1095" y="38"/>
                </a:cubicBezTo>
                <a:cubicBezTo>
                  <a:pt x="1093" y="38"/>
                  <a:pt x="1091" y="36"/>
                  <a:pt x="1089" y="37"/>
                </a:cubicBezTo>
                <a:cubicBezTo>
                  <a:pt x="1088" y="38"/>
                  <a:pt x="1088" y="39"/>
                  <a:pt x="1088" y="40"/>
                </a:cubicBezTo>
                <a:cubicBezTo>
                  <a:pt x="1087" y="41"/>
                  <a:pt x="1085" y="40"/>
                  <a:pt x="1084" y="40"/>
                </a:cubicBezTo>
                <a:cubicBezTo>
                  <a:pt x="1083" y="40"/>
                  <a:pt x="1083" y="42"/>
                  <a:pt x="1082" y="42"/>
                </a:cubicBezTo>
                <a:cubicBezTo>
                  <a:pt x="1081" y="42"/>
                  <a:pt x="1081" y="41"/>
                  <a:pt x="1081" y="42"/>
                </a:cubicBezTo>
                <a:cubicBezTo>
                  <a:pt x="1080" y="42"/>
                  <a:pt x="1080" y="42"/>
                  <a:pt x="1079" y="43"/>
                </a:cubicBezTo>
                <a:cubicBezTo>
                  <a:pt x="1078" y="45"/>
                  <a:pt x="1080" y="47"/>
                  <a:pt x="1078" y="49"/>
                </a:cubicBezTo>
                <a:cubicBezTo>
                  <a:pt x="1077" y="49"/>
                  <a:pt x="1077" y="48"/>
                  <a:pt x="1076" y="49"/>
                </a:cubicBezTo>
                <a:cubicBezTo>
                  <a:pt x="1076" y="49"/>
                  <a:pt x="1076" y="50"/>
                  <a:pt x="1076" y="51"/>
                </a:cubicBezTo>
                <a:cubicBezTo>
                  <a:pt x="1076" y="52"/>
                  <a:pt x="1076" y="52"/>
                  <a:pt x="1074" y="53"/>
                </a:cubicBezTo>
                <a:cubicBezTo>
                  <a:pt x="1073" y="53"/>
                  <a:pt x="1073" y="52"/>
                  <a:pt x="1073" y="53"/>
                </a:cubicBezTo>
                <a:cubicBezTo>
                  <a:pt x="1072" y="53"/>
                  <a:pt x="1072" y="53"/>
                  <a:pt x="1072" y="54"/>
                </a:cubicBezTo>
                <a:cubicBezTo>
                  <a:pt x="1071" y="55"/>
                  <a:pt x="1070" y="55"/>
                  <a:pt x="1069" y="54"/>
                </a:cubicBezTo>
                <a:cubicBezTo>
                  <a:pt x="1068" y="53"/>
                  <a:pt x="1068" y="52"/>
                  <a:pt x="1067" y="53"/>
                </a:cubicBezTo>
                <a:cubicBezTo>
                  <a:pt x="1066" y="53"/>
                  <a:pt x="1065" y="54"/>
                  <a:pt x="1065" y="55"/>
                </a:cubicBezTo>
                <a:cubicBezTo>
                  <a:pt x="1065" y="56"/>
                  <a:pt x="1065" y="57"/>
                  <a:pt x="1064" y="58"/>
                </a:cubicBezTo>
                <a:cubicBezTo>
                  <a:pt x="1063" y="58"/>
                  <a:pt x="1062" y="56"/>
                  <a:pt x="1062" y="58"/>
                </a:cubicBezTo>
                <a:cubicBezTo>
                  <a:pt x="1061" y="60"/>
                  <a:pt x="1065" y="61"/>
                  <a:pt x="1064" y="62"/>
                </a:cubicBezTo>
                <a:cubicBezTo>
                  <a:pt x="1063" y="63"/>
                  <a:pt x="1061" y="63"/>
                  <a:pt x="1061" y="62"/>
                </a:cubicBezTo>
                <a:cubicBezTo>
                  <a:pt x="1060" y="61"/>
                  <a:pt x="1060" y="61"/>
                  <a:pt x="1058" y="62"/>
                </a:cubicBezTo>
                <a:cubicBezTo>
                  <a:pt x="1058" y="63"/>
                  <a:pt x="1056" y="63"/>
                  <a:pt x="1056" y="64"/>
                </a:cubicBezTo>
                <a:cubicBezTo>
                  <a:pt x="1056" y="65"/>
                  <a:pt x="1059" y="66"/>
                  <a:pt x="1061" y="65"/>
                </a:cubicBezTo>
                <a:close/>
                <a:moveTo>
                  <a:pt x="945" y="138"/>
                </a:moveTo>
                <a:cubicBezTo>
                  <a:pt x="946" y="138"/>
                  <a:pt x="947" y="136"/>
                  <a:pt x="948" y="136"/>
                </a:cubicBezTo>
                <a:cubicBezTo>
                  <a:pt x="950" y="135"/>
                  <a:pt x="952" y="135"/>
                  <a:pt x="954" y="134"/>
                </a:cubicBezTo>
                <a:cubicBezTo>
                  <a:pt x="955" y="134"/>
                  <a:pt x="956" y="133"/>
                  <a:pt x="957" y="133"/>
                </a:cubicBezTo>
                <a:cubicBezTo>
                  <a:pt x="958" y="132"/>
                  <a:pt x="959" y="132"/>
                  <a:pt x="960" y="132"/>
                </a:cubicBezTo>
                <a:cubicBezTo>
                  <a:pt x="962" y="131"/>
                  <a:pt x="963" y="129"/>
                  <a:pt x="965" y="129"/>
                </a:cubicBezTo>
                <a:cubicBezTo>
                  <a:pt x="967" y="128"/>
                  <a:pt x="969" y="127"/>
                  <a:pt x="970" y="126"/>
                </a:cubicBezTo>
                <a:cubicBezTo>
                  <a:pt x="971" y="125"/>
                  <a:pt x="974" y="121"/>
                  <a:pt x="970" y="122"/>
                </a:cubicBezTo>
                <a:cubicBezTo>
                  <a:pt x="969" y="122"/>
                  <a:pt x="969" y="123"/>
                  <a:pt x="968" y="123"/>
                </a:cubicBezTo>
                <a:cubicBezTo>
                  <a:pt x="967" y="124"/>
                  <a:pt x="965" y="124"/>
                  <a:pt x="964" y="123"/>
                </a:cubicBezTo>
                <a:cubicBezTo>
                  <a:pt x="962" y="123"/>
                  <a:pt x="960" y="124"/>
                  <a:pt x="958" y="125"/>
                </a:cubicBezTo>
                <a:cubicBezTo>
                  <a:pt x="957" y="125"/>
                  <a:pt x="956" y="126"/>
                  <a:pt x="955" y="126"/>
                </a:cubicBezTo>
                <a:cubicBezTo>
                  <a:pt x="954" y="126"/>
                  <a:pt x="953" y="126"/>
                  <a:pt x="952" y="126"/>
                </a:cubicBezTo>
                <a:cubicBezTo>
                  <a:pt x="951" y="127"/>
                  <a:pt x="950" y="128"/>
                  <a:pt x="950" y="129"/>
                </a:cubicBezTo>
                <a:cubicBezTo>
                  <a:pt x="949" y="130"/>
                  <a:pt x="949" y="131"/>
                  <a:pt x="948" y="132"/>
                </a:cubicBezTo>
                <a:cubicBezTo>
                  <a:pt x="946" y="132"/>
                  <a:pt x="946" y="133"/>
                  <a:pt x="945" y="135"/>
                </a:cubicBezTo>
                <a:cubicBezTo>
                  <a:pt x="945" y="135"/>
                  <a:pt x="942" y="138"/>
                  <a:pt x="945" y="138"/>
                </a:cubicBezTo>
                <a:close/>
                <a:moveTo>
                  <a:pt x="981" y="113"/>
                </a:moveTo>
                <a:cubicBezTo>
                  <a:pt x="981" y="114"/>
                  <a:pt x="980" y="114"/>
                  <a:pt x="979" y="115"/>
                </a:cubicBezTo>
                <a:cubicBezTo>
                  <a:pt x="978" y="116"/>
                  <a:pt x="977" y="116"/>
                  <a:pt x="977" y="117"/>
                </a:cubicBezTo>
                <a:cubicBezTo>
                  <a:pt x="976" y="118"/>
                  <a:pt x="976" y="120"/>
                  <a:pt x="976" y="121"/>
                </a:cubicBezTo>
                <a:cubicBezTo>
                  <a:pt x="976" y="123"/>
                  <a:pt x="976" y="125"/>
                  <a:pt x="973" y="126"/>
                </a:cubicBezTo>
                <a:cubicBezTo>
                  <a:pt x="972" y="126"/>
                  <a:pt x="969" y="127"/>
                  <a:pt x="969" y="129"/>
                </a:cubicBezTo>
                <a:cubicBezTo>
                  <a:pt x="971" y="129"/>
                  <a:pt x="972" y="129"/>
                  <a:pt x="973" y="129"/>
                </a:cubicBezTo>
                <a:cubicBezTo>
                  <a:pt x="974" y="128"/>
                  <a:pt x="976" y="128"/>
                  <a:pt x="977" y="128"/>
                </a:cubicBezTo>
                <a:cubicBezTo>
                  <a:pt x="980" y="128"/>
                  <a:pt x="982" y="130"/>
                  <a:pt x="985" y="131"/>
                </a:cubicBezTo>
                <a:cubicBezTo>
                  <a:pt x="987" y="131"/>
                  <a:pt x="989" y="130"/>
                  <a:pt x="990" y="128"/>
                </a:cubicBezTo>
                <a:cubicBezTo>
                  <a:pt x="991" y="126"/>
                  <a:pt x="992" y="124"/>
                  <a:pt x="994" y="123"/>
                </a:cubicBezTo>
                <a:cubicBezTo>
                  <a:pt x="996" y="121"/>
                  <a:pt x="997" y="120"/>
                  <a:pt x="999" y="119"/>
                </a:cubicBezTo>
                <a:cubicBezTo>
                  <a:pt x="1001" y="119"/>
                  <a:pt x="1003" y="118"/>
                  <a:pt x="1006" y="118"/>
                </a:cubicBezTo>
                <a:cubicBezTo>
                  <a:pt x="1008" y="118"/>
                  <a:pt x="1011" y="118"/>
                  <a:pt x="1012" y="115"/>
                </a:cubicBezTo>
                <a:cubicBezTo>
                  <a:pt x="1013" y="114"/>
                  <a:pt x="1012" y="111"/>
                  <a:pt x="1013" y="109"/>
                </a:cubicBezTo>
                <a:cubicBezTo>
                  <a:pt x="1014" y="107"/>
                  <a:pt x="1016" y="104"/>
                  <a:pt x="1013" y="103"/>
                </a:cubicBezTo>
                <a:cubicBezTo>
                  <a:pt x="1012" y="102"/>
                  <a:pt x="1011" y="103"/>
                  <a:pt x="1010" y="103"/>
                </a:cubicBezTo>
                <a:cubicBezTo>
                  <a:pt x="1009" y="102"/>
                  <a:pt x="1008" y="102"/>
                  <a:pt x="1007" y="101"/>
                </a:cubicBezTo>
                <a:cubicBezTo>
                  <a:pt x="1006" y="101"/>
                  <a:pt x="1005" y="100"/>
                  <a:pt x="1004" y="101"/>
                </a:cubicBezTo>
                <a:cubicBezTo>
                  <a:pt x="1003" y="101"/>
                  <a:pt x="1003" y="103"/>
                  <a:pt x="1002" y="103"/>
                </a:cubicBezTo>
                <a:cubicBezTo>
                  <a:pt x="1001" y="104"/>
                  <a:pt x="1000" y="104"/>
                  <a:pt x="1000" y="105"/>
                </a:cubicBezTo>
                <a:cubicBezTo>
                  <a:pt x="999" y="106"/>
                  <a:pt x="1000" y="106"/>
                  <a:pt x="1001" y="107"/>
                </a:cubicBezTo>
                <a:cubicBezTo>
                  <a:pt x="1003" y="109"/>
                  <a:pt x="1001" y="111"/>
                  <a:pt x="999" y="112"/>
                </a:cubicBezTo>
                <a:cubicBezTo>
                  <a:pt x="998" y="113"/>
                  <a:pt x="997" y="113"/>
                  <a:pt x="996" y="113"/>
                </a:cubicBezTo>
                <a:cubicBezTo>
                  <a:pt x="995" y="114"/>
                  <a:pt x="994" y="115"/>
                  <a:pt x="994" y="116"/>
                </a:cubicBezTo>
                <a:cubicBezTo>
                  <a:pt x="993" y="117"/>
                  <a:pt x="992" y="119"/>
                  <a:pt x="991" y="118"/>
                </a:cubicBezTo>
                <a:cubicBezTo>
                  <a:pt x="990" y="117"/>
                  <a:pt x="991" y="116"/>
                  <a:pt x="991" y="115"/>
                </a:cubicBezTo>
                <a:cubicBezTo>
                  <a:pt x="991" y="114"/>
                  <a:pt x="992" y="114"/>
                  <a:pt x="993" y="113"/>
                </a:cubicBezTo>
                <a:cubicBezTo>
                  <a:pt x="994" y="112"/>
                  <a:pt x="995" y="112"/>
                  <a:pt x="994" y="111"/>
                </a:cubicBezTo>
                <a:cubicBezTo>
                  <a:pt x="994" y="109"/>
                  <a:pt x="992" y="110"/>
                  <a:pt x="992" y="109"/>
                </a:cubicBezTo>
                <a:cubicBezTo>
                  <a:pt x="991" y="109"/>
                  <a:pt x="992" y="107"/>
                  <a:pt x="992" y="106"/>
                </a:cubicBezTo>
                <a:cubicBezTo>
                  <a:pt x="994" y="105"/>
                  <a:pt x="995" y="101"/>
                  <a:pt x="995" y="99"/>
                </a:cubicBezTo>
                <a:cubicBezTo>
                  <a:pt x="994" y="96"/>
                  <a:pt x="990" y="96"/>
                  <a:pt x="988" y="97"/>
                </a:cubicBezTo>
                <a:cubicBezTo>
                  <a:pt x="986" y="99"/>
                  <a:pt x="987" y="101"/>
                  <a:pt x="986" y="103"/>
                </a:cubicBezTo>
                <a:cubicBezTo>
                  <a:pt x="986" y="104"/>
                  <a:pt x="985" y="104"/>
                  <a:pt x="984" y="105"/>
                </a:cubicBezTo>
                <a:cubicBezTo>
                  <a:pt x="983" y="105"/>
                  <a:pt x="984" y="106"/>
                  <a:pt x="983" y="107"/>
                </a:cubicBezTo>
                <a:cubicBezTo>
                  <a:pt x="982" y="109"/>
                  <a:pt x="978" y="108"/>
                  <a:pt x="980" y="111"/>
                </a:cubicBezTo>
                <a:cubicBezTo>
                  <a:pt x="981" y="112"/>
                  <a:pt x="982" y="111"/>
                  <a:pt x="981" y="113"/>
                </a:cubicBezTo>
                <a:close/>
                <a:moveTo>
                  <a:pt x="951" y="116"/>
                </a:moveTo>
                <a:cubicBezTo>
                  <a:pt x="952" y="116"/>
                  <a:pt x="953" y="116"/>
                  <a:pt x="954" y="116"/>
                </a:cubicBezTo>
                <a:cubicBezTo>
                  <a:pt x="955" y="115"/>
                  <a:pt x="956" y="112"/>
                  <a:pt x="958" y="111"/>
                </a:cubicBezTo>
                <a:cubicBezTo>
                  <a:pt x="959" y="110"/>
                  <a:pt x="962" y="111"/>
                  <a:pt x="964" y="111"/>
                </a:cubicBezTo>
                <a:cubicBezTo>
                  <a:pt x="967" y="111"/>
                  <a:pt x="966" y="113"/>
                  <a:pt x="965" y="115"/>
                </a:cubicBezTo>
                <a:cubicBezTo>
                  <a:pt x="964" y="115"/>
                  <a:pt x="964" y="116"/>
                  <a:pt x="965" y="117"/>
                </a:cubicBezTo>
                <a:cubicBezTo>
                  <a:pt x="966" y="117"/>
                  <a:pt x="967" y="117"/>
                  <a:pt x="968" y="116"/>
                </a:cubicBezTo>
                <a:cubicBezTo>
                  <a:pt x="969" y="116"/>
                  <a:pt x="970" y="116"/>
                  <a:pt x="971" y="116"/>
                </a:cubicBezTo>
                <a:cubicBezTo>
                  <a:pt x="972" y="116"/>
                  <a:pt x="973" y="115"/>
                  <a:pt x="974" y="114"/>
                </a:cubicBezTo>
                <a:cubicBezTo>
                  <a:pt x="974" y="113"/>
                  <a:pt x="976" y="113"/>
                  <a:pt x="977" y="113"/>
                </a:cubicBezTo>
                <a:cubicBezTo>
                  <a:pt x="978" y="112"/>
                  <a:pt x="978" y="111"/>
                  <a:pt x="978" y="110"/>
                </a:cubicBezTo>
                <a:cubicBezTo>
                  <a:pt x="979" y="108"/>
                  <a:pt x="980" y="107"/>
                  <a:pt x="979" y="105"/>
                </a:cubicBezTo>
                <a:cubicBezTo>
                  <a:pt x="978" y="103"/>
                  <a:pt x="975" y="103"/>
                  <a:pt x="974" y="101"/>
                </a:cubicBezTo>
                <a:cubicBezTo>
                  <a:pt x="974" y="100"/>
                  <a:pt x="973" y="100"/>
                  <a:pt x="973" y="99"/>
                </a:cubicBezTo>
                <a:cubicBezTo>
                  <a:pt x="972" y="98"/>
                  <a:pt x="972" y="97"/>
                  <a:pt x="972" y="96"/>
                </a:cubicBezTo>
                <a:cubicBezTo>
                  <a:pt x="971" y="94"/>
                  <a:pt x="968" y="93"/>
                  <a:pt x="967" y="96"/>
                </a:cubicBezTo>
                <a:cubicBezTo>
                  <a:pt x="966" y="98"/>
                  <a:pt x="970" y="99"/>
                  <a:pt x="967" y="101"/>
                </a:cubicBezTo>
                <a:cubicBezTo>
                  <a:pt x="965" y="102"/>
                  <a:pt x="963" y="104"/>
                  <a:pt x="961" y="105"/>
                </a:cubicBezTo>
                <a:cubicBezTo>
                  <a:pt x="960" y="107"/>
                  <a:pt x="957" y="106"/>
                  <a:pt x="956" y="107"/>
                </a:cubicBezTo>
                <a:cubicBezTo>
                  <a:pt x="954" y="109"/>
                  <a:pt x="954" y="110"/>
                  <a:pt x="952" y="110"/>
                </a:cubicBezTo>
                <a:cubicBezTo>
                  <a:pt x="949" y="111"/>
                  <a:pt x="949" y="112"/>
                  <a:pt x="950" y="114"/>
                </a:cubicBezTo>
                <a:cubicBezTo>
                  <a:pt x="950" y="115"/>
                  <a:pt x="950" y="115"/>
                  <a:pt x="951" y="116"/>
                </a:cubicBezTo>
                <a:close/>
                <a:moveTo>
                  <a:pt x="981" y="102"/>
                </a:moveTo>
                <a:cubicBezTo>
                  <a:pt x="982" y="102"/>
                  <a:pt x="983" y="101"/>
                  <a:pt x="983" y="100"/>
                </a:cubicBezTo>
                <a:cubicBezTo>
                  <a:pt x="983" y="99"/>
                  <a:pt x="981" y="98"/>
                  <a:pt x="982" y="96"/>
                </a:cubicBezTo>
                <a:cubicBezTo>
                  <a:pt x="982" y="95"/>
                  <a:pt x="983" y="95"/>
                  <a:pt x="984" y="96"/>
                </a:cubicBezTo>
                <a:cubicBezTo>
                  <a:pt x="984" y="96"/>
                  <a:pt x="984" y="97"/>
                  <a:pt x="985" y="97"/>
                </a:cubicBezTo>
                <a:cubicBezTo>
                  <a:pt x="987" y="98"/>
                  <a:pt x="988" y="95"/>
                  <a:pt x="989" y="95"/>
                </a:cubicBezTo>
                <a:cubicBezTo>
                  <a:pt x="991" y="94"/>
                  <a:pt x="993" y="93"/>
                  <a:pt x="995" y="92"/>
                </a:cubicBezTo>
                <a:cubicBezTo>
                  <a:pt x="997" y="90"/>
                  <a:pt x="998" y="88"/>
                  <a:pt x="999" y="87"/>
                </a:cubicBezTo>
                <a:cubicBezTo>
                  <a:pt x="1000" y="86"/>
                  <a:pt x="1003" y="83"/>
                  <a:pt x="1002" y="82"/>
                </a:cubicBezTo>
                <a:cubicBezTo>
                  <a:pt x="1001" y="81"/>
                  <a:pt x="998" y="83"/>
                  <a:pt x="997" y="84"/>
                </a:cubicBezTo>
                <a:cubicBezTo>
                  <a:pt x="995" y="84"/>
                  <a:pt x="993" y="84"/>
                  <a:pt x="991" y="86"/>
                </a:cubicBezTo>
                <a:cubicBezTo>
                  <a:pt x="989" y="87"/>
                  <a:pt x="987" y="89"/>
                  <a:pt x="985" y="90"/>
                </a:cubicBezTo>
                <a:cubicBezTo>
                  <a:pt x="982" y="93"/>
                  <a:pt x="980" y="95"/>
                  <a:pt x="981" y="100"/>
                </a:cubicBezTo>
                <a:cubicBezTo>
                  <a:pt x="981" y="100"/>
                  <a:pt x="980" y="101"/>
                  <a:pt x="981" y="102"/>
                </a:cubicBezTo>
                <a:close/>
                <a:moveTo>
                  <a:pt x="930" y="142"/>
                </a:moveTo>
                <a:cubicBezTo>
                  <a:pt x="932" y="142"/>
                  <a:pt x="933" y="141"/>
                  <a:pt x="935" y="139"/>
                </a:cubicBezTo>
                <a:cubicBezTo>
                  <a:pt x="936" y="137"/>
                  <a:pt x="939" y="137"/>
                  <a:pt x="941" y="135"/>
                </a:cubicBezTo>
                <a:cubicBezTo>
                  <a:pt x="943" y="133"/>
                  <a:pt x="940" y="133"/>
                  <a:pt x="939" y="131"/>
                </a:cubicBezTo>
                <a:cubicBezTo>
                  <a:pt x="938" y="131"/>
                  <a:pt x="938" y="130"/>
                  <a:pt x="937" y="129"/>
                </a:cubicBezTo>
                <a:cubicBezTo>
                  <a:pt x="937" y="129"/>
                  <a:pt x="935" y="129"/>
                  <a:pt x="934" y="129"/>
                </a:cubicBezTo>
                <a:cubicBezTo>
                  <a:pt x="933" y="129"/>
                  <a:pt x="933" y="130"/>
                  <a:pt x="932" y="131"/>
                </a:cubicBezTo>
                <a:cubicBezTo>
                  <a:pt x="932" y="132"/>
                  <a:pt x="931" y="132"/>
                  <a:pt x="930" y="132"/>
                </a:cubicBezTo>
                <a:cubicBezTo>
                  <a:pt x="927" y="133"/>
                  <a:pt x="920" y="137"/>
                  <a:pt x="924" y="141"/>
                </a:cubicBezTo>
                <a:cubicBezTo>
                  <a:pt x="925" y="142"/>
                  <a:pt x="928" y="142"/>
                  <a:pt x="930" y="142"/>
                </a:cubicBezTo>
                <a:close/>
                <a:moveTo>
                  <a:pt x="1105" y="34"/>
                </a:moveTo>
                <a:cubicBezTo>
                  <a:pt x="1107" y="36"/>
                  <a:pt x="1106" y="39"/>
                  <a:pt x="1108" y="40"/>
                </a:cubicBezTo>
                <a:cubicBezTo>
                  <a:pt x="1110" y="41"/>
                  <a:pt x="1112" y="39"/>
                  <a:pt x="1114" y="39"/>
                </a:cubicBezTo>
                <a:cubicBezTo>
                  <a:pt x="1116" y="39"/>
                  <a:pt x="1120" y="37"/>
                  <a:pt x="1117" y="35"/>
                </a:cubicBezTo>
                <a:cubicBezTo>
                  <a:pt x="1116" y="35"/>
                  <a:pt x="1115" y="35"/>
                  <a:pt x="1114" y="35"/>
                </a:cubicBezTo>
                <a:cubicBezTo>
                  <a:pt x="1114" y="34"/>
                  <a:pt x="1114" y="34"/>
                  <a:pt x="1113" y="33"/>
                </a:cubicBezTo>
                <a:cubicBezTo>
                  <a:pt x="1112" y="32"/>
                  <a:pt x="1111" y="32"/>
                  <a:pt x="1110" y="31"/>
                </a:cubicBezTo>
                <a:cubicBezTo>
                  <a:pt x="1108" y="31"/>
                  <a:pt x="1107" y="30"/>
                  <a:pt x="1105" y="29"/>
                </a:cubicBezTo>
                <a:cubicBezTo>
                  <a:pt x="1104" y="28"/>
                  <a:pt x="1101" y="27"/>
                  <a:pt x="1101" y="29"/>
                </a:cubicBezTo>
                <a:cubicBezTo>
                  <a:pt x="1101" y="32"/>
                  <a:pt x="1104" y="33"/>
                  <a:pt x="1105" y="34"/>
                </a:cubicBezTo>
                <a:close/>
                <a:moveTo>
                  <a:pt x="906" y="155"/>
                </a:moveTo>
                <a:cubicBezTo>
                  <a:pt x="908" y="153"/>
                  <a:pt x="909" y="151"/>
                  <a:pt x="911" y="150"/>
                </a:cubicBezTo>
                <a:cubicBezTo>
                  <a:pt x="912" y="149"/>
                  <a:pt x="913" y="148"/>
                  <a:pt x="912" y="147"/>
                </a:cubicBezTo>
                <a:cubicBezTo>
                  <a:pt x="912" y="146"/>
                  <a:pt x="911" y="147"/>
                  <a:pt x="910" y="145"/>
                </a:cubicBezTo>
                <a:cubicBezTo>
                  <a:pt x="910" y="144"/>
                  <a:pt x="911" y="144"/>
                  <a:pt x="912" y="143"/>
                </a:cubicBezTo>
                <a:cubicBezTo>
                  <a:pt x="912" y="142"/>
                  <a:pt x="913" y="140"/>
                  <a:pt x="912" y="140"/>
                </a:cubicBezTo>
                <a:cubicBezTo>
                  <a:pt x="909" y="139"/>
                  <a:pt x="904" y="151"/>
                  <a:pt x="903" y="152"/>
                </a:cubicBezTo>
                <a:cubicBezTo>
                  <a:pt x="903" y="153"/>
                  <a:pt x="903" y="155"/>
                  <a:pt x="903" y="155"/>
                </a:cubicBezTo>
                <a:cubicBezTo>
                  <a:pt x="904" y="156"/>
                  <a:pt x="905" y="155"/>
                  <a:pt x="906" y="155"/>
                </a:cubicBezTo>
                <a:close/>
                <a:moveTo>
                  <a:pt x="1126" y="37"/>
                </a:moveTo>
                <a:cubicBezTo>
                  <a:pt x="1127" y="37"/>
                  <a:pt x="1127" y="38"/>
                  <a:pt x="1127" y="38"/>
                </a:cubicBezTo>
                <a:cubicBezTo>
                  <a:pt x="1128" y="39"/>
                  <a:pt x="1128" y="38"/>
                  <a:pt x="1130" y="38"/>
                </a:cubicBezTo>
                <a:cubicBezTo>
                  <a:pt x="1131" y="38"/>
                  <a:pt x="1131" y="39"/>
                  <a:pt x="1132" y="39"/>
                </a:cubicBezTo>
                <a:cubicBezTo>
                  <a:pt x="1133" y="40"/>
                  <a:pt x="1134" y="41"/>
                  <a:pt x="1135" y="40"/>
                </a:cubicBezTo>
                <a:cubicBezTo>
                  <a:pt x="1136" y="40"/>
                  <a:pt x="1136" y="39"/>
                  <a:pt x="1137" y="38"/>
                </a:cubicBezTo>
                <a:cubicBezTo>
                  <a:pt x="1137" y="36"/>
                  <a:pt x="1140" y="35"/>
                  <a:pt x="1139" y="32"/>
                </a:cubicBezTo>
                <a:cubicBezTo>
                  <a:pt x="1138" y="31"/>
                  <a:pt x="1137" y="31"/>
                  <a:pt x="1136" y="31"/>
                </a:cubicBezTo>
                <a:cubicBezTo>
                  <a:pt x="1135" y="31"/>
                  <a:pt x="1134" y="32"/>
                  <a:pt x="1133" y="33"/>
                </a:cubicBezTo>
                <a:cubicBezTo>
                  <a:pt x="1133" y="33"/>
                  <a:pt x="1131" y="33"/>
                  <a:pt x="1130" y="33"/>
                </a:cubicBezTo>
                <a:cubicBezTo>
                  <a:pt x="1130" y="34"/>
                  <a:pt x="1129" y="34"/>
                  <a:pt x="1128" y="34"/>
                </a:cubicBezTo>
                <a:cubicBezTo>
                  <a:pt x="1127" y="34"/>
                  <a:pt x="1127" y="34"/>
                  <a:pt x="1127" y="34"/>
                </a:cubicBezTo>
                <a:cubicBezTo>
                  <a:pt x="1126" y="34"/>
                  <a:pt x="1125" y="34"/>
                  <a:pt x="1125" y="35"/>
                </a:cubicBezTo>
                <a:cubicBezTo>
                  <a:pt x="1125" y="36"/>
                  <a:pt x="1126" y="36"/>
                  <a:pt x="1126" y="37"/>
                </a:cubicBezTo>
                <a:close/>
                <a:moveTo>
                  <a:pt x="2257" y="26"/>
                </a:moveTo>
                <a:cubicBezTo>
                  <a:pt x="2258" y="26"/>
                  <a:pt x="2259" y="27"/>
                  <a:pt x="2260" y="27"/>
                </a:cubicBezTo>
                <a:cubicBezTo>
                  <a:pt x="2260" y="28"/>
                  <a:pt x="2262" y="27"/>
                  <a:pt x="2262" y="29"/>
                </a:cubicBezTo>
                <a:cubicBezTo>
                  <a:pt x="2262" y="30"/>
                  <a:pt x="2258" y="28"/>
                  <a:pt x="2256" y="30"/>
                </a:cubicBezTo>
                <a:cubicBezTo>
                  <a:pt x="2255" y="31"/>
                  <a:pt x="2257" y="35"/>
                  <a:pt x="2257" y="36"/>
                </a:cubicBezTo>
                <a:cubicBezTo>
                  <a:pt x="2257" y="39"/>
                  <a:pt x="2258" y="39"/>
                  <a:pt x="2260" y="41"/>
                </a:cubicBezTo>
                <a:cubicBezTo>
                  <a:pt x="2261" y="42"/>
                  <a:pt x="2262" y="42"/>
                  <a:pt x="2262" y="43"/>
                </a:cubicBezTo>
                <a:cubicBezTo>
                  <a:pt x="2263" y="45"/>
                  <a:pt x="2265" y="46"/>
                  <a:pt x="2266" y="47"/>
                </a:cubicBezTo>
                <a:cubicBezTo>
                  <a:pt x="2267" y="47"/>
                  <a:pt x="2268" y="47"/>
                  <a:pt x="2269" y="48"/>
                </a:cubicBezTo>
                <a:cubicBezTo>
                  <a:pt x="2270" y="48"/>
                  <a:pt x="2271" y="51"/>
                  <a:pt x="2273" y="50"/>
                </a:cubicBezTo>
                <a:cubicBezTo>
                  <a:pt x="2273" y="48"/>
                  <a:pt x="2272" y="48"/>
                  <a:pt x="2271" y="47"/>
                </a:cubicBezTo>
                <a:cubicBezTo>
                  <a:pt x="2269" y="45"/>
                  <a:pt x="2270" y="45"/>
                  <a:pt x="2272" y="46"/>
                </a:cubicBezTo>
                <a:cubicBezTo>
                  <a:pt x="2273" y="46"/>
                  <a:pt x="2274" y="46"/>
                  <a:pt x="2275" y="47"/>
                </a:cubicBezTo>
                <a:cubicBezTo>
                  <a:pt x="2276" y="47"/>
                  <a:pt x="2276" y="48"/>
                  <a:pt x="2277" y="49"/>
                </a:cubicBezTo>
                <a:cubicBezTo>
                  <a:pt x="2279" y="50"/>
                  <a:pt x="2282" y="49"/>
                  <a:pt x="2284" y="50"/>
                </a:cubicBezTo>
                <a:cubicBezTo>
                  <a:pt x="2285" y="50"/>
                  <a:pt x="2285" y="52"/>
                  <a:pt x="2286" y="52"/>
                </a:cubicBezTo>
                <a:cubicBezTo>
                  <a:pt x="2287" y="53"/>
                  <a:pt x="2288" y="53"/>
                  <a:pt x="2289" y="54"/>
                </a:cubicBezTo>
                <a:cubicBezTo>
                  <a:pt x="2289" y="55"/>
                  <a:pt x="2288" y="56"/>
                  <a:pt x="2288" y="57"/>
                </a:cubicBezTo>
                <a:cubicBezTo>
                  <a:pt x="2289" y="60"/>
                  <a:pt x="2292" y="58"/>
                  <a:pt x="2294" y="58"/>
                </a:cubicBezTo>
                <a:cubicBezTo>
                  <a:pt x="2295" y="58"/>
                  <a:pt x="2295" y="59"/>
                  <a:pt x="2296" y="60"/>
                </a:cubicBezTo>
                <a:cubicBezTo>
                  <a:pt x="2298" y="61"/>
                  <a:pt x="2300" y="58"/>
                  <a:pt x="2301" y="58"/>
                </a:cubicBezTo>
                <a:cubicBezTo>
                  <a:pt x="2305" y="58"/>
                  <a:pt x="2310" y="61"/>
                  <a:pt x="2314" y="58"/>
                </a:cubicBezTo>
                <a:cubicBezTo>
                  <a:pt x="2315" y="56"/>
                  <a:pt x="2315" y="54"/>
                  <a:pt x="2314" y="52"/>
                </a:cubicBezTo>
                <a:cubicBezTo>
                  <a:pt x="2313" y="50"/>
                  <a:pt x="2314" y="48"/>
                  <a:pt x="2313" y="46"/>
                </a:cubicBezTo>
                <a:cubicBezTo>
                  <a:pt x="2312" y="45"/>
                  <a:pt x="2311" y="43"/>
                  <a:pt x="2309" y="42"/>
                </a:cubicBezTo>
                <a:cubicBezTo>
                  <a:pt x="2308" y="41"/>
                  <a:pt x="2305" y="42"/>
                  <a:pt x="2304" y="41"/>
                </a:cubicBezTo>
                <a:cubicBezTo>
                  <a:pt x="2303" y="40"/>
                  <a:pt x="2302" y="38"/>
                  <a:pt x="2301" y="37"/>
                </a:cubicBezTo>
                <a:cubicBezTo>
                  <a:pt x="2300" y="36"/>
                  <a:pt x="2298" y="36"/>
                  <a:pt x="2297" y="35"/>
                </a:cubicBezTo>
                <a:cubicBezTo>
                  <a:pt x="2296" y="34"/>
                  <a:pt x="2294" y="33"/>
                  <a:pt x="2292" y="32"/>
                </a:cubicBezTo>
                <a:cubicBezTo>
                  <a:pt x="2292" y="32"/>
                  <a:pt x="2292" y="32"/>
                  <a:pt x="2291" y="32"/>
                </a:cubicBezTo>
                <a:cubicBezTo>
                  <a:pt x="2289" y="29"/>
                  <a:pt x="2286" y="27"/>
                  <a:pt x="2284" y="24"/>
                </a:cubicBezTo>
                <a:cubicBezTo>
                  <a:pt x="2283" y="23"/>
                  <a:pt x="2282" y="23"/>
                  <a:pt x="2281" y="23"/>
                </a:cubicBezTo>
                <a:cubicBezTo>
                  <a:pt x="2280" y="23"/>
                  <a:pt x="2280" y="22"/>
                  <a:pt x="2279" y="21"/>
                </a:cubicBezTo>
                <a:cubicBezTo>
                  <a:pt x="2276" y="19"/>
                  <a:pt x="2272" y="16"/>
                  <a:pt x="2268" y="17"/>
                </a:cubicBezTo>
                <a:cubicBezTo>
                  <a:pt x="2268" y="18"/>
                  <a:pt x="2267" y="19"/>
                  <a:pt x="2266" y="19"/>
                </a:cubicBezTo>
                <a:cubicBezTo>
                  <a:pt x="2265" y="20"/>
                  <a:pt x="2264" y="19"/>
                  <a:pt x="2263" y="20"/>
                </a:cubicBezTo>
                <a:cubicBezTo>
                  <a:pt x="2261" y="20"/>
                  <a:pt x="2262" y="23"/>
                  <a:pt x="2259" y="23"/>
                </a:cubicBezTo>
                <a:cubicBezTo>
                  <a:pt x="2258" y="24"/>
                  <a:pt x="2257" y="23"/>
                  <a:pt x="2256" y="24"/>
                </a:cubicBezTo>
                <a:cubicBezTo>
                  <a:pt x="2255" y="25"/>
                  <a:pt x="2257" y="25"/>
                  <a:pt x="2257" y="26"/>
                </a:cubicBezTo>
                <a:close/>
                <a:moveTo>
                  <a:pt x="1953" y="100"/>
                </a:moveTo>
                <a:cubicBezTo>
                  <a:pt x="1954" y="101"/>
                  <a:pt x="1955" y="103"/>
                  <a:pt x="1957" y="104"/>
                </a:cubicBezTo>
                <a:cubicBezTo>
                  <a:pt x="1958" y="105"/>
                  <a:pt x="1960" y="105"/>
                  <a:pt x="1962" y="106"/>
                </a:cubicBezTo>
                <a:cubicBezTo>
                  <a:pt x="1963" y="107"/>
                  <a:pt x="1964" y="108"/>
                  <a:pt x="1966" y="109"/>
                </a:cubicBezTo>
                <a:cubicBezTo>
                  <a:pt x="1968" y="110"/>
                  <a:pt x="1970" y="110"/>
                  <a:pt x="1972" y="108"/>
                </a:cubicBezTo>
                <a:cubicBezTo>
                  <a:pt x="1974" y="107"/>
                  <a:pt x="1977" y="107"/>
                  <a:pt x="1979" y="107"/>
                </a:cubicBezTo>
                <a:cubicBezTo>
                  <a:pt x="1982" y="107"/>
                  <a:pt x="1984" y="106"/>
                  <a:pt x="1986" y="105"/>
                </a:cubicBezTo>
                <a:cubicBezTo>
                  <a:pt x="1989" y="103"/>
                  <a:pt x="1991" y="102"/>
                  <a:pt x="1994" y="101"/>
                </a:cubicBezTo>
                <a:cubicBezTo>
                  <a:pt x="1996" y="101"/>
                  <a:pt x="1997" y="100"/>
                  <a:pt x="1998" y="98"/>
                </a:cubicBezTo>
                <a:cubicBezTo>
                  <a:pt x="2000" y="97"/>
                  <a:pt x="2001" y="95"/>
                  <a:pt x="2002" y="94"/>
                </a:cubicBezTo>
                <a:cubicBezTo>
                  <a:pt x="2003" y="92"/>
                  <a:pt x="2005" y="91"/>
                  <a:pt x="2006" y="90"/>
                </a:cubicBezTo>
                <a:cubicBezTo>
                  <a:pt x="2007" y="89"/>
                  <a:pt x="2006" y="89"/>
                  <a:pt x="2007" y="87"/>
                </a:cubicBezTo>
                <a:cubicBezTo>
                  <a:pt x="2007" y="86"/>
                  <a:pt x="2009" y="86"/>
                  <a:pt x="2010" y="86"/>
                </a:cubicBezTo>
                <a:cubicBezTo>
                  <a:pt x="2011" y="87"/>
                  <a:pt x="2010" y="88"/>
                  <a:pt x="2010" y="89"/>
                </a:cubicBezTo>
                <a:cubicBezTo>
                  <a:pt x="2009" y="90"/>
                  <a:pt x="2009" y="91"/>
                  <a:pt x="2008" y="92"/>
                </a:cubicBezTo>
                <a:cubicBezTo>
                  <a:pt x="2008" y="93"/>
                  <a:pt x="2007" y="93"/>
                  <a:pt x="2006" y="94"/>
                </a:cubicBezTo>
                <a:cubicBezTo>
                  <a:pt x="2006" y="95"/>
                  <a:pt x="2006" y="97"/>
                  <a:pt x="2007" y="97"/>
                </a:cubicBezTo>
                <a:cubicBezTo>
                  <a:pt x="2008" y="96"/>
                  <a:pt x="2009" y="95"/>
                  <a:pt x="2009" y="94"/>
                </a:cubicBezTo>
                <a:cubicBezTo>
                  <a:pt x="2010" y="93"/>
                  <a:pt x="2011" y="93"/>
                  <a:pt x="2012" y="92"/>
                </a:cubicBezTo>
                <a:cubicBezTo>
                  <a:pt x="2013" y="91"/>
                  <a:pt x="2013" y="88"/>
                  <a:pt x="2012" y="87"/>
                </a:cubicBezTo>
                <a:cubicBezTo>
                  <a:pt x="2011" y="85"/>
                  <a:pt x="2010" y="84"/>
                  <a:pt x="2008" y="83"/>
                </a:cubicBezTo>
                <a:cubicBezTo>
                  <a:pt x="2006" y="81"/>
                  <a:pt x="2004" y="80"/>
                  <a:pt x="2003" y="79"/>
                </a:cubicBezTo>
                <a:cubicBezTo>
                  <a:pt x="2000" y="78"/>
                  <a:pt x="1998" y="76"/>
                  <a:pt x="1996" y="75"/>
                </a:cubicBezTo>
                <a:cubicBezTo>
                  <a:pt x="1994" y="74"/>
                  <a:pt x="1991" y="73"/>
                  <a:pt x="1989" y="72"/>
                </a:cubicBezTo>
                <a:cubicBezTo>
                  <a:pt x="1987" y="71"/>
                  <a:pt x="1986" y="71"/>
                  <a:pt x="1984" y="70"/>
                </a:cubicBezTo>
                <a:cubicBezTo>
                  <a:pt x="1983" y="70"/>
                  <a:pt x="1982" y="69"/>
                  <a:pt x="1980" y="69"/>
                </a:cubicBezTo>
                <a:cubicBezTo>
                  <a:pt x="1978" y="68"/>
                  <a:pt x="1975" y="69"/>
                  <a:pt x="1972" y="69"/>
                </a:cubicBezTo>
                <a:cubicBezTo>
                  <a:pt x="1970" y="69"/>
                  <a:pt x="1968" y="70"/>
                  <a:pt x="1966" y="71"/>
                </a:cubicBezTo>
                <a:cubicBezTo>
                  <a:pt x="1964" y="72"/>
                  <a:pt x="1961" y="73"/>
                  <a:pt x="1960" y="75"/>
                </a:cubicBezTo>
                <a:cubicBezTo>
                  <a:pt x="1958" y="77"/>
                  <a:pt x="1956" y="79"/>
                  <a:pt x="1955" y="81"/>
                </a:cubicBezTo>
                <a:cubicBezTo>
                  <a:pt x="1955" y="82"/>
                  <a:pt x="1954" y="84"/>
                  <a:pt x="1954" y="85"/>
                </a:cubicBezTo>
                <a:cubicBezTo>
                  <a:pt x="1954" y="86"/>
                  <a:pt x="1953" y="87"/>
                  <a:pt x="1952" y="88"/>
                </a:cubicBezTo>
                <a:cubicBezTo>
                  <a:pt x="1951" y="90"/>
                  <a:pt x="1950" y="93"/>
                  <a:pt x="1951" y="95"/>
                </a:cubicBezTo>
                <a:cubicBezTo>
                  <a:pt x="1951" y="97"/>
                  <a:pt x="1952" y="99"/>
                  <a:pt x="1953" y="100"/>
                </a:cubicBezTo>
                <a:close/>
                <a:moveTo>
                  <a:pt x="2144" y="5"/>
                </a:moveTo>
                <a:cubicBezTo>
                  <a:pt x="2145" y="6"/>
                  <a:pt x="2146" y="6"/>
                  <a:pt x="2147" y="6"/>
                </a:cubicBezTo>
                <a:cubicBezTo>
                  <a:pt x="2148" y="7"/>
                  <a:pt x="2151" y="7"/>
                  <a:pt x="2152" y="9"/>
                </a:cubicBezTo>
                <a:cubicBezTo>
                  <a:pt x="2153" y="10"/>
                  <a:pt x="2153" y="11"/>
                  <a:pt x="2154" y="11"/>
                </a:cubicBezTo>
                <a:cubicBezTo>
                  <a:pt x="2155" y="12"/>
                  <a:pt x="2156" y="12"/>
                  <a:pt x="2157" y="11"/>
                </a:cubicBezTo>
                <a:cubicBezTo>
                  <a:pt x="2159" y="10"/>
                  <a:pt x="2158" y="8"/>
                  <a:pt x="2159" y="6"/>
                </a:cubicBezTo>
                <a:cubicBezTo>
                  <a:pt x="2161" y="3"/>
                  <a:pt x="2163" y="4"/>
                  <a:pt x="2165" y="4"/>
                </a:cubicBezTo>
                <a:cubicBezTo>
                  <a:pt x="2167" y="5"/>
                  <a:pt x="2170" y="4"/>
                  <a:pt x="2172" y="6"/>
                </a:cubicBezTo>
                <a:cubicBezTo>
                  <a:pt x="2173" y="6"/>
                  <a:pt x="2174" y="7"/>
                  <a:pt x="2173" y="8"/>
                </a:cubicBezTo>
                <a:cubicBezTo>
                  <a:pt x="2173" y="8"/>
                  <a:pt x="2172" y="8"/>
                  <a:pt x="2172" y="9"/>
                </a:cubicBezTo>
                <a:cubicBezTo>
                  <a:pt x="2172" y="9"/>
                  <a:pt x="2172" y="10"/>
                  <a:pt x="2173" y="10"/>
                </a:cubicBezTo>
                <a:cubicBezTo>
                  <a:pt x="2174" y="11"/>
                  <a:pt x="2177" y="9"/>
                  <a:pt x="2179" y="11"/>
                </a:cubicBezTo>
                <a:cubicBezTo>
                  <a:pt x="2180" y="11"/>
                  <a:pt x="2180" y="12"/>
                  <a:pt x="2181" y="12"/>
                </a:cubicBezTo>
                <a:cubicBezTo>
                  <a:pt x="2182" y="12"/>
                  <a:pt x="2182" y="11"/>
                  <a:pt x="2182" y="10"/>
                </a:cubicBezTo>
                <a:cubicBezTo>
                  <a:pt x="2181" y="9"/>
                  <a:pt x="2180" y="9"/>
                  <a:pt x="2179" y="9"/>
                </a:cubicBezTo>
                <a:cubicBezTo>
                  <a:pt x="2178" y="8"/>
                  <a:pt x="2178" y="7"/>
                  <a:pt x="2179" y="7"/>
                </a:cubicBezTo>
                <a:cubicBezTo>
                  <a:pt x="2182" y="6"/>
                  <a:pt x="2182" y="9"/>
                  <a:pt x="2184" y="10"/>
                </a:cubicBezTo>
                <a:cubicBezTo>
                  <a:pt x="2187" y="11"/>
                  <a:pt x="2187" y="12"/>
                  <a:pt x="2190" y="11"/>
                </a:cubicBezTo>
                <a:cubicBezTo>
                  <a:pt x="2191" y="10"/>
                  <a:pt x="2192" y="10"/>
                  <a:pt x="2193" y="10"/>
                </a:cubicBezTo>
                <a:cubicBezTo>
                  <a:pt x="2194" y="11"/>
                  <a:pt x="2195" y="12"/>
                  <a:pt x="2196" y="12"/>
                </a:cubicBezTo>
                <a:cubicBezTo>
                  <a:pt x="2199" y="13"/>
                  <a:pt x="2195" y="8"/>
                  <a:pt x="2194" y="8"/>
                </a:cubicBezTo>
                <a:cubicBezTo>
                  <a:pt x="2193" y="7"/>
                  <a:pt x="2193" y="6"/>
                  <a:pt x="2191" y="6"/>
                </a:cubicBezTo>
                <a:cubicBezTo>
                  <a:pt x="2191" y="5"/>
                  <a:pt x="2189" y="6"/>
                  <a:pt x="2188" y="5"/>
                </a:cubicBezTo>
                <a:cubicBezTo>
                  <a:pt x="2192" y="3"/>
                  <a:pt x="2194" y="6"/>
                  <a:pt x="2197" y="7"/>
                </a:cubicBezTo>
                <a:cubicBezTo>
                  <a:pt x="2199" y="8"/>
                  <a:pt x="2203" y="6"/>
                  <a:pt x="2205" y="9"/>
                </a:cubicBezTo>
                <a:cubicBezTo>
                  <a:pt x="2206" y="10"/>
                  <a:pt x="2207" y="10"/>
                  <a:pt x="2207" y="10"/>
                </a:cubicBezTo>
                <a:cubicBezTo>
                  <a:pt x="2208" y="10"/>
                  <a:pt x="2209" y="10"/>
                  <a:pt x="2210" y="10"/>
                </a:cubicBezTo>
                <a:cubicBezTo>
                  <a:pt x="2212" y="11"/>
                  <a:pt x="2213" y="12"/>
                  <a:pt x="2215" y="12"/>
                </a:cubicBezTo>
                <a:cubicBezTo>
                  <a:pt x="2216" y="12"/>
                  <a:pt x="2220" y="14"/>
                  <a:pt x="2218" y="11"/>
                </a:cubicBezTo>
                <a:cubicBezTo>
                  <a:pt x="2217" y="10"/>
                  <a:pt x="2216" y="9"/>
                  <a:pt x="2214" y="9"/>
                </a:cubicBezTo>
                <a:cubicBezTo>
                  <a:pt x="2212" y="9"/>
                  <a:pt x="2208" y="9"/>
                  <a:pt x="2207" y="8"/>
                </a:cubicBezTo>
                <a:cubicBezTo>
                  <a:pt x="2206" y="6"/>
                  <a:pt x="2208" y="7"/>
                  <a:pt x="2209" y="7"/>
                </a:cubicBezTo>
                <a:cubicBezTo>
                  <a:pt x="2210" y="8"/>
                  <a:pt x="2210" y="8"/>
                  <a:pt x="2212" y="8"/>
                </a:cubicBezTo>
                <a:cubicBezTo>
                  <a:pt x="2214" y="8"/>
                  <a:pt x="2215" y="7"/>
                  <a:pt x="2218" y="9"/>
                </a:cubicBezTo>
                <a:cubicBezTo>
                  <a:pt x="2218" y="9"/>
                  <a:pt x="2219" y="9"/>
                  <a:pt x="2219" y="10"/>
                </a:cubicBezTo>
                <a:cubicBezTo>
                  <a:pt x="2220" y="10"/>
                  <a:pt x="2220" y="10"/>
                  <a:pt x="2220" y="10"/>
                </a:cubicBezTo>
                <a:cubicBezTo>
                  <a:pt x="2224" y="11"/>
                  <a:pt x="2223" y="8"/>
                  <a:pt x="2224" y="5"/>
                </a:cubicBezTo>
                <a:cubicBezTo>
                  <a:pt x="2225" y="4"/>
                  <a:pt x="2227" y="4"/>
                  <a:pt x="2228" y="4"/>
                </a:cubicBezTo>
                <a:cubicBezTo>
                  <a:pt x="2229" y="4"/>
                  <a:pt x="2231" y="6"/>
                  <a:pt x="2231" y="4"/>
                </a:cubicBezTo>
                <a:cubicBezTo>
                  <a:pt x="2231" y="3"/>
                  <a:pt x="2231" y="3"/>
                  <a:pt x="2230" y="3"/>
                </a:cubicBezTo>
                <a:cubicBezTo>
                  <a:pt x="2142" y="3"/>
                  <a:pt x="2142" y="3"/>
                  <a:pt x="2142" y="3"/>
                </a:cubicBezTo>
                <a:cubicBezTo>
                  <a:pt x="2142" y="3"/>
                  <a:pt x="2142" y="3"/>
                  <a:pt x="2142" y="3"/>
                </a:cubicBezTo>
                <a:cubicBezTo>
                  <a:pt x="2143" y="3"/>
                  <a:pt x="2143" y="5"/>
                  <a:pt x="2144" y="5"/>
                </a:cubicBezTo>
                <a:close/>
                <a:moveTo>
                  <a:pt x="2126" y="3"/>
                </a:moveTo>
                <a:cubicBezTo>
                  <a:pt x="2127" y="3"/>
                  <a:pt x="2128" y="3"/>
                  <a:pt x="2129" y="4"/>
                </a:cubicBezTo>
                <a:cubicBezTo>
                  <a:pt x="2131" y="4"/>
                  <a:pt x="2133" y="4"/>
                  <a:pt x="2135" y="5"/>
                </a:cubicBezTo>
                <a:cubicBezTo>
                  <a:pt x="2137" y="5"/>
                  <a:pt x="2138" y="6"/>
                  <a:pt x="2139" y="7"/>
                </a:cubicBezTo>
                <a:cubicBezTo>
                  <a:pt x="2140" y="7"/>
                  <a:pt x="2142" y="10"/>
                  <a:pt x="2142" y="8"/>
                </a:cubicBezTo>
                <a:cubicBezTo>
                  <a:pt x="2143" y="6"/>
                  <a:pt x="2139" y="4"/>
                  <a:pt x="2138" y="3"/>
                </a:cubicBezTo>
                <a:cubicBezTo>
                  <a:pt x="2125" y="3"/>
                  <a:pt x="2125" y="3"/>
                  <a:pt x="2125" y="3"/>
                </a:cubicBezTo>
                <a:cubicBezTo>
                  <a:pt x="2125" y="3"/>
                  <a:pt x="2125" y="3"/>
                  <a:pt x="2126" y="3"/>
                </a:cubicBezTo>
                <a:close/>
                <a:moveTo>
                  <a:pt x="2581" y="207"/>
                </a:moveTo>
                <a:cubicBezTo>
                  <a:pt x="2586" y="206"/>
                  <a:pt x="2591" y="204"/>
                  <a:pt x="2595" y="206"/>
                </a:cubicBezTo>
                <a:cubicBezTo>
                  <a:pt x="2598" y="207"/>
                  <a:pt x="2600" y="208"/>
                  <a:pt x="2602" y="209"/>
                </a:cubicBezTo>
                <a:cubicBezTo>
                  <a:pt x="2603" y="211"/>
                  <a:pt x="2604" y="213"/>
                  <a:pt x="2607" y="213"/>
                </a:cubicBezTo>
                <a:cubicBezTo>
                  <a:pt x="2612" y="214"/>
                  <a:pt x="2616" y="210"/>
                  <a:pt x="2620" y="209"/>
                </a:cubicBezTo>
                <a:cubicBezTo>
                  <a:pt x="2623" y="208"/>
                  <a:pt x="2625" y="208"/>
                  <a:pt x="2628" y="207"/>
                </a:cubicBezTo>
                <a:cubicBezTo>
                  <a:pt x="2631" y="207"/>
                  <a:pt x="2633" y="206"/>
                  <a:pt x="2636" y="205"/>
                </a:cubicBezTo>
                <a:cubicBezTo>
                  <a:pt x="2640" y="204"/>
                  <a:pt x="2644" y="204"/>
                  <a:pt x="2647" y="203"/>
                </a:cubicBezTo>
                <a:cubicBezTo>
                  <a:pt x="2647" y="3"/>
                  <a:pt x="2647" y="3"/>
                  <a:pt x="2647" y="3"/>
                </a:cubicBezTo>
                <a:cubicBezTo>
                  <a:pt x="2518" y="3"/>
                  <a:pt x="2518" y="3"/>
                  <a:pt x="2518" y="3"/>
                </a:cubicBezTo>
                <a:cubicBezTo>
                  <a:pt x="2518" y="3"/>
                  <a:pt x="2518" y="3"/>
                  <a:pt x="2518" y="4"/>
                </a:cubicBezTo>
                <a:cubicBezTo>
                  <a:pt x="2518" y="6"/>
                  <a:pt x="2516" y="7"/>
                  <a:pt x="2515" y="9"/>
                </a:cubicBezTo>
                <a:cubicBezTo>
                  <a:pt x="2513" y="13"/>
                  <a:pt x="2518" y="18"/>
                  <a:pt x="2514" y="21"/>
                </a:cubicBezTo>
                <a:cubicBezTo>
                  <a:pt x="2513" y="23"/>
                  <a:pt x="2512" y="25"/>
                  <a:pt x="2512" y="27"/>
                </a:cubicBezTo>
                <a:cubicBezTo>
                  <a:pt x="2512" y="29"/>
                  <a:pt x="2510" y="32"/>
                  <a:pt x="2512" y="33"/>
                </a:cubicBezTo>
                <a:cubicBezTo>
                  <a:pt x="2514" y="33"/>
                  <a:pt x="2515" y="33"/>
                  <a:pt x="2516" y="34"/>
                </a:cubicBezTo>
                <a:cubicBezTo>
                  <a:pt x="2516" y="34"/>
                  <a:pt x="2517" y="36"/>
                  <a:pt x="2517" y="36"/>
                </a:cubicBezTo>
                <a:cubicBezTo>
                  <a:pt x="2518" y="38"/>
                  <a:pt x="2516" y="40"/>
                  <a:pt x="2515" y="41"/>
                </a:cubicBezTo>
                <a:cubicBezTo>
                  <a:pt x="2514" y="43"/>
                  <a:pt x="2512" y="45"/>
                  <a:pt x="2511" y="43"/>
                </a:cubicBezTo>
                <a:cubicBezTo>
                  <a:pt x="2510" y="43"/>
                  <a:pt x="2510" y="42"/>
                  <a:pt x="2509" y="41"/>
                </a:cubicBezTo>
                <a:cubicBezTo>
                  <a:pt x="2509" y="41"/>
                  <a:pt x="2509" y="40"/>
                  <a:pt x="2508" y="39"/>
                </a:cubicBezTo>
                <a:cubicBezTo>
                  <a:pt x="2505" y="37"/>
                  <a:pt x="2506" y="42"/>
                  <a:pt x="2505" y="43"/>
                </a:cubicBezTo>
                <a:cubicBezTo>
                  <a:pt x="2505" y="45"/>
                  <a:pt x="2503" y="46"/>
                  <a:pt x="2503" y="48"/>
                </a:cubicBezTo>
                <a:cubicBezTo>
                  <a:pt x="2502" y="50"/>
                  <a:pt x="2501" y="53"/>
                  <a:pt x="2501" y="55"/>
                </a:cubicBezTo>
                <a:cubicBezTo>
                  <a:pt x="2501" y="58"/>
                  <a:pt x="2501" y="60"/>
                  <a:pt x="2502" y="63"/>
                </a:cubicBezTo>
                <a:cubicBezTo>
                  <a:pt x="2502" y="64"/>
                  <a:pt x="2503" y="68"/>
                  <a:pt x="2505" y="66"/>
                </a:cubicBezTo>
                <a:cubicBezTo>
                  <a:pt x="2505" y="65"/>
                  <a:pt x="2505" y="64"/>
                  <a:pt x="2505" y="63"/>
                </a:cubicBezTo>
                <a:cubicBezTo>
                  <a:pt x="2506" y="62"/>
                  <a:pt x="2507" y="62"/>
                  <a:pt x="2507" y="61"/>
                </a:cubicBezTo>
                <a:cubicBezTo>
                  <a:pt x="2508" y="61"/>
                  <a:pt x="2508" y="59"/>
                  <a:pt x="2509" y="59"/>
                </a:cubicBezTo>
                <a:cubicBezTo>
                  <a:pt x="2510" y="58"/>
                  <a:pt x="2511" y="59"/>
                  <a:pt x="2512" y="60"/>
                </a:cubicBezTo>
                <a:cubicBezTo>
                  <a:pt x="2514" y="61"/>
                  <a:pt x="2515" y="60"/>
                  <a:pt x="2518" y="61"/>
                </a:cubicBezTo>
                <a:cubicBezTo>
                  <a:pt x="2520" y="62"/>
                  <a:pt x="2522" y="63"/>
                  <a:pt x="2524" y="63"/>
                </a:cubicBezTo>
                <a:cubicBezTo>
                  <a:pt x="2527" y="64"/>
                  <a:pt x="2527" y="66"/>
                  <a:pt x="2529" y="68"/>
                </a:cubicBezTo>
                <a:cubicBezTo>
                  <a:pt x="2531" y="69"/>
                  <a:pt x="2533" y="68"/>
                  <a:pt x="2535" y="70"/>
                </a:cubicBezTo>
                <a:cubicBezTo>
                  <a:pt x="2536" y="70"/>
                  <a:pt x="2537" y="71"/>
                  <a:pt x="2538" y="70"/>
                </a:cubicBezTo>
                <a:cubicBezTo>
                  <a:pt x="2539" y="70"/>
                  <a:pt x="2539" y="69"/>
                  <a:pt x="2540" y="69"/>
                </a:cubicBezTo>
                <a:cubicBezTo>
                  <a:pt x="2542" y="68"/>
                  <a:pt x="2541" y="73"/>
                  <a:pt x="2541" y="74"/>
                </a:cubicBezTo>
                <a:cubicBezTo>
                  <a:pt x="2540" y="76"/>
                  <a:pt x="2538" y="77"/>
                  <a:pt x="2539" y="79"/>
                </a:cubicBezTo>
                <a:cubicBezTo>
                  <a:pt x="2539" y="82"/>
                  <a:pt x="2540" y="83"/>
                  <a:pt x="2542" y="84"/>
                </a:cubicBezTo>
                <a:cubicBezTo>
                  <a:pt x="2542" y="85"/>
                  <a:pt x="2543" y="86"/>
                  <a:pt x="2543" y="87"/>
                </a:cubicBezTo>
                <a:cubicBezTo>
                  <a:pt x="2544" y="88"/>
                  <a:pt x="2545" y="88"/>
                  <a:pt x="2546" y="89"/>
                </a:cubicBezTo>
                <a:cubicBezTo>
                  <a:pt x="2547" y="89"/>
                  <a:pt x="2547" y="90"/>
                  <a:pt x="2548" y="91"/>
                </a:cubicBezTo>
                <a:cubicBezTo>
                  <a:pt x="2549" y="93"/>
                  <a:pt x="2549" y="95"/>
                  <a:pt x="2551" y="96"/>
                </a:cubicBezTo>
                <a:cubicBezTo>
                  <a:pt x="2552" y="98"/>
                  <a:pt x="2554" y="97"/>
                  <a:pt x="2555" y="97"/>
                </a:cubicBezTo>
                <a:cubicBezTo>
                  <a:pt x="2556" y="98"/>
                  <a:pt x="2557" y="99"/>
                  <a:pt x="2558" y="99"/>
                </a:cubicBezTo>
                <a:cubicBezTo>
                  <a:pt x="2560" y="100"/>
                  <a:pt x="2562" y="99"/>
                  <a:pt x="2564" y="98"/>
                </a:cubicBezTo>
                <a:cubicBezTo>
                  <a:pt x="2565" y="98"/>
                  <a:pt x="2569" y="98"/>
                  <a:pt x="2570" y="100"/>
                </a:cubicBezTo>
                <a:cubicBezTo>
                  <a:pt x="2570" y="101"/>
                  <a:pt x="2568" y="100"/>
                  <a:pt x="2568" y="100"/>
                </a:cubicBezTo>
                <a:cubicBezTo>
                  <a:pt x="2566" y="101"/>
                  <a:pt x="2566" y="102"/>
                  <a:pt x="2567" y="102"/>
                </a:cubicBezTo>
                <a:cubicBezTo>
                  <a:pt x="2568" y="103"/>
                  <a:pt x="2569" y="103"/>
                  <a:pt x="2569" y="104"/>
                </a:cubicBezTo>
                <a:cubicBezTo>
                  <a:pt x="2569" y="106"/>
                  <a:pt x="2568" y="106"/>
                  <a:pt x="2567" y="107"/>
                </a:cubicBezTo>
                <a:cubicBezTo>
                  <a:pt x="2565" y="108"/>
                  <a:pt x="2566" y="111"/>
                  <a:pt x="2565" y="113"/>
                </a:cubicBezTo>
                <a:cubicBezTo>
                  <a:pt x="2564" y="117"/>
                  <a:pt x="2561" y="119"/>
                  <a:pt x="2558" y="122"/>
                </a:cubicBezTo>
                <a:cubicBezTo>
                  <a:pt x="2557" y="123"/>
                  <a:pt x="2556" y="124"/>
                  <a:pt x="2556" y="126"/>
                </a:cubicBezTo>
                <a:cubicBezTo>
                  <a:pt x="2555" y="128"/>
                  <a:pt x="2555" y="130"/>
                  <a:pt x="2552" y="132"/>
                </a:cubicBezTo>
                <a:cubicBezTo>
                  <a:pt x="2551" y="133"/>
                  <a:pt x="2550" y="136"/>
                  <a:pt x="2547" y="134"/>
                </a:cubicBezTo>
                <a:cubicBezTo>
                  <a:pt x="2546" y="133"/>
                  <a:pt x="2545" y="131"/>
                  <a:pt x="2543" y="130"/>
                </a:cubicBezTo>
                <a:cubicBezTo>
                  <a:pt x="2543" y="129"/>
                  <a:pt x="2542" y="129"/>
                  <a:pt x="2541" y="128"/>
                </a:cubicBezTo>
                <a:cubicBezTo>
                  <a:pt x="2540" y="127"/>
                  <a:pt x="2539" y="127"/>
                  <a:pt x="2538" y="126"/>
                </a:cubicBezTo>
                <a:cubicBezTo>
                  <a:pt x="2537" y="124"/>
                  <a:pt x="2536" y="122"/>
                  <a:pt x="2534" y="121"/>
                </a:cubicBezTo>
                <a:cubicBezTo>
                  <a:pt x="2532" y="119"/>
                  <a:pt x="2530" y="118"/>
                  <a:pt x="2528" y="116"/>
                </a:cubicBezTo>
                <a:cubicBezTo>
                  <a:pt x="2527" y="116"/>
                  <a:pt x="2526" y="115"/>
                  <a:pt x="2525" y="115"/>
                </a:cubicBezTo>
                <a:cubicBezTo>
                  <a:pt x="2524" y="114"/>
                  <a:pt x="2523" y="113"/>
                  <a:pt x="2522" y="112"/>
                </a:cubicBezTo>
                <a:cubicBezTo>
                  <a:pt x="2521" y="110"/>
                  <a:pt x="2519" y="108"/>
                  <a:pt x="2517" y="107"/>
                </a:cubicBezTo>
                <a:cubicBezTo>
                  <a:pt x="2516" y="106"/>
                  <a:pt x="2515" y="105"/>
                  <a:pt x="2514" y="104"/>
                </a:cubicBezTo>
                <a:cubicBezTo>
                  <a:pt x="2512" y="103"/>
                  <a:pt x="2511" y="103"/>
                  <a:pt x="2509" y="103"/>
                </a:cubicBezTo>
                <a:cubicBezTo>
                  <a:pt x="2506" y="102"/>
                  <a:pt x="2503" y="102"/>
                  <a:pt x="2499" y="101"/>
                </a:cubicBezTo>
                <a:cubicBezTo>
                  <a:pt x="2496" y="101"/>
                  <a:pt x="2494" y="100"/>
                  <a:pt x="2492" y="99"/>
                </a:cubicBezTo>
                <a:cubicBezTo>
                  <a:pt x="2489" y="97"/>
                  <a:pt x="2487" y="96"/>
                  <a:pt x="2484" y="95"/>
                </a:cubicBezTo>
                <a:cubicBezTo>
                  <a:pt x="2483" y="95"/>
                  <a:pt x="2482" y="94"/>
                  <a:pt x="2480" y="94"/>
                </a:cubicBezTo>
                <a:cubicBezTo>
                  <a:pt x="2478" y="94"/>
                  <a:pt x="2476" y="92"/>
                  <a:pt x="2474" y="91"/>
                </a:cubicBezTo>
                <a:cubicBezTo>
                  <a:pt x="2473" y="90"/>
                  <a:pt x="2472" y="88"/>
                  <a:pt x="2470" y="87"/>
                </a:cubicBezTo>
                <a:cubicBezTo>
                  <a:pt x="2469" y="86"/>
                  <a:pt x="2466" y="86"/>
                  <a:pt x="2464" y="85"/>
                </a:cubicBezTo>
                <a:cubicBezTo>
                  <a:pt x="2462" y="84"/>
                  <a:pt x="2460" y="83"/>
                  <a:pt x="2458" y="83"/>
                </a:cubicBezTo>
                <a:cubicBezTo>
                  <a:pt x="2455" y="83"/>
                  <a:pt x="2454" y="82"/>
                  <a:pt x="2452" y="81"/>
                </a:cubicBezTo>
                <a:cubicBezTo>
                  <a:pt x="2450" y="81"/>
                  <a:pt x="2449" y="82"/>
                  <a:pt x="2447" y="83"/>
                </a:cubicBezTo>
                <a:cubicBezTo>
                  <a:pt x="2446" y="85"/>
                  <a:pt x="2444" y="87"/>
                  <a:pt x="2445" y="84"/>
                </a:cubicBezTo>
                <a:cubicBezTo>
                  <a:pt x="2445" y="83"/>
                  <a:pt x="2445" y="81"/>
                  <a:pt x="2445" y="81"/>
                </a:cubicBezTo>
                <a:cubicBezTo>
                  <a:pt x="2446" y="80"/>
                  <a:pt x="2447" y="81"/>
                  <a:pt x="2448" y="81"/>
                </a:cubicBezTo>
                <a:cubicBezTo>
                  <a:pt x="2449" y="81"/>
                  <a:pt x="2450" y="80"/>
                  <a:pt x="2449" y="79"/>
                </a:cubicBezTo>
                <a:cubicBezTo>
                  <a:pt x="2448" y="78"/>
                  <a:pt x="2447" y="78"/>
                  <a:pt x="2446" y="78"/>
                </a:cubicBezTo>
                <a:cubicBezTo>
                  <a:pt x="2444" y="77"/>
                  <a:pt x="2443" y="75"/>
                  <a:pt x="2441" y="75"/>
                </a:cubicBezTo>
                <a:cubicBezTo>
                  <a:pt x="2439" y="74"/>
                  <a:pt x="2436" y="73"/>
                  <a:pt x="2434" y="72"/>
                </a:cubicBezTo>
                <a:cubicBezTo>
                  <a:pt x="2430" y="69"/>
                  <a:pt x="2424" y="66"/>
                  <a:pt x="2419" y="65"/>
                </a:cubicBezTo>
                <a:cubicBezTo>
                  <a:pt x="2416" y="64"/>
                  <a:pt x="2413" y="63"/>
                  <a:pt x="2410" y="63"/>
                </a:cubicBezTo>
                <a:cubicBezTo>
                  <a:pt x="2407" y="62"/>
                  <a:pt x="2405" y="61"/>
                  <a:pt x="2402" y="60"/>
                </a:cubicBezTo>
                <a:cubicBezTo>
                  <a:pt x="2401" y="60"/>
                  <a:pt x="2400" y="60"/>
                  <a:pt x="2399" y="59"/>
                </a:cubicBezTo>
                <a:cubicBezTo>
                  <a:pt x="2397" y="58"/>
                  <a:pt x="2394" y="58"/>
                  <a:pt x="2391" y="58"/>
                </a:cubicBezTo>
                <a:cubicBezTo>
                  <a:pt x="2389" y="58"/>
                  <a:pt x="2386" y="58"/>
                  <a:pt x="2383" y="58"/>
                </a:cubicBezTo>
                <a:cubicBezTo>
                  <a:pt x="2381" y="57"/>
                  <a:pt x="2379" y="56"/>
                  <a:pt x="2377" y="56"/>
                </a:cubicBezTo>
                <a:cubicBezTo>
                  <a:pt x="2374" y="55"/>
                  <a:pt x="2371" y="55"/>
                  <a:pt x="2369" y="55"/>
                </a:cubicBezTo>
                <a:cubicBezTo>
                  <a:pt x="2366" y="55"/>
                  <a:pt x="2364" y="55"/>
                  <a:pt x="2361" y="54"/>
                </a:cubicBezTo>
                <a:cubicBezTo>
                  <a:pt x="2357" y="54"/>
                  <a:pt x="2352" y="53"/>
                  <a:pt x="2347" y="53"/>
                </a:cubicBezTo>
                <a:cubicBezTo>
                  <a:pt x="2345" y="53"/>
                  <a:pt x="2343" y="52"/>
                  <a:pt x="2341" y="51"/>
                </a:cubicBezTo>
                <a:cubicBezTo>
                  <a:pt x="2339" y="50"/>
                  <a:pt x="2337" y="50"/>
                  <a:pt x="2334" y="50"/>
                </a:cubicBezTo>
                <a:cubicBezTo>
                  <a:pt x="2333" y="50"/>
                  <a:pt x="2332" y="50"/>
                  <a:pt x="2331" y="50"/>
                </a:cubicBezTo>
                <a:cubicBezTo>
                  <a:pt x="2330" y="50"/>
                  <a:pt x="2329" y="51"/>
                  <a:pt x="2328" y="52"/>
                </a:cubicBezTo>
                <a:cubicBezTo>
                  <a:pt x="2326" y="53"/>
                  <a:pt x="2325" y="54"/>
                  <a:pt x="2323" y="55"/>
                </a:cubicBezTo>
                <a:cubicBezTo>
                  <a:pt x="2319" y="57"/>
                  <a:pt x="2316" y="59"/>
                  <a:pt x="2312" y="60"/>
                </a:cubicBezTo>
                <a:cubicBezTo>
                  <a:pt x="2310" y="60"/>
                  <a:pt x="2307" y="59"/>
                  <a:pt x="2306" y="61"/>
                </a:cubicBezTo>
                <a:cubicBezTo>
                  <a:pt x="2306" y="61"/>
                  <a:pt x="2305" y="63"/>
                  <a:pt x="2306" y="64"/>
                </a:cubicBezTo>
                <a:cubicBezTo>
                  <a:pt x="2306" y="65"/>
                  <a:pt x="2307" y="65"/>
                  <a:pt x="2308" y="66"/>
                </a:cubicBezTo>
                <a:cubicBezTo>
                  <a:pt x="2310" y="68"/>
                  <a:pt x="2308" y="72"/>
                  <a:pt x="2311" y="73"/>
                </a:cubicBezTo>
                <a:cubicBezTo>
                  <a:pt x="2313" y="74"/>
                  <a:pt x="2315" y="75"/>
                  <a:pt x="2316" y="77"/>
                </a:cubicBezTo>
                <a:cubicBezTo>
                  <a:pt x="2317" y="79"/>
                  <a:pt x="2318" y="81"/>
                  <a:pt x="2318" y="84"/>
                </a:cubicBezTo>
                <a:cubicBezTo>
                  <a:pt x="2318" y="85"/>
                  <a:pt x="2318" y="86"/>
                  <a:pt x="2318" y="87"/>
                </a:cubicBezTo>
                <a:cubicBezTo>
                  <a:pt x="2318" y="88"/>
                  <a:pt x="2319" y="88"/>
                  <a:pt x="2320" y="89"/>
                </a:cubicBezTo>
                <a:cubicBezTo>
                  <a:pt x="2320" y="90"/>
                  <a:pt x="2320" y="91"/>
                  <a:pt x="2321" y="91"/>
                </a:cubicBezTo>
                <a:cubicBezTo>
                  <a:pt x="2323" y="91"/>
                  <a:pt x="2323" y="90"/>
                  <a:pt x="2324" y="89"/>
                </a:cubicBezTo>
                <a:cubicBezTo>
                  <a:pt x="2325" y="86"/>
                  <a:pt x="2327" y="88"/>
                  <a:pt x="2327" y="90"/>
                </a:cubicBezTo>
                <a:cubicBezTo>
                  <a:pt x="2327" y="92"/>
                  <a:pt x="2329" y="95"/>
                  <a:pt x="2328" y="97"/>
                </a:cubicBezTo>
                <a:cubicBezTo>
                  <a:pt x="2327" y="98"/>
                  <a:pt x="2326" y="99"/>
                  <a:pt x="2326" y="100"/>
                </a:cubicBezTo>
                <a:cubicBezTo>
                  <a:pt x="2325" y="100"/>
                  <a:pt x="2324" y="101"/>
                  <a:pt x="2323" y="102"/>
                </a:cubicBezTo>
                <a:cubicBezTo>
                  <a:pt x="2322" y="103"/>
                  <a:pt x="2321" y="104"/>
                  <a:pt x="2320" y="104"/>
                </a:cubicBezTo>
                <a:cubicBezTo>
                  <a:pt x="2319" y="105"/>
                  <a:pt x="2318" y="105"/>
                  <a:pt x="2317" y="105"/>
                </a:cubicBezTo>
                <a:cubicBezTo>
                  <a:pt x="2313" y="106"/>
                  <a:pt x="2310" y="107"/>
                  <a:pt x="2306" y="109"/>
                </a:cubicBezTo>
                <a:cubicBezTo>
                  <a:pt x="2304" y="110"/>
                  <a:pt x="2301" y="110"/>
                  <a:pt x="2299" y="112"/>
                </a:cubicBezTo>
                <a:cubicBezTo>
                  <a:pt x="2298" y="113"/>
                  <a:pt x="2297" y="116"/>
                  <a:pt x="2298" y="118"/>
                </a:cubicBezTo>
                <a:cubicBezTo>
                  <a:pt x="2298" y="120"/>
                  <a:pt x="2300" y="122"/>
                  <a:pt x="2299" y="124"/>
                </a:cubicBezTo>
                <a:cubicBezTo>
                  <a:pt x="2297" y="126"/>
                  <a:pt x="2296" y="128"/>
                  <a:pt x="2294" y="128"/>
                </a:cubicBezTo>
                <a:cubicBezTo>
                  <a:pt x="2291" y="129"/>
                  <a:pt x="2288" y="129"/>
                  <a:pt x="2285" y="129"/>
                </a:cubicBezTo>
                <a:cubicBezTo>
                  <a:pt x="2283" y="128"/>
                  <a:pt x="2281" y="127"/>
                  <a:pt x="2279" y="126"/>
                </a:cubicBezTo>
                <a:cubicBezTo>
                  <a:pt x="2277" y="125"/>
                  <a:pt x="2275" y="125"/>
                  <a:pt x="2274" y="124"/>
                </a:cubicBezTo>
                <a:cubicBezTo>
                  <a:pt x="2273" y="122"/>
                  <a:pt x="2275" y="120"/>
                  <a:pt x="2275" y="118"/>
                </a:cubicBezTo>
                <a:cubicBezTo>
                  <a:pt x="2274" y="116"/>
                  <a:pt x="2272" y="116"/>
                  <a:pt x="2274" y="113"/>
                </a:cubicBezTo>
                <a:cubicBezTo>
                  <a:pt x="2275" y="113"/>
                  <a:pt x="2275" y="113"/>
                  <a:pt x="2276" y="113"/>
                </a:cubicBezTo>
                <a:cubicBezTo>
                  <a:pt x="2276" y="112"/>
                  <a:pt x="2276" y="111"/>
                  <a:pt x="2277" y="111"/>
                </a:cubicBezTo>
                <a:cubicBezTo>
                  <a:pt x="2277" y="110"/>
                  <a:pt x="2279" y="110"/>
                  <a:pt x="2280" y="111"/>
                </a:cubicBezTo>
                <a:cubicBezTo>
                  <a:pt x="2281" y="111"/>
                  <a:pt x="2282" y="111"/>
                  <a:pt x="2283" y="110"/>
                </a:cubicBezTo>
                <a:cubicBezTo>
                  <a:pt x="2284" y="109"/>
                  <a:pt x="2283" y="108"/>
                  <a:pt x="2283" y="107"/>
                </a:cubicBezTo>
                <a:cubicBezTo>
                  <a:pt x="2283" y="105"/>
                  <a:pt x="2280" y="104"/>
                  <a:pt x="2278" y="103"/>
                </a:cubicBezTo>
                <a:cubicBezTo>
                  <a:pt x="2277" y="102"/>
                  <a:pt x="2276" y="101"/>
                  <a:pt x="2274" y="101"/>
                </a:cubicBezTo>
                <a:cubicBezTo>
                  <a:pt x="2273" y="100"/>
                  <a:pt x="2271" y="101"/>
                  <a:pt x="2271" y="100"/>
                </a:cubicBezTo>
                <a:cubicBezTo>
                  <a:pt x="2270" y="98"/>
                  <a:pt x="2272" y="97"/>
                  <a:pt x="2273" y="98"/>
                </a:cubicBezTo>
                <a:cubicBezTo>
                  <a:pt x="2274" y="98"/>
                  <a:pt x="2277" y="98"/>
                  <a:pt x="2276" y="96"/>
                </a:cubicBezTo>
                <a:cubicBezTo>
                  <a:pt x="2276" y="95"/>
                  <a:pt x="2273" y="95"/>
                  <a:pt x="2272" y="95"/>
                </a:cubicBezTo>
                <a:cubicBezTo>
                  <a:pt x="2269" y="96"/>
                  <a:pt x="2266" y="96"/>
                  <a:pt x="2263" y="97"/>
                </a:cubicBezTo>
                <a:cubicBezTo>
                  <a:pt x="2262" y="97"/>
                  <a:pt x="2262" y="98"/>
                  <a:pt x="2261" y="98"/>
                </a:cubicBezTo>
                <a:cubicBezTo>
                  <a:pt x="2258" y="100"/>
                  <a:pt x="2255" y="101"/>
                  <a:pt x="2253" y="104"/>
                </a:cubicBezTo>
                <a:cubicBezTo>
                  <a:pt x="2252" y="105"/>
                  <a:pt x="2249" y="107"/>
                  <a:pt x="2248" y="105"/>
                </a:cubicBezTo>
                <a:cubicBezTo>
                  <a:pt x="2248" y="104"/>
                  <a:pt x="2250" y="100"/>
                  <a:pt x="2248" y="100"/>
                </a:cubicBezTo>
                <a:cubicBezTo>
                  <a:pt x="2247" y="101"/>
                  <a:pt x="2246" y="102"/>
                  <a:pt x="2245" y="102"/>
                </a:cubicBezTo>
                <a:cubicBezTo>
                  <a:pt x="2244" y="102"/>
                  <a:pt x="2243" y="103"/>
                  <a:pt x="2242" y="103"/>
                </a:cubicBezTo>
                <a:cubicBezTo>
                  <a:pt x="2239" y="104"/>
                  <a:pt x="2237" y="106"/>
                  <a:pt x="2235" y="107"/>
                </a:cubicBezTo>
                <a:cubicBezTo>
                  <a:pt x="2233" y="108"/>
                  <a:pt x="2232" y="108"/>
                  <a:pt x="2230" y="109"/>
                </a:cubicBezTo>
                <a:cubicBezTo>
                  <a:pt x="2227" y="110"/>
                  <a:pt x="2226" y="112"/>
                  <a:pt x="2224" y="114"/>
                </a:cubicBezTo>
                <a:cubicBezTo>
                  <a:pt x="2222" y="116"/>
                  <a:pt x="2221" y="117"/>
                  <a:pt x="2219" y="117"/>
                </a:cubicBezTo>
                <a:cubicBezTo>
                  <a:pt x="2214" y="118"/>
                  <a:pt x="2210" y="115"/>
                  <a:pt x="2206" y="114"/>
                </a:cubicBezTo>
                <a:cubicBezTo>
                  <a:pt x="2203" y="114"/>
                  <a:pt x="2201" y="115"/>
                  <a:pt x="2199" y="115"/>
                </a:cubicBezTo>
                <a:cubicBezTo>
                  <a:pt x="2196" y="115"/>
                  <a:pt x="2194" y="115"/>
                  <a:pt x="2192" y="115"/>
                </a:cubicBezTo>
                <a:cubicBezTo>
                  <a:pt x="2189" y="115"/>
                  <a:pt x="2188" y="114"/>
                  <a:pt x="2186" y="113"/>
                </a:cubicBezTo>
                <a:cubicBezTo>
                  <a:pt x="2184" y="113"/>
                  <a:pt x="2181" y="113"/>
                  <a:pt x="2179" y="114"/>
                </a:cubicBezTo>
                <a:cubicBezTo>
                  <a:pt x="2175" y="114"/>
                  <a:pt x="2172" y="116"/>
                  <a:pt x="2169" y="119"/>
                </a:cubicBezTo>
                <a:cubicBezTo>
                  <a:pt x="2167" y="121"/>
                  <a:pt x="2166" y="122"/>
                  <a:pt x="2164" y="123"/>
                </a:cubicBezTo>
                <a:cubicBezTo>
                  <a:pt x="2162" y="123"/>
                  <a:pt x="2161" y="125"/>
                  <a:pt x="2159" y="126"/>
                </a:cubicBezTo>
                <a:cubicBezTo>
                  <a:pt x="2157" y="127"/>
                  <a:pt x="2155" y="128"/>
                  <a:pt x="2153" y="129"/>
                </a:cubicBezTo>
                <a:cubicBezTo>
                  <a:pt x="2152" y="130"/>
                  <a:pt x="2151" y="131"/>
                  <a:pt x="2150" y="132"/>
                </a:cubicBezTo>
                <a:cubicBezTo>
                  <a:pt x="2149" y="134"/>
                  <a:pt x="2147" y="139"/>
                  <a:pt x="2144" y="136"/>
                </a:cubicBezTo>
                <a:cubicBezTo>
                  <a:pt x="2144" y="135"/>
                  <a:pt x="2143" y="134"/>
                  <a:pt x="2142" y="134"/>
                </a:cubicBezTo>
                <a:cubicBezTo>
                  <a:pt x="2141" y="133"/>
                  <a:pt x="2139" y="131"/>
                  <a:pt x="2137" y="131"/>
                </a:cubicBezTo>
                <a:cubicBezTo>
                  <a:pt x="2135" y="131"/>
                  <a:pt x="2134" y="133"/>
                  <a:pt x="2132" y="134"/>
                </a:cubicBezTo>
                <a:cubicBezTo>
                  <a:pt x="2131" y="135"/>
                  <a:pt x="2130" y="136"/>
                  <a:pt x="2129" y="135"/>
                </a:cubicBezTo>
                <a:cubicBezTo>
                  <a:pt x="2128" y="134"/>
                  <a:pt x="2129" y="132"/>
                  <a:pt x="2129" y="132"/>
                </a:cubicBezTo>
                <a:cubicBezTo>
                  <a:pt x="2128" y="131"/>
                  <a:pt x="2125" y="132"/>
                  <a:pt x="2124" y="133"/>
                </a:cubicBezTo>
                <a:cubicBezTo>
                  <a:pt x="2124" y="133"/>
                  <a:pt x="2123" y="134"/>
                  <a:pt x="2123" y="135"/>
                </a:cubicBezTo>
                <a:cubicBezTo>
                  <a:pt x="2121" y="136"/>
                  <a:pt x="2118" y="135"/>
                  <a:pt x="2116" y="134"/>
                </a:cubicBezTo>
                <a:cubicBezTo>
                  <a:pt x="2115" y="133"/>
                  <a:pt x="2113" y="133"/>
                  <a:pt x="2111" y="132"/>
                </a:cubicBezTo>
                <a:cubicBezTo>
                  <a:pt x="2110" y="131"/>
                  <a:pt x="2109" y="131"/>
                  <a:pt x="2108" y="131"/>
                </a:cubicBezTo>
                <a:cubicBezTo>
                  <a:pt x="2108" y="130"/>
                  <a:pt x="2106" y="130"/>
                  <a:pt x="2105" y="130"/>
                </a:cubicBezTo>
                <a:cubicBezTo>
                  <a:pt x="2105" y="128"/>
                  <a:pt x="2110" y="129"/>
                  <a:pt x="2111" y="129"/>
                </a:cubicBezTo>
                <a:cubicBezTo>
                  <a:pt x="2112" y="128"/>
                  <a:pt x="2112" y="128"/>
                  <a:pt x="2113" y="127"/>
                </a:cubicBezTo>
                <a:cubicBezTo>
                  <a:pt x="2114" y="126"/>
                  <a:pt x="2115" y="126"/>
                  <a:pt x="2116" y="126"/>
                </a:cubicBezTo>
                <a:cubicBezTo>
                  <a:pt x="2118" y="126"/>
                  <a:pt x="2121" y="126"/>
                  <a:pt x="2121" y="124"/>
                </a:cubicBezTo>
                <a:cubicBezTo>
                  <a:pt x="2121" y="122"/>
                  <a:pt x="2119" y="119"/>
                  <a:pt x="2118" y="118"/>
                </a:cubicBezTo>
                <a:cubicBezTo>
                  <a:pt x="2117" y="117"/>
                  <a:pt x="2114" y="115"/>
                  <a:pt x="2115" y="113"/>
                </a:cubicBezTo>
                <a:cubicBezTo>
                  <a:pt x="2116" y="111"/>
                  <a:pt x="2118" y="111"/>
                  <a:pt x="2118" y="109"/>
                </a:cubicBezTo>
                <a:cubicBezTo>
                  <a:pt x="2119" y="107"/>
                  <a:pt x="2119" y="106"/>
                  <a:pt x="2120" y="105"/>
                </a:cubicBezTo>
                <a:cubicBezTo>
                  <a:pt x="2121" y="104"/>
                  <a:pt x="2123" y="105"/>
                  <a:pt x="2123" y="103"/>
                </a:cubicBezTo>
                <a:cubicBezTo>
                  <a:pt x="2123" y="101"/>
                  <a:pt x="2119" y="101"/>
                  <a:pt x="2117" y="101"/>
                </a:cubicBezTo>
                <a:cubicBezTo>
                  <a:pt x="2117" y="101"/>
                  <a:pt x="2115" y="101"/>
                  <a:pt x="2114" y="101"/>
                </a:cubicBezTo>
                <a:cubicBezTo>
                  <a:pt x="2113" y="100"/>
                  <a:pt x="2115" y="99"/>
                  <a:pt x="2115" y="98"/>
                </a:cubicBezTo>
                <a:cubicBezTo>
                  <a:pt x="2114" y="98"/>
                  <a:pt x="2113" y="98"/>
                  <a:pt x="2112" y="99"/>
                </a:cubicBezTo>
                <a:cubicBezTo>
                  <a:pt x="2111" y="99"/>
                  <a:pt x="2109" y="100"/>
                  <a:pt x="2108" y="100"/>
                </a:cubicBezTo>
                <a:cubicBezTo>
                  <a:pt x="2106" y="100"/>
                  <a:pt x="2103" y="100"/>
                  <a:pt x="2101" y="101"/>
                </a:cubicBezTo>
                <a:cubicBezTo>
                  <a:pt x="2098" y="102"/>
                  <a:pt x="2096" y="104"/>
                  <a:pt x="2094" y="105"/>
                </a:cubicBezTo>
                <a:cubicBezTo>
                  <a:pt x="2091" y="106"/>
                  <a:pt x="2088" y="106"/>
                  <a:pt x="2085" y="107"/>
                </a:cubicBezTo>
                <a:cubicBezTo>
                  <a:pt x="2083" y="108"/>
                  <a:pt x="2081" y="110"/>
                  <a:pt x="2078" y="112"/>
                </a:cubicBezTo>
                <a:cubicBezTo>
                  <a:pt x="2076" y="113"/>
                  <a:pt x="2072" y="113"/>
                  <a:pt x="2072" y="116"/>
                </a:cubicBezTo>
                <a:cubicBezTo>
                  <a:pt x="2073" y="116"/>
                  <a:pt x="2074" y="116"/>
                  <a:pt x="2075" y="117"/>
                </a:cubicBezTo>
                <a:cubicBezTo>
                  <a:pt x="2076" y="118"/>
                  <a:pt x="2076" y="118"/>
                  <a:pt x="2077" y="118"/>
                </a:cubicBezTo>
                <a:cubicBezTo>
                  <a:pt x="2080" y="119"/>
                  <a:pt x="2081" y="119"/>
                  <a:pt x="2082" y="121"/>
                </a:cubicBezTo>
                <a:cubicBezTo>
                  <a:pt x="2082" y="122"/>
                  <a:pt x="2084" y="123"/>
                  <a:pt x="2084" y="124"/>
                </a:cubicBezTo>
                <a:cubicBezTo>
                  <a:pt x="2084" y="125"/>
                  <a:pt x="2082" y="125"/>
                  <a:pt x="2081" y="125"/>
                </a:cubicBezTo>
                <a:cubicBezTo>
                  <a:pt x="2079" y="126"/>
                  <a:pt x="2077" y="128"/>
                  <a:pt x="2075" y="130"/>
                </a:cubicBezTo>
                <a:cubicBezTo>
                  <a:pt x="2072" y="131"/>
                  <a:pt x="2071" y="129"/>
                  <a:pt x="2072" y="127"/>
                </a:cubicBezTo>
                <a:cubicBezTo>
                  <a:pt x="2072" y="125"/>
                  <a:pt x="2072" y="125"/>
                  <a:pt x="2072" y="123"/>
                </a:cubicBezTo>
                <a:cubicBezTo>
                  <a:pt x="2073" y="123"/>
                  <a:pt x="2074" y="122"/>
                  <a:pt x="2074" y="121"/>
                </a:cubicBezTo>
                <a:cubicBezTo>
                  <a:pt x="2073" y="119"/>
                  <a:pt x="2069" y="122"/>
                  <a:pt x="2068" y="119"/>
                </a:cubicBezTo>
                <a:cubicBezTo>
                  <a:pt x="2068" y="118"/>
                  <a:pt x="2069" y="118"/>
                  <a:pt x="2070" y="117"/>
                </a:cubicBezTo>
                <a:cubicBezTo>
                  <a:pt x="2071" y="116"/>
                  <a:pt x="2069" y="116"/>
                  <a:pt x="2068" y="117"/>
                </a:cubicBezTo>
                <a:cubicBezTo>
                  <a:pt x="2067" y="117"/>
                  <a:pt x="2067" y="118"/>
                  <a:pt x="2066" y="118"/>
                </a:cubicBezTo>
                <a:cubicBezTo>
                  <a:pt x="2064" y="118"/>
                  <a:pt x="2063" y="118"/>
                  <a:pt x="2062" y="118"/>
                </a:cubicBezTo>
                <a:cubicBezTo>
                  <a:pt x="2060" y="118"/>
                  <a:pt x="2058" y="119"/>
                  <a:pt x="2056" y="119"/>
                </a:cubicBezTo>
                <a:cubicBezTo>
                  <a:pt x="2054" y="120"/>
                  <a:pt x="2052" y="120"/>
                  <a:pt x="2051" y="121"/>
                </a:cubicBezTo>
                <a:cubicBezTo>
                  <a:pt x="2050" y="122"/>
                  <a:pt x="2050" y="124"/>
                  <a:pt x="2049" y="125"/>
                </a:cubicBezTo>
                <a:cubicBezTo>
                  <a:pt x="2048" y="126"/>
                  <a:pt x="2047" y="126"/>
                  <a:pt x="2046" y="126"/>
                </a:cubicBezTo>
                <a:cubicBezTo>
                  <a:pt x="2043" y="126"/>
                  <a:pt x="2041" y="127"/>
                  <a:pt x="2038" y="128"/>
                </a:cubicBezTo>
                <a:cubicBezTo>
                  <a:pt x="2036" y="128"/>
                  <a:pt x="2033" y="128"/>
                  <a:pt x="2031" y="129"/>
                </a:cubicBezTo>
                <a:cubicBezTo>
                  <a:pt x="2028" y="129"/>
                  <a:pt x="2027" y="129"/>
                  <a:pt x="2024" y="130"/>
                </a:cubicBezTo>
                <a:cubicBezTo>
                  <a:pt x="2023" y="131"/>
                  <a:pt x="2021" y="131"/>
                  <a:pt x="2020" y="132"/>
                </a:cubicBezTo>
                <a:cubicBezTo>
                  <a:pt x="2018" y="133"/>
                  <a:pt x="2017" y="135"/>
                  <a:pt x="2015" y="136"/>
                </a:cubicBezTo>
                <a:cubicBezTo>
                  <a:pt x="2014" y="137"/>
                  <a:pt x="2013" y="137"/>
                  <a:pt x="2011" y="138"/>
                </a:cubicBezTo>
                <a:cubicBezTo>
                  <a:pt x="2009" y="139"/>
                  <a:pt x="2008" y="140"/>
                  <a:pt x="2006" y="142"/>
                </a:cubicBezTo>
                <a:cubicBezTo>
                  <a:pt x="2002" y="145"/>
                  <a:pt x="1997" y="146"/>
                  <a:pt x="1992" y="147"/>
                </a:cubicBezTo>
                <a:cubicBezTo>
                  <a:pt x="1988" y="148"/>
                  <a:pt x="1985" y="152"/>
                  <a:pt x="1980" y="153"/>
                </a:cubicBezTo>
                <a:cubicBezTo>
                  <a:pt x="1978" y="153"/>
                  <a:pt x="1976" y="154"/>
                  <a:pt x="1974" y="154"/>
                </a:cubicBezTo>
                <a:cubicBezTo>
                  <a:pt x="1972" y="154"/>
                  <a:pt x="1969" y="153"/>
                  <a:pt x="1969" y="155"/>
                </a:cubicBezTo>
                <a:cubicBezTo>
                  <a:pt x="1968" y="156"/>
                  <a:pt x="1969" y="157"/>
                  <a:pt x="1969" y="158"/>
                </a:cubicBezTo>
                <a:cubicBezTo>
                  <a:pt x="1969" y="159"/>
                  <a:pt x="1969" y="160"/>
                  <a:pt x="1970" y="161"/>
                </a:cubicBezTo>
                <a:cubicBezTo>
                  <a:pt x="1971" y="162"/>
                  <a:pt x="1974" y="161"/>
                  <a:pt x="1975" y="163"/>
                </a:cubicBezTo>
                <a:cubicBezTo>
                  <a:pt x="1975" y="166"/>
                  <a:pt x="1971" y="166"/>
                  <a:pt x="1970" y="165"/>
                </a:cubicBezTo>
                <a:cubicBezTo>
                  <a:pt x="1969" y="165"/>
                  <a:pt x="1968" y="164"/>
                  <a:pt x="1967" y="164"/>
                </a:cubicBezTo>
                <a:cubicBezTo>
                  <a:pt x="1966" y="163"/>
                  <a:pt x="1965" y="164"/>
                  <a:pt x="1964" y="164"/>
                </a:cubicBezTo>
                <a:cubicBezTo>
                  <a:pt x="1961" y="164"/>
                  <a:pt x="1960" y="164"/>
                  <a:pt x="1958" y="163"/>
                </a:cubicBezTo>
                <a:cubicBezTo>
                  <a:pt x="1956" y="162"/>
                  <a:pt x="1954" y="163"/>
                  <a:pt x="1952" y="163"/>
                </a:cubicBezTo>
                <a:cubicBezTo>
                  <a:pt x="1950" y="164"/>
                  <a:pt x="1949" y="166"/>
                  <a:pt x="1947" y="166"/>
                </a:cubicBezTo>
                <a:cubicBezTo>
                  <a:pt x="1945" y="167"/>
                  <a:pt x="1944" y="167"/>
                  <a:pt x="1942" y="167"/>
                </a:cubicBezTo>
                <a:cubicBezTo>
                  <a:pt x="1941" y="167"/>
                  <a:pt x="1940" y="166"/>
                  <a:pt x="1939" y="167"/>
                </a:cubicBezTo>
                <a:cubicBezTo>
                  <a:pt x="1938" y="168"/>
                  <a:pt x="1940" y="168"/>
                  <a:pt x="1940" y="169"/>
                </a:cubicBezTo>
                <a:cubicBezTo>
                  <a:pt x="1941" y="170"/>
                  <a:pt x="1941" y="171"/>
                  <a:pt x="1941" y="172"/>
                </a:cubicBezTo>
                <a:cubicBezTo>
                  <a:pt x="1942" y="173"/>
                  <a:pt x="1942" y="173"/>
                  <a:pt x="1942" y="175"/>
                </a:cubicBezTo>
                <a:cubicBezTo>
                  <a:pt x="1942" y="176"/>
                  <a:pt x="1942" y="177"/>
                  <a:pt x="1941" y="178"/>
                </a:cubicBezTo>
                <a:cubicBezTo>
                  <a:pt x="1940" y="179"/>
                  <a:pt x="1939" y="179"/>
                  <a:pt x="1939" y="180"/>
                </a:cubicBezTo>
                <a:cubicBezTo>
                  <a:pt x="1937" y="181"/>
                  <a:pt x="1938" y="184"/>
                  <a:pt x="1937" y="186"/>
                </a:cubicBezTo>
                <a:cubicBezTo>
                  <a:pt x="1936" y="187"/>
                  <a:pt x="1936" y="188"/>
                  <a:pt x="1936" y="190"/>
                </a:cubicBezTo>
                <a:cubicBezTo>
                  <a:pt x="1937" y="192"/>
                  <a:pt x="1937" y="194"/>
                  <a:pt x="1937" y="195"/>
                </a:cubicBezTo>
                <a:cubicBezTo>
                  <a:pt x="1936" y="197"/>
                  <a:pt x="1935" y="198"/>
                  <a:pt x="1934" y="199"/>
                </a:cubicBezTo>
                <a:cubicBezTo>
                  <a:pt x="1933" y="199"/>
                  <a:pt x="1932" y="200"/>
                  <a:pt x="1932" y="201"/>
                </a:cubicBezTo>
                <a:cubicBezTo>
                  <a:pt x="1931" y="201"/>
                  <a:pt x="1932" y="202"/>
                  <a:pt x="1931" y="203"/>
                </a:cubicBezTo>
                <a:cubicBezTo>
                  <a:pt x="1930" y="204"/>
                  <a:pt x="1928" y="204"/>
                  <a:pt x="1927" y="204"/>
                </a:cubicBezTo>
                <a:cubicBezTo>
                  <a:pt x="1924" y="204"/>
                  <a:pt x="1921" y="204"/>
                  <a:pt x="1918" y="204"/>
                </a:cubicBezTo>
                <a:cubicBezTo>
                  <a:pt x="1916" y="204"/>
                  <a:pt x="1913" y="204"/>
                  <a:pt x="1911" y="204"/>
                </a:cubicBezTo>
                <a:cubicBezTo>
                  <a:pt x="1909" y="205"/>
                  <a:pt x="1906" y="206"/>
                  <a:pt x="1904" y="206"/>
                </a:cubicBezTo>
                <a:cubicBezTo>
                  <a:pt x="1903" y="206"/>
                  <a:pt x="1903" y="205"/>
                  <a:pt x="1902" y="205"/>
                </a:cubicBezTo>
                <a:cubicBezTo>
                  <a:pt x="1901" y="204"/>
                  <a:pt x="1900" y="204"/>
                  <a:pt x="1899" y="204"/>
                </a:cubicBezTo>
                <a:cubicBezTo>
                  <a:pt x="1897" y="204"/>
                  <a:pt x="1895" y="205"/>
                  <a:pt x="1892" y="205"/>
                </a:cubicBezTo>
                <a:cubicBezTo>
                  <a:pt x="1891" y="206"/>
                  <a:pt x="1889" y="207"/>
                  <a:pt x="1887" y="206"/>
                </a:cubicBezTo>
                <a:cubicBezTo>
                  <a:pt x="1885" y="206"/>
                  <a:pt x="1882" y="204"/>
                  <a:pt x="1880" y="203"/>
                </a:cubicBezTo>
                <a:cubicBezTo>
                  <a:pt x="1877" y="199"/>
                  <a:pt x="1875" y="195"/>
                  <a:pt x="1872" y="191"/>
                </a:cubicBezTo>
                <a:cubicBezTo>
                  <a:pt x="1869" y="188"/>
                  <a:pt x="1864" y="185"/>
                  <a:pt x="1860" y="183"/>
                </a:cubicBezTo>
                <a:cubicBezTo>
                  <a:pt x="1857" y="182"/>
                  <a:pt x="1851" y="178"/>
                  <a:pt x="1855" y="174"/>
                </a:cubicBezTo>
                <a:cubicBezTo>
                  <a:pt x="1856" y="172"/>
                  <a:pt x="1857" y="170"/>
                  <a:pt x="1859" y="169"/>
                </a:cubicBezTo>
                <a:cubicBezTo>
                  <a:pt x="1861" y="168"/>
                  <a:pt x="1863" y="168"/>
                  <a:pt x="1865" y="167"/>
                </a:cubicBezTo>
                <a:cubicBezTo>
                  <a:pt x="1867" y="167"/>
                  <a:pt x="1867" y="164"/>
                  <a:pt x="1867" y="162"/>
                </a:cubicBezTo>
                <a:cubicBezTo>
                  <a:pt x="1867" y="160"/>
                  <a:pt x="1869" y="159"/>
                  <a:pt x="1871" y="159"/>
                </a:cubicBezTo>
                <a:cubicBezTo>
                  <a:pt x="1874" y="159"/>
                  <a:pt x="1876" y="159"/>
                  <a:pt x="1878" y="159"/>
                </a:cubicBezTo>
                <a:cubicBezTo>
                  <a:pt x="1880" y="159"/>
                  <a:pt x="1882" y="158"/>
                  <a:pt x="1885" y="158"/>
                </a:cubicBezTo>
                <a:cubicBezTo>
                  <a:pt x="1887" y="158"/>
                  <a:pt x="1889" y="158"/>
                  <a:pt x="1891" y="157"/>
                </a:cubicBezTo>
                <a:cubicBezTo>
                  <a:pt x="1893" y="157"/>
                  <a:pt x="1895" y="156"/>
                  <a:pt x="1897" y="156"/>
                </a:cubicBezTo>
                <a:cubicBezTo>
                  <a:pt x="1900" y="156"/>
                  <a:pt x="1908" y="159"/>
                  <a:pt x="1908" y="154"/>
                </a:cubicBezTo>
                <a:cubicBezTo>
                  <a:pt x="1908" y="151"/>
                  <a:pt x="1905" y="149"/>
                  <a:pt x="1903" y="146"/>
                </a:cubicBezTo>
                <a:cubicBezTo>
                  <a:pt x="1902" y="145"/>
                  <a:pt x="1901" y="144"/>
                  <a:pt x="1901" y="142"/>
                </a:cubicBezTo>
                <a:cubicBezTo>
                  <a:pt x="1900" y="140"/>
                  <a:pt x="1899" y="137"/>
                  <a:pt x="1897" y="136"/>
                </a:cubicBezTo>
                <a:cubicBezTo>
                  <a:pt x="1897" y="136"/>
                  <a:pt x="1896" y="135"/>
                  <a:pt x="1895" y="135"/>
                </a:cubicBezTo>
                <a:cubicBezTo>
                  <a:pt x="1892" y="133"/>
                  <a:pt x="1889" y="132"/>
                  <a:pt x="1887" y="129"/>
                </a:cubicBezTo>
                <a:cubicBezTo>
                  <a:pt x="1886" y="128"/>
                  <a:pt x="1886" y="127"/>
                  <a:pt x="1885" y="127"/>
                </a:cubicBezTo>
                <a:cubicBezTo>
                  <a:pt x="1885" y="126"/>
                  <a:pt x="1883" y="126"/>
                  <a:pt x="1884" y="125"/>
                </a:cubicBezTo>
                <a:cubicBezTo>
                  <a:pt x="1884" y="124"/>
                  <a:pt x="1888" y="123"/>
                  <a:pt x="1885" y="123"/>
                </a:cubicBezTo>
                <a:cubicBezTo>
                  <a:pt x="1883" y="122"/>
                  <a:pt x="1882" y="123"/>
                  <a:pt x="1881" y="123"/>
                </a:cubicBezTo>
                <a:cubicBezTo>
                  <a:pt x="1880" y="123"/>
                  <a:pt x="1879" y="122"/>
                  <a:pt x="1878" y="122"/>
                </a:cubicBezTo>
                <a:cubicBezTo>
                  <a:pt x="1876" y="122"/>
                  <a:pt x="1873" y="122"/>
                  <a:pt x="1871" y="121"/>
                </a:cubicBezTo>
                <a:cubicBezTo>
                  <a:pt x="1870" y="121"/>
                  <a:pt x="1870" y="120"/>
                  <a:pt x="1869" y="120"/>
                </a:cubicBezTo>
                <a:cubicBezTo>
                  <a:pt x="1866" y="120"/>
                  <a:pt x="1863" y="120"/>
                  <a:pt x="1861" y="120"/>
                </a:cubicBezTo>
                <a:cubicBezTo>
                  <a:pt x="1855" y="119"/>
                  <a:pt x="1850" y="118"/>
                  <a:pt x="1844" y="118"/>
                </a:cubicBezTo>
                <a:cubicBezTo>
                  <a:pt x="1842" y="117"/>
                  <a:pt x="1840" y="117"/>
                  <a:pt x="1838" y="117"/>
                </a:cubicBezTo>
                <a:cubicBezTo>
                  <a:pt x="1836" y="117"/>
                  <a:pt x="1833" y="116"/>
                  <a:pt x="1831" y="115"/>
                </a:cubicBezTo>
                <a:cubicBezTo>
                  <a:pt x="1827" y="115"/>
                  <a:pt x="1822" y="114"/>
                  <a:pt x="1818" y="114"/>
                </a:cubicBezTo>
                <a:cubicBezTo>
                  <a:pt x="1814" y="113"/>
                  <a:pt x="1809" y="114"/>
                  <a:pt x="1806" y="112"/>
                </a:cubicBezTo>
                <a:cubicBezTo>
                  <a:pt x="1805" y="112"/>
                  <a:pt x="1804" y="110"/>
                  <a:pt x="1803" y="112"/>
                </a:cubicBezTo>
                <a:cubicBezTo>
                  <a:pt x="1803" y="113"/>
                  <a:pt x="1804" y="113"/>
                  <a:pt x="1805" y="113"/>
                </a:cubicBezTo>
                <a:cubicBezTo>
                  <a:pt x="1807" y="114"/>
                  <a:pt x="1807" y="115"/>
                  <a:pt x="1809" y="117"/>
                </a:cubicBezTo>
                <a:cubicBezTo>
                  <a:pt x="1811" y="119"/>
                  <a:pt x="1815" y="122"/>
                  <a:pt x="1818" y="123"/>
                </a:cubicBezTo>
                <a:cubicBezTo>
                  <a:pt x="1820" y="124"/>
                  <a:pt x="1823" y="124"/>
                  <a:pt x="1825" y="125"/>
                </a:cubicBezTo>
                <a:cubicBezTo>
                  <a:pt x="1827" y="126"/>
                  <a:pt x="1828" y="128"/>
                  <a:pt x="1829" y="130"/>
                </a:cubicBezTo>
                <a:cubicBezTo>
                  <a:pt x="1831" y="131"/>
                  <a:pt x="1833" y="133"/>
                  <a:pt x="1834" y="135"/>
                </a:cubicBezTo>
                <a:cubicBezTo>
                  <a:pt x="1835" y="136"/>
                  <a:pt x="1835" y="137"/>
                  <a:pt x="1835" y="138"/>
                </a:cubicBezTo>
                <a:cubicBezTo>
                  <a:pt x="1835" y="139"/>
                  <a:pt x="1836" y="140"/>
                  <a:pt x="1836" y="141"/>
                </a:cubicBezTo>
                <a:cubicBezTo>
                  <a:pt x="1837" y="144"/>
                  <a:pt x="1836" y="145"/>
                  <a:pt x="1833" y="145"/>
                </a:cubicBezTo>
                <a:cubicBezTo>
                  <a:pt x="1832" y="145"/>
                  <a:pt x="1829" y="146"/>
                  <a:pt x="1830" y="149"/>
                </a:cubicBezTo>
                <a:cubicBezTo>
                  <a:pt x="1831" y="149"/>
                  <a:pt x="1832" y="149"/>
                  <a:pt x="1832" y="151"/>
                </a:cubicBezTo>
                <a:cubicBezTo>
                  <a:pt x="1832" y="152"/>
                  <a:pt x="1831" y="152"/>
                  <a:pt x="1830" y="153"/>
                </a:cubicBezTo>
                <a:cubicBezTo>
                  <a:pt x="1828" y="154"/>
                  <a:pt x="1827" y="156"/>
                  <a:pt x="1827" y="158"/>
                </a:cubicBezTo>
                <a:cubicBezTo>
                  <a:pt x="1827" y="159"/>
                  <a:pt x="1828" y="160"/>
                  <a:pt x="1827" y="161"/>
                </a:cubicBezTo>
                <a:cubicBezTo>
                  <a:pt x="1827" y="163"/>
                  <a:pt x="1826" y="165"/>
                  <a:pt x="1824" y="167"/>
                </a:cubicBezTo>
                <a:cubicBezTo>
                  <a:pt x="1823" y="169"/>
                  <a:pt x="1822" y="171"/>
                  <a:pt x="1821" y="173"/>
                </a:cubicBezTo>
                <a:cubicBezTo>
                  <a:pt x="1820" y="175"/>
                  <a:pt x="1819" y="177"/>
                  <a:pt x="1819" y="179"/>
                </a:cubicBezTo>
                <a:cubicBezTo>
                  <a:pt x="1818" y="185"/>
                  <a:pt x="1822" y="186"/>
                  <a:pt x="1826" y="187"/>
                </a:cubicBezTo>
                <a:cubicBezTo>
                  <a:pt x="1828" y="188"/>
                  <a:pt x="1830" y="189"/>
                  <a:pt x="1831" y="191"/>
                </a:cubicBezTo>
                <a:cubicBezTo>
                  <a:pt x="1833" y="193"/>
                  <a:pt x="1834" y="192"/>
                  <a:pt x="1836" y="193"/>
                </a:cubicBezTo>
                <a:cubicBezTo>
                  <a:pt x="1838" y="194"/>
                  <a:pt x="1840" y="197"/>
                  <a:pt x="1840" y="199"/>
                </a:cubicBezTo>
                <a:cubicBezTo>
                  <a:pt x="1841" y="201"/>
                  <a:pt x="1840" y="202"/>
                  <a:pt x="1840" y="203"/>
                </a:cubicBezTo>
                <a:cubicBezTo>
                  <a:pt x="1840" y="205"/>
                  <a:pt x="1841" y="206"/>
                  <a:pt x="1841" y="207"/>
                </a:cubicBezTo>
                <a:cubicBezTo>
                  <a:pt x="1842" y="210"/>
                  <a:pt x="1841" y="212"/>
                  <a:pt x="1840" y="214"/>
                </a:cubicBezTo>
                <a:cubicBezTo>
                  <a:pt x="1839" y="221"/>
                  <a:pt x="1831" y="225"/>
                  <a:pt x="1829" y="231"/>
                </a:cubicBezTo>
                <a:cubicBezTo>
                  <a:pt x="1829" y="233"/>
                  <a:pt x="1828" y="236"/>
                  <a:pt x="1828" y="238"/>
                </a:cubicBezTo>
                <a:cubicBezTo>
                  <a:pt x="1828" y="240"/>
                  <a:pt x="1829" y="241"/>
                  <a:pt x="1830" y="244"/>
                </a:cubicBezTo>
                <a:cubicBezTo>
                  <a:pt x="1830" y="246"/>
                  <a:pt x="1830" y="248"/>
                  <a:pt x="1830" y="250"/>
                </a:cubicBezTo>
                <a:cubicBezTo>
                  <a:pt x="1831" y="251"/>
                  <a:pt x="1831" y="251"/>
                  <a:pt x="1831" y="252"/>
                </a:cubicBezTo>
                <a:cubicBezTo>
                  <a:pt x="1831" y="252"/>
                  <a:pt x="1830" y="251"/>
                  <a:pt x="1829" y="250"/>
                </a:cubicBezTo>
                <a:cubicBezTo>
                  <a:pt x="1829" y="250"/>
                  <a:pt x="1828" y="249"/>
                  <a:pt x="1828" y="248"/>
                </a:cubicBezTo>
                <a:cubicBezTo>
                  <a:pt x="1828" y="247"/>
                  <a:pt x="1829" y="246"/>
                  <a:pt x="1828" y="245"/>
                </a:cubicBezTo>
                <a:cubicBezTo>
                  <a:pt x="1828" y="245"/>
                  <a:pt x="1827" y="244"/>
                  <a:pt x="1827" y="243"/>
                </a:cubicBezTo>
                <a:cubicBezTo>
                  <a:pt x="1826" y="242"/>
                  <a:pt x="1826" y="241"/>
                  <a:pt x="1826" y="241"/>
                </a:cubicBezTo>
                <a:cubicBezTo>
                  <a:pt x="1825" y="240"/>
                  <a:pt x="1824" y="239"/>
                  <a:pt x="1823" y="239"/>
                </a:cubicBezTo>
                <a:cubicBezTo>
                  <a:pt x="1823" y="238"/>
                  <a:pt x="1822" y="237"/>
                  <a:pt x="1821" y="237"/>
                </a:cubicBezTo>
                <a:cubicBezTo>
                  <a:pt x="1820" y="237"/>
                  <a:pt x="1819" y="238"/>
                  <a:pt x="1818" y="239"/>
                </a:cubicBezTo>
                <a:cubicBezTo>
                  <a:pt x="1817" y="239"/>
                  <a:pt x="1816" y="239"/>
                  <a:pt x="1815" y="239"/>
                </a:cubicBezTo>
                <a:cubicBezTo>
                  <a:pt x="1815" y="240"/>
                  <a:pt x="1814" y="241"/>
                  <a:pt x="1813" y="241"/>
                </a:cubicBezTo>
                <a:cubicBezTo>
                  <a:pt x="1813" y="242"/>
                  <a:pt x="1812" y="242"/>
                  <a:pt x="1811" y="243"/>
                </a:cubicBezTo>
                <a:cubicBezTo>
                  <a:pt x="1810" y="244"/>
                  <a:pt x="1811" y="244"/>
                  <a:pt x="1812" y="245"/>
                </a:cubicBezTo>
                <a:cubicBezTo>
                  <a:pt x="1812" y="246"/>
                  <a:pt x="1812" y="248"/>
                  <a:pt x="1811" y="247"/>
                </a:cubicBezTo>
                <a:cubicBezTo>
                  <a:pt x="1811" y="247"/>
                  <a:pt x="1811" y="246"/>
                  <a:pt x="1811" y="246"/>
                </a:cubicBezTo>
                <a:cubicBezTo>
                  <a:pt x="1810" y="246"/>
                  <a:pt x="1810" y="246"/>
                  <a:pt x="1809" y="246"/>
                </a:cubicBezTo>
                <a:cubicBezTo>
                  <a:pt x="1808" y="245"/>
                  <a:pt x="1807" y="245"/>
                  <a:pt x="1807" y="244"/>
                </a:cubicBezTo>
                <a:cubicBezTo>
                  <a:pt x="1807" y="244"/>
                  <a:pt x="1806" y="243"/>
                  <a:pt x="1807" y="243"/>
                </a:cubicBezTo>
                <a:cubicBezTo>
                  <a:pt x="1807" y="242"/>
                  <a:pt x="1807" y="243"/>
                  <a:pt x="1808" y="243"/>
                </a:cubicBezTo>
                <a:cubicBezTo>
                  <a:pt x="1810" y="242"/>
                  <a:pt x="1809" y="240"/>
                  <a:pt x="1811" y="239"/>
                </a:cubicBezTo>
                <a:cubicBezTo>
                  <a:pt x="1812" y="238"/>
                  <a:pt x="1814" y="239"/>
                  <a:pt x="1815" y="238"/>
                </a:cubicBezTo>
                <a:cubicBezTo>
                  <a:pt x="1816" y="237"/>
                  <a:pt x="1817" y="235"/>
                  <a:pt x="1817" y="233"/>
                </a:cubicBezTo>
                <a:cubicBezTo>
                  <a:pt x="1816" y="231"/>
                  <a:pt x="1814" y="232"/>
                  <a:pt x="1812" y="232"/>
                </a:cubicBezTo>
                <a:cubicBezTo>
                  <a:pt x="1812" y="232"/>
                  <a:pt x="1811" y="231"/>
                  <a:pt x="1810" y="231"/>
                </a:cubicBezTo>
                <a:cubicBezTo>
                  <a:pt x="1808" y="230"/>
                  <a:pt x="1806" y="228"/>
                  <a:pt x="1805" y="227"/>
                </a:cubicBezTo>
                <a:cubicBezTo>
                  <a:pt x="1802" y="224"/>
                  <a:pt x="1796" y="226"/>
                  <a:pt x="1792" y="225"/>
                </a:cubicBezTo>
                <a:cubicBezTo>
                  <a:pt x="1791" y="225"/>
                  <a:pt x="1790" y="225"/>
                  <a:pt x="1789" y="224"/>
                </a:cubicBezTo>
                <a:cubicBezTo>
                  <a:pt x="1788" y="224"/>
                  <a:pt x="1787" y="224"/>
                  <a:pt x="1786" y="224"/>
                </a:cubicBezTo>
                <a:cubicBezTo>
                  <a:pt x="1784" y="224"/>
                  <a:pt x="1783" y="223"/>
                  <a:pt x="1781" y="222"/>
                </a:cubicBezTo>
                <a:cubicBezTo>
                  <a:pt x="1779" y="221"/>
                  <a:pt x="1777" y="220"/>
                  <a:pt x="1775" y="220"/>
                </a:cubicBezTo>
                <a:cubicBezTo>
                  <a:pt x="1773" y="220"/>
                  <a:pt x="1771" y="223"/>
                  <a:pt x="1769" y="224"/>
                </a:cubicBezTo>
                <a:cubicBezTo>
                  <a:pt x="1767" y="226"/>
                  <a:pt x="1764" y="228"/>
                  <a:pt x="1763" y="231"/>
                </a:cubicBezTo>
                <a:cubicBezTo>
                  <a:pt x="1760" y="234"/>
                  <a:pt x="1757" y="238"/>
                  <a:pt x="1753" y="240"/>
                </a:cubicBezTo>
                <a:cubicBezTo>
                  <a:pt x="1751" y="241"/>
                  <a:pt x="1749" y="241"/>
                  <a:pt x="1747" y="242"/>
                </a:cubicBezTo>
                <a:cubicBezTo>
                  <a:pt x="1745" y="243"/>
                  <a:pt x="1743" y="244"/>
                  <a:pt x="1741" y="244"/>
                </a:cubicBezTo>
                <a:cubicBezTo>
                  <a:pt x="1738" y="245"/>
                  <a:pt x="1736" y="245"/>
                  <a:pt x="1734" y="246"/>
                </a:cubicBezTo>
                <a:cubicBezTo>
                  <a:pt x="1732" y="247"/>
                  <a:pt x="1730" y="248"/>
                  <a:pt x="1728" y="249"/>
                </a:cubicBezTo>
                <a:cubicBezTo>
                  <a:pt x="1725" y="250"/>
                  <a:pt x="1723" y="252"/>
                  <a:pt x="1721" y="253"/>
                </a:cubicBezTo>
                <a:cubicBezTo>
                  <a:pt x="1717" y="256"/>
                  <a:pt x="1713" y="259"/>
                  <a:pt x="1709" y="261"/>
                </a:cubicBezTo>
                <a:cubicBezTo>
                  <a:pt x="1707" y="263"/>
                  <a:pt x="1705" y="264"/>
                  <a:pt x="1704" y="265"/>
                </a:cubicBezTo>
                <a:cubicBezTo>
                  <a:pt x="1702" y="266"/>
                  <a:pt x="1700" y="268"/>
                  <a:pt x="1699" y="269"/>
                </a:cubicBezTo>
                <a:cubicBezTo>
                  <a:pt x="1698" y="271"/>
                  <a:pt x="1697" y="273"/>
                  <a:pt x="1698" y="275"/>
                </a:cubicBezTo>
                <a:cubicBezTo>
                  <a:pt x="1699" y="277"/>
                  <a:pt x="1701" y="278"/>
                  <a:pt x="1702" y="280"/>
                </a:cubicBezTo>
                <a:cubicBezTo>
                  <a:pt x="1703" y="282"/>
                  <a:pt x="1703" y="284"/>
                  <a:pt x="1705" y="286"/>
                </a:cubicBezTo>
                <a:cubicBezTo>
                  <a:pt x="1707" y="287"/>
                  <a:pt x="1708" y="289"/>
                  <a:pt x="1710" y="290"/>
                </a:cubicBezTo>
                <a:cubicBezTo>
                  <a:pt x="1713" y="294"/>
                  <a:pt x="1716" y="297"/>
                  <a:pt x="1718" y="301"/>
                </a:cubicBezTo>
                <a:cubicBezTo>
                  <a:pt x="1718" y="303"/>
                  <a:pt x="1720" y="305"/>
                  <a:pt x="1720" y="307"/>
                </a:cubicBezTo>
                <a:cubicBezTo>
                  <a:pt x="1721" y="309"/>
                  <a:pt x="1721" y="310"/>
                  <a:pt x="1721" y="313"/>
                </a:cubicBezTo>
                <a:cubicBezTo>
                  <a:pt x="1722" y="314"/>
                  <a:pt x="1724" y="317"/>
                  <a:pt x="1721" y="318"/>
                </a:cubicBezTo>
                <a:cubicBezTo>
                  <a:pt x="1720" y="318"/>
                  <a:pt x="1717" y="317"/>
                  <a:pt x="1715" y="317"/>
                </a:cubicBezTo>
                <a:cubicBezTo>
                  <a:pt x="1710" y="316"/>
                  <a:pt x="1706" y="315"/>
                  <a:pt x="1702" y="314"/>
                </a:cubicBezTo>
                <a:cubicBezTo>
                  <a:pt x="1700" y="314"/>
                  <a:pt x="1697" y="314"/>
                  <a:pt x="1695" y="313"/>
                </a:cubicBezTo>
                <a:cubicBezTo>
                  <a:pt x="1693" y="313"/>
                  <a:pt x="1691" y="313"/>
                  <a:pt x="1688" y="313"/>
                </a:cubicBezTo>
                <a:cubicBezTo>
                  <a:pt x="1687" y="313"/>
                  <a:pt x="1685" y="312"/>
                  <a:pt x="1683" y="312"/>
                </a:cubicBezTo>
                <a:cubicBezTo>
                  <a:pt x="1681" y="312"/>
                  <a:pt x="1678" y="312"/>
                  <a:pt x="1676" y="312"/>
                </a:cubicBezTo>
                <a:cubicBezTo>
                  <a:pt x="1671" y="311"/>
                  <a:pt x="1666" y="310"/>
                  <a:pt x="1662" y="309"/>
                </a:cubicBezTo>
                <a:cubicBezTo>
                  <a:pt x="1660" y="309"/>
                  <a:pt x="1658" y="308"/>
                  <a:pt x="1656" y="308"/>
                </a:cubicBezTo>
                <a:cubicBezTo>
                  <a:pt x="1654" y="308"/>
                  <a:pt x="1653" y="308"/>
                  <a:pt x="1653" y="309"/>
                </a:cubicBezTo>
                <a:cubicBezTo>
                  <a:pt x="1652" y="310"/>
                  <a:pt x="1653" y="311"/>
                  <a:pt x="1652" y="312"/>
                </a:cubicBezTo>
                <a:cubicBezTo>
                  <a:pt x="1651" y="312"/>
                  <a:pt x="1649" y="312"/>
                  <a:pt x="1649" y="311"/>
                </a:cubicBezTo>
                <a:cubicBezTo>
                  <a:pt x="1648" y="310"/>
                  <a:pt x="1649" y="309"/>
                  <a:pt x="1650" y="308"/>
                </a:cubicBezTo>
                <a:cubicBezTo>
                  <a:pt x="1651" y="307"/>
                  <a:pt x="1651" y="307"/>
                  <a:pt x="1652" y="307"/>
                </a:cubicBezTo>
                <a:cubicBezTo>
                  <a:pt x="1653" y="307"/>
                  <a:pt x="1654" y="307"/>
                  <a:pt x="1655" y="306"/>
                </a:cubicBezTo>
                <a:cubicBezTo>
                  <a:pt x="1657" y="306"/>
                  <a:pt x="1660" y="307"/>
                  <a:pt x="1660" y="305"/>
                </a:cubicBezTo>
                <a:cubicBezTo>
                  <a:pt x="1661" y="302"/>
                  <a:pt x="1658" y="302"/>
                  <a:pt x="1656" y="301"/>
                </a:cubicBezTo>
                <a:cubicBezTo>
                  <a:pt x="1654" y="300"/>
                  <a:pt x="1653" y="299"/>
                  <a:pt x="1651" y="299"/>
                </a:cubicBezTo>
                <a:cubicBezTo>
                  <a:pt x="1648" y="298"/>
                  <a:pt x="1646" y="297"/>
                  <a:pt x="1644" y="296"/>
                </a:cubicBezTo>
                <a:cubicBezTo>
                  <a:pt x="1641" y="294"/>
                  <a:pt x="1637" y="291"/>
                  <a:pt x="1633" y="290"/>
                </a:cubicBezTo>
                <a:cubicBezTo>
                  <a:pt x="1631" y="289"/>
                  <a:pt x="1629" y="288"/>
                  <a:pt x="1627" y="287"/>
                </a:cubicBezTo>
                <a:cubicBezTo>
                  <a:pt x="1625" y="287"/>
                  <a:pt x="1623" y="286"/>
                  <a:pt x="1621" y="286"/>
                </a:cubicBezTo>
                <a:cubicBezTo>
                  <a:pt x="1619" y="286"/>
                  <a:pt x="1616" y="286"/>
                  <a:pt x="1615" y="287"/>
                </a:cubicBezTo>
                <a:cubicBezTo>
                  <a:pt x="1613" y="288"/>
                  <a:pt x="1612" y="291"/>
                  <a:pt x="1612" y="293"/>
                </a:cubicBezTo>
                <a:cubicBezTo>
                  <a:pt x="1612" y="295"/>
                  <a:pt x="1612" y="296"/>
                  <a:pt x="1610" y="298"/>
                </a:cubicBezTo>
                <a:cubicBezTo>
                  <a:pt x="1608" y="299"/>
                  <a:pt x="1607" y="300"/>
                  <a:pt x="1605" y="299"/>
                </a:cubicBezTo>
                <a:cubicBezTo>
                  <a:pt x="1605" y="298"/>
                  <a:pt x="1603" y="298"/>
                  <a:pt x="1602" y="298"/>
                </a:cubicBezTo>
                <a:cubicBezTo>
                  <a:pt x="1602" y="298"/>
                  <a:pt x="1601" y="300"/>
                  <a:pt x="1602" y="300"/>
                </a:cubicBezTo>
                <a:cubicBezTo>
                  <a:pt x="1603" y="301"/>
                  <a:pt x="1604" y="301"/>
                  <a:pt x="1605" y="302"/>
                </a:cubicBezTo>
                <a:cubicBezTo>
                  <a:pt x="1605" y="303"/>
                  <a:pt x="1605" y="304"/>
                  <a:pt x="1606" y="305"/>
                </a:cubicBezTo>
                <a:cubicBezTo>
                  <a:pt x="1607" y="307"/>
                  <a:pt x="1609" y="308"/>
                  <a:pt x="1610" y="310"/>
                </a:cubicBezTo>
                <a:cubicBezTo>
                  <a:pt x="1612" y="312"/>
                  <a:pt x="1613" y="314"/>
                  <a:pt x="1614" y="315"/>
                </a:cubicBezTo>
                <a:cubicBezTo>
                  <a:pt x="1616" y="317"/>
                  <a:pt x="1618" y="318"/>
                  <a:pt x="1620" y="319"/>
                </a:cubicBezTo>
                <a:cubicBezTo>
                  <a:pt x="1621" y="321"/>
                  <a:pt x="1622" y="322"/>
                  <a:pt x="1624" y="324"/>
                </a:cubicBezTo>
                <a:cubicBezTo>
                  <a:pt x="1625" y="326"/>
                  <a:pt x="1627" y="327"/>
                  <a:pt x="1629" y="327"/>
                </a:cubicBezTo>
                <a:cubicBezTo>
                  <a:pt x="1630" y="327"/>
                  <a:pt x="1631" y="326"/>
                  <a:pt x="1632" y="325"/>
                </a:cubicBezTo>
                <a:cubicBezTo>
                  <a:pt x="1634" y="325"/>
                  <a:pt x="1634" y="325"/>
                  <a:pt x="1636" y="325"/>
                </a:cubicBezTo>
                <a:cubicBezTo>
                  <a:pt x="1638" y="326"/>
                  <a:pt x="1638" y="323"/>
                  <a:pt x="1640" y="322"/>
                </a:cubicBezTo>
                <a:cubicBezTo>
                  <a:pt x="1643" y="321"/>
                  <a:pt x="1642" y="326"/>
                  <a:pt x="1643" y="327"/>
                </a:cubicBezTo>
                <a:cubicBezTo>
                  <a:pt x="1644" y="327"/>
                  <a:pt x="1645" y="328"/>
                  <a:pt x="1646" y="328"/>
                </a:cubicBezTo>
                <a:cubicBezTo>
                  <a:pt x="1647" y="329"/>
                  <a:pt x="1648" y="329"/>
                  <a:pt x="1648" y="330"/>
                </a:cubicBezTo>
                <a:cubicBezTo>
                  <a:pt x="1648" y="333"/>
                  <a:pt x="1648" y="335"/>
                  <a:pt x="1649" y="337"/>
                </a:cubicBezTo>
                <a:cubicBezTo>
                  <a:pt x="1650" y="339"/>
                  <a:pt x="1650" y="341"/>
                  <a:pt x="1649" y="343"/>
                </a:cubicBezTo>
                <a:cubicBezTo>
                  <a:pt x="1648" y="344"/>
                  <a:pt x="1647" y="345"/>
                  <a:pt x="1645" y="346"/>
                </a:cubicBezTo>
                <a:cubicBezTo>
                  <a:pt x="1643" y="347"/>
                  <a:pt x="1641" y="347"/>
                  <a:pt x="1639" y="348"/>
                </a:cubicBezTo>
                <a:cubicBezTo>
                  <a:pt x="1636" y="348"/>
                  <a:pt x="1635" y="350"/>
                  <a:pt x="1634" y="351"/>
                </a:cubicBezTo>
                <a:cubicBezTo>
                  <a:pt x="1632" y="352"/>
                  <a:pt x="1629" y="353"/>
                  <a:pt x="1627" y="352"/>
                </a:cubicBezTo>
                <a:cubicBezTo>
                  <a:pt x="1625" y="351"/>
                  <a:pt x="1624" y="350"/>
                  <a:pt x="1622" y="350"/>
                </a:cubicBezTo>
                <a:cubicBezTo>
                  <a:pt x="1620" y="349"/>
                  <a:pt x="1618" y="348"/>
                  <a:pt x="1616" y="348"/>
                </a:cubicBezTo>
                <a:cubicBezTo>
                  <a:pt x="1614" y="347"/>
                  <a:pt x="1612" y="347"/>
                  <a:pt x="1610" y="346"/>
                </a:cubicBezTo>
                <a:cubicBezTo>
                  <a:pt x="1606" y="345"/>
                  <a:pt x="1602" y="343"/>
                  <a:pt x="1599" y="340"/>
                </a:cubicBezTo>
                <a:cubicBezTo>
                  <a:pt x="1597" y="338"/>
                  <a:pt x="1596" y="336"/>
                  <a:pt x="1594" y="334"/>
                </a:cubicBezTo>
                <a:cubicBezTo>
                  <a:pt x="1592" y="333"/>
                  <a:pt x="1591" y="331"/>
                  <a:pt x="1589" y="330"/>
                </a:cubicBezTo>
                <a:cubicBezTo>
                  <a:pt x="1586" y="328"/>
                  <a:pt x="1583" y="327"/>
                  <a:pt x="1580" y="326"/>
                </a:cubicBezTo>
                <a:cubicBezTo>
                  <a:pt x="1577" y="326"/>
                  <a:pt x="1575" y="325"/>
                  <a:pt x="1573" y="325"/>
                </a:cubicBezTo>
                <a:cubicBezTo>
                  <a:pt x="1570" y="325"/>
                  <a:pt x="1568" y="325"/>
                  <a:pt x="1566" y="325"/>
                </a:cubicBezTo>
                <a:cubicBezTo>
                  <a:pt x="1564" y="324"/>
                  <a:pt x="1563" y="323"/>
                  <a:pt x="1560" y="322"/>
                </a:cubicBezTo>
                <a:cubicBezTo>
                  <a:pt x="1558" y="322"/>
                  <a:pt x="1557" y="321"/>
                  <a:pt x="1555" y="320"/>
                </a:cubicBezTo>
                <a:cubicBezTo>
                  <a:pt x="1553" y="318"/>
                  <a:pt x="1552" y="317"/>
                  <a:pt x="1553" y="314"/>
                </a:cubicBezTo>
                <a:cubicBezTo>
                  <a:pt x="1553" y="313"/>
                  <a:pt x="1554" y="313"/>
                  <a:pt x="1554" y="312"/>
                </a:cubicBezTo>
                <a:cubicBezTo>
                  <a:pt x="1554" y="310"/>
                  <a:pt x="1554" y="310"/>
                  <a:pt x="1555" y="309"/>
                </a:cubicBezTo>
                <a:cubicBezTo>
                  <a:pt x="1556" y="308"/>
                  <a:pt x="1560" y="308"/>
                  <a:pt x="1559" y="306"/>
                </a:cubicBezTo>
                <a:cubicBezTo>
                  <a:pt x="1558" y="305"/>
                  <a:pt x="1557" y="306"/>
                  <a:pt x="1557" y="304"/>
                </a:cubicBezTo>
                <a:cubicBezTo>
                  <a:pt x="1557" y="303"/>
                  <a:pt x="1557" y="303"/>
                  <a:pt x="1556" y="302"/>
                </a:cubicBezTo>
                <a:cubicBezTo>
                  <a:pt x="1555" y="300"/>
                  <a:pt x="1553" y="299"/>
                  <a:pt x="1552" y="297"/>
                </a:cubicBezTo>
                <a:cubicBezTo>
                  <a:pt x="1551" y="296"/>
                  <a:pt x="1550" y="295"/>
                  <a:pt x="1550" y="294"/>
                </a:cubicBezTo>
                <a:cubicBezTo>
                  <a:pt x="1550" y="293"/>
                  <a:pt x="1550" y="292"/>
                  <a:pt x="1550" y="291"/>
                </a:cubicBezTo>
                <a:cubicBezTo>
                  <a:pt x="1549" y="288"/>
                  <a:pt x="1547" y="286"/>
                  <a:pt x="1546" y="283"/>
                </a:cubicBezTo>
                <a:cubicBezTo>
                  <a:pt x="1546" y="282"/>
                  <a:pt x="1545" y="282"/>
                  <a:pt x="1544" y="281"/>
                </a:cubicBezTo>
                <a:cubicBezTo>
                  <a:pt x="1544" y="280"/>
                  <a:pt x="1543" y="280"/>
                  <a:pt x="1542" y="279"/>
                </a:cubicBezTo>
                <a:cubicBezTo>
                  <a:pt x="1542" y="279"/>
                  <a:pt x="1540" y="279"/>
                  <a:pt x="1540" y="278"/>
                </a:cubicBezTo>
                <a:cubicBezTo>
                  <a:pt x="1539" y="277"/>
                  <a:pt x="1540" y="276"/>
                  <a:pt x="1541" y="276"/>
                </a:cubicBezTo>
                <a:cubicBezTo>
                  <a:pt x="1543" y="276"/>
                  <a:pt x="1543" y="275"/>
                  <a:pt x="1544" y="275"/>
                </a:cubicBezTo>
                <a:cubicBezTo>
                  <a:pt x="1546" y="273"/>
                  <a:pt x="1548" y="274"/>
                  <a:pt x="1549" y="272"/>
                </a:cubicBezTo>
                <a:cubicBezTo>
                  <a:pt x="1550" y="270"/>
                  <a:pt x="1550" y="268"/>
                  <a:pt x="1550" y="266"/>
                </a:cubicBezTo>
                <a:cubicBezTo>
                  <a:pt x="1549" y="263"/>
                  <a:pt x="1549" y="261"/>
                  <a:pt x="1550" y="259"/>
                </a:cubicBezTo>
                <a:cubicBezTo>
                  <a:pt x="1551" y="256"/>
                  <a:pt x="1553" y="259"/>
                  <a:pt x="1554" y="260"/>
                </a:cubicBezTo>
                <a:cubicBezTo>
                  <a:pt x="1555" y="261"/>
                  <a:pt x="1556" y="261"/>
                  <a:pt x="1557" y="261"/>
                </a:cubicBezTo>
                <a:cubicBezTo>
                  <a:pt x="1558" y="260"/>
                  <a:pt x="1558" y="259"/>
                  <a:pt x="1557" y="258"/>
                </a:cubicBezTo>
                <a:cubicBezTo>
                  <a:pt x="1557" y="257"/>
                  <a:pt x="1556" y="256"/>
                  <a:pt x="1556" y="255"/>
                </a:cubicBezTo>
                <a:cubicBezTo>
                  <a:pt x="1556" y="254"/>
                  <a:pt x="1555" y="254"/>
                  <a:pt x="1554" y="253"/>
                </a:cubicBezTo>
                <a:cubicBezTo>
                  <a:pt x="1554" y="252"/>
                  <a:pt x="1553" y="251"/>
                  <a:pt x="1552" y="250"/>
                </a:cubicBezTo>
                <a:cubicBezTo>
                  <a:pt x="1552" y="249"/>
                  <a:pt x="1551" y="249"/>
                  <a:pt x="1550" y="248"/>
                </a:cubicBezTo>
                <a:cubicBezTo>
                  <a:pt x="1550" y="247"/>
                  <a:pt x="1549" y="245"/>
                  <a:pt x="1548" y="245"/>
                </a:cubicBezTo>
                <a:cubicBezTo>
                  <a:pt x="1548" y="244"/>
                  <a:pt x="1547" y="243"/>
                  <a:pt x="1546" y="243"/>
                </a:cubicBezTo>
                <a:cubicBezTo>
                  <a:pt x="1544" y="241"/>
                  <a:pt x="1542" y="240"/>
                  <a:pt x="1540" y="239"/>
                </a:cubicBezTo>
                <a:cubicBezTo>
                  <a:pt x="1538" y="239"/>
                  <a:pt x="1536" y="239"/>
                  <a:pt x="1534" y="239"/>
                </a:cubicBezTo>
                <a:cubicBezTo>
                  <a:pt x="1531" y="238"/>
                  <a:pt x="1530" y="237"/>
                  <a:pt x="1528" y="236"/>
                </a:cubicBezTo>
                <a:cubicBezTo>
                  <a:pt x="1526" y="235"/>
                  <a:pt x="1523" y="235"/>
                  <a:pt x="1521" y="234"/>
                </a:cubicBezTo>
                <a:cubicBezTo>
                  <a:pt x="1519" y="234"/>
                  <a:pt x="1517" y="233"/>
                  <a:pt x="1515" y="232"/>
                </a:cubicBezTo>
                <a:cubicBezTo>
                  <a:pt x="1514" y="232"/>
                  <a:pt x="1512" y="232"/>
                  <a:pt x="1512" y="232"/>
                </a:cubicBezTo>
                <a:cubicBezTo>
                  <a:pt x="1511" y="231"/>
                  <a:pt x="1512" y="230"/>
                  <a:pt x="1513" y="230"/>
                </a:cubicBezTo>
                <a:cubicBezTo>
                  <a:pt x="1515" y="230"/>
                  <a:pt x="1517" y="229"/>
                  <a:pt x="1519" y="229"/>
                </a:cubicBezTo>
                <a:cubicBezTo>
                  <a:pt x="1520" y="228"/>
                  <a:pt x="1521" y="225"/>
                  <a:pt x="1519" y="223"/>
                </a:cubicBezTo>
                <a:cubicBezTo>
                  <a:pt x="1518" y="222"/>
                  <a:pt x="1515" y="223"/>
                  <a:pt x="1514" y="222"/>
                </a:cubicBezTo>
                <a:cubicBezTo>
                  <a:pt x="1512" y="222"/>
                  <a:pt x="1511" y="221"/>
                  <a:pt x="1510" y="221"/>
                </a:cubicBezTo>
                <a:cubicBezTo>
                  <a:pt x="1508" y="221"/>
                  <a:pt x="1507" y="221"/>
                  <a:pt x="1505" y="221"/>
                </a:cubicBezTo>
                <a:cubicBezTo>
                  <a:pt x="1504" y="221"/>
                  <a:pt x="1504" y="219"/>
                  <a:pt x="1503" y="219"/>
                </a:cubicBezTo>
                <a:cubicBezTo>
                  <a:pt x="1502" y="218"/>
                  <a:pt x="1501" y="218"/>
                  <a:pt x="1500" y="218"/>
                </a:cubicBezTo>
                <a:cubicBezTo>
                  <a:pt x="1499" y="217"/>
                  <a:pt x="1501" y="217"/>
                  <a:pt x="1501" y="217"/>
                </a:cubicBezTo>
                <a:cubicBezTo>
                  <a:pt x="1502" y="217"/>
                  <a:pt x="1503" y="217"/>
                  <a:pt x="1504" y="216"/>
                </a:cubicBezTo>
                <a:cubicBezTo>
                  <a:pt x="1505" y="216"/>
                  <a:pt x="1509" y="215"/>
                  <a:pt x="1507" y="213"/>
                </a:cubicBezTo>
                <a:cubicBezTo>
                  <a:pt x="1506" y="213"/>
                  <a:pt x="1504" y="213"/>
                  <a:pt x="1504" y="213"/>
                </a:cubicBezTo>
                <a:cubicBezTo>
                  <a:pt x="1503" y="213"/>
                  <a:pt x="1502" y="212"/>
                  <a:pt x="1501" y="212"/>
                </a:cubicBezTo>
                <a:cubicBezTo>
                  <a:pt x="1499" y="212"/>
                  <a:pt x="1496" y="213"/>
                  <a:pt x="1495" y="211"/>
                </a:cubicBezTo>
                <a:cubicBezTo>
                  <a:pt x="1494" y="210"/>
                  <a:pt x="1495" y="209"/>
                  <a:pt x="1495" y="208"/>
                </a:cubicBezTo>
                <a:cubicBezTo>
                  <a:pt x="1495" y="205"/>
                  <a:pt x="1490" y="207"/>
                  <a:pt x="1489" y="206"/>
                </a:cubicBezTo>
                <a:cubicBezTo>
                  <a:pt x="1488" y="206"/>
                  <a:pt x="1487" y="205"/>
                  <a:pt x="1486" y="205"/>
                </a:cubicBezTo>
                <a:cubicBezTo>
                  <a:pt x="1484" y="204"/>
                  <a:pt x="1482" y="204"/>
                  <a:pt x="1482" y="201"/>
                </a:cubicBezTo>
                <a:cubicBezTo>
                  <a:pt x="1482" y="200"/>
                  <a:pt x="1482" y="199"/>
                  <a:pt x="1483" y="198"/>
                </a:cubicBezTo>
                <a:cubicBezTo>
                  <a:pt x="1484" y="198"/>
                  <a:pt x="1485" y="197"/>
                  <a:pt x="1485" y="197"/>
                </a:cubicBezTo>
                <a:cubicBezTo>
                  <a:pt x="1485" y="195"/>
                  <a:pt x="1484" y="196"/>
                  <a:pt x="1483" y="195"/>
                </a:cubicBezTo>
                <a:cubicBezTo>
                  <a:pt x="1482" y="195"/>
                  <a:pt x="1482" y="194"/>
                  <a:pt x="1481" y="193"/>
                </a:cubicBezTo>
                <a:cubicBezTo>
                  <a:pt x="1480" y="192"/>
                  <a:pt x="1478" y="192"/>
                  <a:pt x="1477" y="191"/>
                </a:cubicBezTo>
                <a:cubicBezTo>
                  <a:pt x="1476" y="191"/>
                  <a:pt x="1476" y="190"/>
                  <a:pt x="1475" y="190"/>
                </a:cubicBezTo>
                <a:cubicBezTo>
                  <a:pt x="1475" y="190"/>
                  <a:pt x="1474" y="189"/>
                  <a:pt x="1474" y="189"/>
                </a:cubicBezTo>
                <a:cubicBezTo>
                  <a:pt x="1476" y="189"/>
                  <a:pt x="1478" y="190"/>
                  <a:pt x="1480" y="190"/>
                </a:cubicBezTo>
                <a:cubicBezTo>
                  <a:pt x="1481" y="190"/>
                  <a:pt x="1482" y="190"/>
                  <a:pt x="1483" y="190"/>
                </a:cubicBezTo>
                <a:cubicBezTo>
                  <a:pt x="1484" y="190"/>
                  <a:pt x="1485" y="191"/>
                  <a:pt x="1486" y="191"/>
                </a:cubicBezTo>
                <a:cubicBezTo>
                  <a:pt x="1488" y="192"/>
                  <a:pt x="1490" y="191"/>
                  <a:pt x="1492" y="192"/>
                </a:cubicBezTo>
                <a:cubicBezTo>
                  <a:pt x="1493" y="193"/>
                  <a:pt x="1494" y="193"/>
                  <a:pt x="1495" y="193"/>
                </a:cubicBezTo>
                <a:cubicBezTo>
                  <a:pt x="1496" y="194"/>
                  <a:pt x="1496" y="194"/>
                  <a:pt x="1495" y="195"/>
                </a:cubicBezTo>
                <a:cubicBezTo>
                  <a:pt x="1492" y="196"/>
                  <a:pt x="1495" y="197"/>
                  <a:pt x="1496" y="198"/>
                </a:cubicBezTo>
                <a:cubicBezTo>
                  <a:pt x="1498" y="199"/>
                  <a:pt x="1498" y="202"/>
                  <a:pt x="1500" y="203"/>
                </a:cubicBezTo>
                <a:cubicBezTo>
                  <a:pt x="1501" y="203"/>
                  <a:pt x="1502" y="203"/>
                  <a:pt x="1503" y="203"/>
                </a:cubicBezTo>
                <a:cubicBezTo>
                  <a:pt x="1504" y="204"/>
                  <a:pt x="1504" y="205"/>
                  <a:pt x="1505" y="205"/>
                </a:cubicBezTo>
                <a:cubicBezTo>
                  <a:pt x="1506" y="208"/>
                  <a:pt x="1508" y="207"/>
                  <a:pt x="1510" y="208"/>
                </a:cubicBezTo>
                <a:cubicBezTo>
                  <a:pt x="1511" y="209"/>
                  <a:pt x="1512" y="210"/>
                  <a:pt x="1513" y="211"/>
                </a:cubicBezTo>
                <a:cubicBezTo>
                  <a:pt x="1513" y="211"/>
                  <a:pt x="1514" y="211"/>
                  <a:pt x="1515" y="211"/>
                </a:cubicBezTo>
                <a:cubicBezTo>
                  <a:pt x="1517" y="211"/>
                  <a:pt x="1520" y="211"/>
                  <a:pt x="1522" y="212"/>
                </a:cubicBezTo>
                <a:cubicBezTo>
                  <a:pt x="1524" y="213"/>
                  <a:pt x="1525" y="214"/>
                  <a:pt x="1527" y="213"/>
                </a:cubicBezTo>
                <a:cubicBezTo>
                  <a:pt x="1528" y="212"/>
                  <a:pt x="1529" y="212"/>
                  <a:pt x="1530" y="211"/>
                </a:cubicBezTo>
                <a:cubicBezTo>
                  <a:pt x="1531" y="210"/>
                  <a:pt x="1532" y="211"/>
                  <a:pt x="1533" y="210"/>
                </a:cubicBezTo>
                <a:cubicBezTo>
                  <a:pt x="1534" y="210"/>
                  <a:pt x="1535" y="210"/>
                  <a:pt x="1536" y="210"/>
                </a:cubicBezTo>
                <a:cubicBezTo>
                  <a:pt x="1537" y="211"/>
                  <a:pt x="1538" y="212"/>
                  <a:pt x="1539" y="212"/>
                </a:cubicBezTo>
                <a:cubicBezTo>
                  <a:pt x="1541" y="213"/>
                  <a:pt x="1544" y="213"/>
                  <a:pt x="1544" y="215"/>
                </a:cubicBezTo>
                <a:cubicBezTo>
                  <a:pt x="1544" y="218"/>
                  <a:pt x="1542" y="220"/>
                  <a:pt x="1546" y="220"/>
                </a:cubicBezTo>
                <a:cubicBezTo>
                  <a:pt x="1548" y="220"/>
                  <a:pt x="1550" y="220"/>
                  <a:pt x="1552" y="220"/>
                </a:cubicBezTo>
                <a:cubicBezTo>
                  <a:pt x="1556" y="220"/>
                  <a:pt x="1560" y="219"/>
                  <a:pt x="1563" y="221"/>
                </a:cubicBezTo>
                <a:cubicBezTo>
                  <a:pt x="1565" y="221"/>
                  <a:pt x="1566" y="222"/>
                  <a:pt x="1568" y="222"/>
                </a:cubicBezTo>
                <a:cubicBezTo>
                  <a:pt x="1571" y="223"/>
                  <a:pt x="1574" y="224"/>
                  <a:pt x="1577" y="224"/>
                </a:cubicBezTo>
                <a:cubicBezTo>
                  <a:pt x="1580" y="225"/>
                  <a:pt x="1584" y="225"/>
                  <a:pt x="1587" y="226"/>
                </a:cubicBezTo>
                <a:cubicBezTo>
                  <a:pt x="1591" y="227"/>
                  <a:pt x="1595" y="228"/>
                  <a:pt x="1598" y="229"/>
                </a:cubicBezTo>
                <a:cubicBezTo>
                  <a:pt x="1602" y="230"/>
                  <a:pt x="1605" y="231"/>
                  <a:pt x="1608" y="232"/>
                </a:cubicBezTo>
                <a:cubicBezTo>
                  <a:pt x="1611" y="233"/>
                  <a:pt x="1615" y="233"/>
                  <a:pt x="1618" y="234"/>
                </a:cubicBezTo>
                <a:cubicBezTo>
                  <a:pt x="1622" y="235"/>
                  <a:pt x="1626" y="236"/>
                  <a:pt x="1630" y="237"/>
                </a:cubicBezTo>
                <a:cubicBezTo>
                  <a:pt x="1633" y="237"/>
                  <a:pt x="1636" y="239"/>
                  <a:pt x="1640" y="239"/>
                </a:cubicBezTo>
                <a:cubicBezTo>
                  <a:pt x="1642" y="240"/>
                  <a:pt x="1645" y="241"/>
                  <a:pt x="1648" y="241"/>
                </a:cubicBezTo>
                <a:cubicBezTo>
                  <a:pt x="1653" y="243"/>
                  <a:pt x="1658" y="243"/>
                  <a:pt x="1664" y="243"/>
                </a:cubicBezTo>
                <a:cubicBezTo>
                  <a:pt x="1667" y="243"/>
                  <a:pt x="1670" y="244"/>
                  <a:pt x="1673" y="243"/>
                </a:cubicBezTo>
                <a:cubicBezTo>
                  <a:pt x="1680" y="243"/>
                  <a:pt x="1687" y="242"/>
                  <a:pt x="1694" y="239"/>
                </a:cubicBezTo>
                <a:cubicBezTo>
                  <a:pt x="1696" y="238"/>
                  <a:pt x="1697" y="237"/>
                  <a:pt x="1699" y="236"/>
                </a:cubicBezTo>
                <a:cubicBezTo>
                  <a:pt x="1701" y="236"/>
                  <a:pt x="1702" y="236"/>
                  <a:pt x="1704" y="235"/>
                </a:cubicBezTo>
                <a:cubicBezTo>
                  <a:pt x="1707" y="235"/>
                  <a:pt x="1710" y="234"/>
                  <a:pt x="1713" y="233"/>
                </a:cubicBezTo>
                <a:cubicBezTo>
                  <a:pt x="1716" y="231"/>
                  <a:pt x="1718" y="229"/>
                  <a:pt x="1721" y="227"/>
                </a:cubicBezTo>
                <a:cubicBezTo>
                  <a:pt x="1723" y="225"/>
                  <a:pt x="1726" y="223"/>
                  <a:pt x="1728" y="221"/>
                </a:cubicBezTo>
                <a:cubicBezTo>
                  <a:pt x="1730" y="218"/>
                  <a:pt x="1731" y="216"/>
                  <a:pt x="1733" y="213"/>
                </a:cubicBezTo>
                <a:cubicBezTo>
                  <a:pt x="1735" y="210"/>
                  <a:pt x="1738" y="208"/>
                  <a:pt x="1741" y="205"/>
                </a:cubicBezTo>
                <a:cubicBezTo>
                  <a:pt x="1744" y="202"/>
                  <a:pt x="1746" y="199"/>
                  <a:pt x="1748" y="196"/>
                </a:cubicBezTo>
                <a:cubicBezTo>
                  <a:pt x="1748" y="194"/>
                  <a:pt x="1748" y="191"/>
                  <a:pt x="1748" y="189"/>
                </a:cubicBezTo>
                <a:cubicBezTo>
                  <a:pt x="1748" y="187"/>
                  <a:pt x="1746" y="186"/>
                  <a:pt x="1744" y="185"/>
                </a:cubicBezTo>
                <a:cubicBezTo>
                  <a:pt x="1742" y="185"/>
                  <a:pt x="1740" y="184"/>
                  <a:pt x="1740" y="182"/>
                </a:cubicBezTo>
                <a:cubicBezTo>
                  <a:pt x="1740" y="180"/>
                  <a:pt x="1741" y="177"/>
                  <a:pt x="1740" y="174"/>
                </a:cubicBezTo>
                <a:cubicBezTo>
                  <a:pt x="1739" y="174"/>
                  <a:pt x="1739" y="173"/>
                  <a:pt x="1738" y="172"/>
                </a:cubicBezTo>
                <a:cubicBezTo>
                  <a:pt x="1736" y="169"/>
                  <a:pt x="1740" y="161"/>
                  <a:pt x="1734" y="160"/>
                </a:cubicBezTo>
                <a:cubicBezTo>
                  <a:pt x="1732" y="159"/>
                  <a:pt x="1730" y="160"/>
                  <a:pt x="1728" y="160"/>
                </a:cubicBezTo>
                <a:cubicBezTo>
                  <a:pt x="1726" y="160"/>
                  <a:pt x="1723" y="159"/>
                  <a:pt x="1721" y="159"/>
                </a:cubicBezTo>
                <a:cubicBezTo>
                  <a:pt x="1719" y="158"/>
                  <a:pt x="1718" y="156"/>
                  <a:pt x="1717" y="154"/>
                </a:cubicBezTo>
                <a:cubicBezTo>
                  <a:pt x="1716" y="152"/>
                  <a:pt x="1714" y="150"/>
                  <a:pt x="1712" y="149"/>
                </a:cubicBezTo>
                <a:cubicBezTo>
                  <a:pt x="1709" y="146"/>
                  <a:pt x="1705" y="143"/>
                  <a:pt x="1702" y="140"/>
                </a:cubicBezTo>
                <a:cubicBezTo>
                  <a:pt x="1702" y="139"/>
                  <a:pt x="1701" y="138"/>
                  <a:pt x="1700" y="138"/>
                </a:cubicBezTo>
                <a:cubicBezTo>
                  <a:pt x="1698" y="137"/>
                  <a:pt x="1699" y="139"/>
                  <a:pt x="1699" y="140"/>
                </a:cubicBezTo>
                <a:cubicBezTo>
                  <a:pt x="1700" y="141"/>
                  <a:pt x="1700" y="142"/>
                  <a:pt x="1699" y="142"/>
                </a:cubicBezTo>
                <a:cubicBezTo>
                  <a:pt x="1697" y="142"/>
                  <a:pt x="1697" y="140"/>
                  <a:pt x="1696" y="140"/>
                </a:cubicBezTo>
                <a:cubicBezTo>
                  <a:pt x="1694" y="139"/>
                  <a:pt x="1692" y="139"/>
                  <a:pt x="1690" y="138"/>
                </a:cubicBezTo>
                <a:cubicBezTo>
                  <a:pt x="1687" y="137"/>
                  <a:pt x="1685" y="137"/>
                  <a:pt x="1683" y="136"/>
                </a:cubicBezTo>
                <a:cubicBezTo>
                  <a:pt x="1681" y="135"/>
                  <a:pt x="1679" y="134"/>
                  <a:pt x="1676" y="133"/>
                </a:cubicBezTo>
                <a:cubicBezTo>
                  <a:pt x="1674" y="133"/>
                  <a:pt x="1671" y="131"/>
                  <a:pt x="1668" y="131"/>
                </a:cubicBezTo>
                <a:cubicBezTo>
                  <a:pt x="1663" y="130"/>
                  <a:pt x="1659" y="129"/>
                  <a:pt x="1656" y="126"/>
                </a:cubicBezTo>
                <a:cubicBezTo>
                  <a:pt x="1652" y="121"/>
                  <a:pt x="1648" y="116"/>
                  <a:pt x="1642" y="114"/>
                </a:cubicBezTo>
                <a:cubicBezTo>
                  <a:pt x="1640" y="113"/>
                  <a:pt x="1638" y="113"/>
                  <a:pt x="1636" y="112"/>
                </a:cubicBezTo>
                <a:cubicBezTo>
                  <a:pt x="1634" y="111"/>
                  <a:pt x="1632" y="109"/>
                  <a:pt x="1630" y="108"/>
                </a:cubicBezTo>
                <a:cubicBezTo>
                  <a:pt x="1628" y="107"/>
                  <a:pt x="1626" y="106"/>
                  <a:pt x="1624" y="105"/>
                </a:cubicBezTo>
                <a:cubicBezTo>
                  <a:pt x="1622" y="104"/>
                  <a:pt x="1620" y="103"/>
                  <a:pt x="1617" y="103"/>
                </a:cubicBezTo>
                <a:cubicBezTo>
                  <a:pt x="1615" y="102"/>
                  <a:pt x="1613" y="101"/>
                  <a:pt x="1611" y="100"/>
                </a:cubicBezTo>
                <a:cubicBezTo>
                  <a:pt x="1609" y="99"/>
                  <a:pt x="1607" y="97"/>
                  <a:pt x="1605" y="96"/>
                </a:cubicBezTo>
                <a:cubicBezTo>
                  <a:pt x="1602" y="95"/>
                  <a:pt x="1600" y="94"/>
                  <a:pt x="1597" y="93"/>
                </a:cubicBezTo>
                <a:cubicBezTo>
                  <a:pt x="1595" y="92"/>
                  <a:pt x="1592" y="91"/>
                  <a:pt x="1590" y="91"/>
                </a:cubicBezTo>
                <a:cubicBezTo>
                  <a:pt x="1588" y="90"/>
                  <a:pt x="1585" y="88"/>
                  <a:pt x="1583" y="87"/>
                </a:cubicBezTo>
                <a:cubicBezTo>
                  <a:pt x="1581" y="86"/>
                  <a:pt x="1579" y="85"/>
                  <a:pt x="1577" y="84"/>
                </a:cubicBezTo>
                <a:cubicBezTo>
                  <a:pt x="1575" y="83"/>
                  <a:pt x="1573" y="82"/>
                  <a:pt x="1571" y="82"/>
                </a:cubicBezTo>
                <a:cubicBezTo>
                  <a:pt x="1566" y="80"/>
                  <a:pt x="1561" y="81"/>
                  <a:pt x="1556" y="80"/>
                </a:cubicBezTo>
                <a:cubicBezTo>
                  <a:pt x="1552" y="80"/>
                  <a:pt x="1548" y="79"/>
                  <a:pt x="1544" y="78"/>
                </a:cubicBezTo>
                <a:cubicBezTo>
                  <a:pt x="1540" y="77"/>
                  <a:pt x="1535" y="78"/>
                  <a:pt x="1531" y="78"/>
                </a:cubicBezTo>
                <a:cubicBezTo>
                  <a:pt x="1528" y="77"/>
                  <a:pt x="1525" y="77"/>
                  <a:pt x="1522" y="77"/>
                </a:cubicBezTo>
                <a:cubicBezTo>
                  <a:pt x="1521" y="77"/>
                  <a:pt x="1519" y="77"/>
                  <a:pt x="1519" y="78"/>
                </a:cubicBezTo>
                <a:cubicBezTo>
                  <a:pt x="1517" y="78"/>
                  <a:pt x="1517" y="79"/>
                  <a:pt x="1517" y="80"/>
                </a:cubicBezTo>
                <a:cubicBezTo>
                  <a:pt x="1516" y="81"/>
                  <a:pt x="1515" y="82"/>
                  <a:pt x="1515" y="83"/>
                </a:cubicBezTo>
                <a:cubicBezTo>
                  <a:pt x="1515" y="85"/>
                  <a:pt x="1514" y="88"/>
                  <a:pt x="1512" y="89"/>
                </a:cubicBezTo>
                <a:cubicBezTo>
                  <a:pt x="1510" y="90"/>
                  <a:pt x="1508" y="91"/>
                  <a:pt x="1506" y="91"/>
                </a:cubicBezTo>
                <a:cubicBezTo>
                  <a:pt x="1504" y="92"/>
                  <a:pt x="1502" y="93"/>
                  <a:pt x="1502" y="95"/>
                </a:cubicBezTo>
                <a:cubicBezTo>
                  <a:pt x="1501" y="93"/>
                  <a:pt x="1503" y="91"/>
                  <a:pt x="1505" y="91"/>
                </a:cubicBezTo>
                <a:cubicBezTo>
                  <a:pt x="1506" y="91"/>
                  <a:pt x="1507" y="91"/>
                  <a:pt x="1507" y="90"/>
                </a:cubicBezTo>
                <a:cubicBezTo>
                  <a:pt x="1508" y="89"/>
                  <a:pt x="1509" y="89"/>
                  <a:pt x="1509" y="88"/>
                </a:cubicBezTo>
                <a:cubicBezTo>
                  <a:pt x="1510" y="87"/>
                  <a:pt x="1514" y="87"/>
                  <a:pt x="1514" y="85"/>
                </a:cubicBezTo>
                <a:cubicBezTo>
                  <a:pt x="1513" y="84"/>
                  <a:pt x="1511" y="85"/>
                  <a:pt x="1511" y="84"/>
                </a:cubicBezTo>
                <a:cubicBezTo>
                  <a:pt x="1510" y="84"/>
                  <a:pt x="1509" y="83"/>
                  <a:pt x="1509" y="83"/>
                </a:cubicBezTo>
                <a:cubicBezTo>
                  <a:pt x="1508" y="82"/>
                  <a:pt x="1507" y="82"/>
                  <a:pt x="1507" y="81"/>
                </a:cubicBezTo>
                <a:cubicBezTo>
                  <a:pt x="1508" y="79"/>
                  <a:pt x="1509" y="80"/>
                  <a:pt x="1510" y="80"/>
                </a:cubicBezTo>
                <a:cubicBezTo>
                  <a:pt x="1512" y="79"/>
                  <a:pt x="1511" y="76"/>
                  <a:pt x="1511" y="74"/>
                </a:cubicBezTo>
                <a:cubicBezTo>
                  <a:pt x="1511" y="73"/>
                  <a:pt x="1511" y="72"/>
                  <a:pt x="1510" y="73"/>
                </a:cubicBezTo>
                <a:cubicBezTo>
                  <a:pt x="1509" y="73"/>
                  <a:pt x="1509" y="74"/>
                  <a:pt x="1508" y="74"/>
                </a:cubicBezTo>
                <a:cubicBezTo>
                  <a:pt x="1507" y="75"/>
                  <a:pt x="1505" y="74"/>
                  <a:pt x="1504" y="75"/>
                </a:cubicBezTo>
                <a:cubicBezTo>
                  <a:pt x="1504" y="75"/>
                  <a:pt x="1503" y="76"/>
                  <a:pt x="1502" y="76"/>
                </a:cubicBezTo>
                <a:cubicBezTo>
                  <a:pt x="1501" y="76"/>
                  <a:pt x="1501" y="76"/>
                  <a:pt x="1500" y="77"/>
                </a:cubicBezTo>
                <a:cubicBezTo>
                  <a:pt x="1499" y="78"/>
                  <a:pt x="1496" y="79"/>
                  <a:pt x="1495" y="78"/>
                </a:cubicBezTo>
                <a:cubicBezTo>
                  <a:pt x="1494" y="77"/>
                  <a:pt x="1495" y="76"/>
                  <a:pt x="1494" y="76"/>
                </a:cubicBezTo>
                <a:cubicBezTo>
                  <a:pt x="1493" y="75"/>
                  <a:pt x="1492" y="76"/>
                  <a:pt x="1491" y="76"/>
                </a:cubicBezTo>
                <a:cubicBezTo>
                  <a:pt x="1490" y="76"/>
                  <a:pt x="1489" y="75"/>
                  <a:pt x="1488" y="74"/>
                </a:cubicBezTo>
                <a:cubicBezTo>
                  <a:pt x="1485" y="73"/>
                  <a:pt x="1483" y="75"/>
                  <a:pt x="1480" y="74"/>
                </a:cubicBezTo>
                <a:cubicBezTo>
                  <a:pt x="1479" y="73"/>
                  <a:pt x="1479" y="72"/>
                  <a:pt x="1478" y="72"/>
                </a:cubicBezTo>
                <a:cubicBezTo>
                  <a:pt x="1477" y="72"/>
                  <a:pt x="1476" y="72"/>
                  <a:pt x="1475" y="71"/>
                </a:cubicBezTo>
                <a:cubicBezTo>
                  <a:pt x="1474" y="70"/>
                  <a:pt x="1475" y="69"/>
                  <a:pt x="1474" y="68"/>
                </a:cubicBezTo>
                <a:cubicBezTo>
                  <a:pt x="1473" y="67"/>
                  <a:pt x="1472" y="67"/>
                  <a:pt x="1472" y="67"/>
                </a:cubicBezTo>
                <a:cubicBezTo>
                  <a:pt x="1470" y="65"/>
                  <a:pt x="1470" y="62"/>
                  <a:pt x="1471" y="61"/>
                </a:cubicBezTo>
                <a:cubicBezTo>
                  <a:pt x="1472" y="60"/>
                  <a:pt x="1473" y="59"/>
                  <a:pt x="1473" y="59"/>
                </a:cubicBezTo>
                <a:cubicBezTo>
                  <a:pt x="1474" y="58"/>
                  <a:pt x="1474" y="56"/>
                  <a:pt x="1475" y="57"/>
                </a:cubicBezTo>
                <a:cubicBezTo>
                  <a:pt x="1476" y="58"/>
                  <a:pt x="1475" y="59"/>
                  <a:pt x="1476" y="60"/>
                </a:cubicBezTo>
                <a:cubicBezTo>
                  <a:pt x="1477" y="60"/>
                  <a:pt x="1477" y="60"/>
                  <a:pt x="1478" y="60"/>
                </a:cubicBezTo>
                <a:cubicBezTo>
                  <a:pt x="1478" y="61"/>
                  <a:pt x="1479" y="61"/>
                  <a:pt x="1479" y="61"/>
                </a:cubicBezTo>
                <a:cubicBezTo>
                  <a:pt x="1481" y="63"/>
                  <a:pt x="1483" y="62"/>
                  <a:pt x="1485" y="62"/>
                </a:cubicBezTo>
                <a:cubicBezTo>
                  <a:pt x="1488" y="62"/>
                  <a:pt x="1490" y="63"/>
                  <a:pt x="1492" y="64"/>
                </a:cubicBezTo>
                <a:cubicBezTo>
                  <a:pt x="1494" y="64"/>
                  <a:pt x="1496" y="65"/>
                  <a:pt x="1498" y="64"/>
                </a:cubicBezTo>
                <a:cubicBezTo>
                  <a:pt x="1501" y="63"/>
                  <a:pt x="1499" y="61"/>
                  <a:pt x="1501" y="59"/>
                </a:cubicBezTo>
                <a:cubicBezTo>
                  <a:pt x="1502" y="58"/>
                  <a:pt x="1502" y="58"/>
                  <a:pt x="1503" y="57"/>
                </a:cubicBezTo>
                <a:cubicBezTo>
                  <a:pt x="1503" y="56"/>
                  <a:pt x="1503" y="55"/>
                  <a:pt x="1501" y="55"/>
                </a:cubicBezTo>
                <a:cubicBezTo>
                  <a:pt x="1500" y="55"/>
                  <a:pt x="1499" y="55"/>
                  <a:pt x="1498" y="55"/>
                </a:cubicBezTo>
                <a:cubicBezTo>
                  <a:pt x="1497" y="55"/>
                  <a:pt x="1496" y="54"/>
                  <a:pt x="1495" y="54"/>
                </a:cubicBezTo>
                <a:cubicBezTo>
                  <a:pt x="1493" y="53"/>
                  <a:pt x="1491" y="54"/>
                  <a:pt x="1489" y="53"/>
                </a:cubicBezTo>
                <a:cubicBezTo>
                  <a:pt x="1487" y="53"/>
                  <a:pt x="1486" y="51"/>
                  <a:pt x="1484" y="50"/>
                </a:cubicBezTo>
                <a:cubicBezTo>
                  <a:pt x="1482" y="48"/>
                  <a:pt x="1480" y="49"/>
                  <a:pt x="1478" y="49"/>
                </a:cubicBezTo>
                <a:cubicBezTo>
                  <a:pt x="1477" y="49"/>
                  <a:pt x="1477" y="48"/>
                  <a:pt x="1476" y="47"/>
                </a:cubicBezTo>
                <a:cubicBezTo>
                  <a:pt x="1475" y="46"/>
                  <a:pt x="1474" y="46"/>
                  <a:pt x="1474" y="46"/>
                </a:cubicBezTo>
                <a:cubicBezTo>
                  <a:pt x="1473" y="45"/>
                  <a:pt x="1467" y="42"/>
                  <a:pt x="1467" y="45"/>
                </a:cubicBezTo>
                <a:cubicBezTo>
                  <a:pt x="1467" y="46"/>
                  <a:pt x="1469" y="47"/>
                  <a:pt x="1469" y="47"/>
                </a:cubicBezTo>
                <a:cubicBezTo>
                  <a:pt x="1470" y="48"/>
                  <a:pt x="1470" y="49"/>
                  <a:pt x="1471" y="50"/>
                </a:cubicBezTo>
                <a:cubicBezTo>
                  <a:pt x="1472" y="50"/>
                  <a:pt x="1472" y="50"/>
                  <a:pt x="1473" y="52"/>
                </a:cubicBezTo>
                <a:cubicBezTo>
                  <a:pt x="1473" y="53"/>
                  <a:pt x="1473" y="54"/>
                  <a:pt x="1471" y="54"/>
                </a:cubicBezTo>
                <a:cubicBezTo>
                  <a:pt x="1470" y="54"/>
                  <a:pt x="1470" y="53"/>
                  <a:pt x="1469" y="52"/>
                </a:cubicBezTo>
                <a:cubicBezTo>
                  <a:pt x="1468" y="52"/>
                  <a:pt x="1467" y="52"/>
                  <a:pt x="1466" y="51"/>
                </a:cubicBezTo>
                <a:cubicBezTo>
                  <a:pt x="1465" y="51"/>
                  <a:pt x="1464" y="50"/>
                  <a:pt x="1463" y="50"/>
                </a:cubicBezTo>
                <a:cubicBezTo>
                  <a:pt x="1461" y="50"/>
                  <a:pt x="1462" y="52"/>
                  <a:pt x="1462" y="54"/>
                </a:cubicBezTo>
                <a:cubicBezTo>
                  <a:pt x="1462" y="58"/>
                  <a:pt x="1458" y="56"/>
                  <a:pt x="1455" y="56"/>
                </a:cubicBezTo>
                <a:cubicBezTo>
                  <a:pt x="1453" y="56"/>
                  <a:pt x="1450" y="57"/>
                  <a:pt x="1448" y="56"/>
                </a:cubicBezTo>
                <a:cubicBezTo>
                  <a:pt x="1446" y="56"/>
                  <a:pt x="1444" y="55"/>
                  <a:pt x="1442" y="55"/>
                </a:cubicBezTo>
                <a:cubicBezTo>
                  <a:pt x="1440" y="55"/>
                  <a:pt x="1438" y="55"/>
                  <a:pt x="1436" y="53"/>
                </a:cubicBezTo>
                <a:cubicBezTo>
                  <a:pt x="1434" y="53"/>
                  <a:pt x="1431" y="52"/>
                  <a:pt x="1428" y="53"/>
                </a:cubicBezTo>
                <a:cubicBezTo>
                  <a:pt x="1426" y="53"/>
                  <a:pt x="1425" y="55"/>
                  <a:pt x="1424" y="57"/>
                </a:cubicBezTo>
                <a:cubicBezTo>
                  <a:pt x="1424" y="56"/>
                  <a:pt x="1422" y="53"/>
                  <a:pt x="1421" y="53"/>
                </a:cubicBezTo>
                <a:cubicBezTo>
                  <a:pt x="1420" y="52"/>
                  <a:pt x="1420" y="52"/>
                  <a:pt x="1419" y="51"/>
                </a:cubicBezTo>
                <a:cubicBezTo>
                  <a:pt x="1418" y="50"/>
                  <a:pt x="1418" y="49"/>
                  <a:pt x="1417" y="49"/>
                </a:cubicBezTo>
                <a:cubicBezTo>
                  <a:pt x="1416" y="49"/>
                  <a:pt x="1415" y="51"/>
                  <a:pt x="1415" y="51"/>
                </a:cubicBezTo>
                <a:cubicBezTo>
                  <a:pt x="1413" y="53"/>
                  <a:pt x="1411" y="52"/>
                  <a:pt x="1409" y="54"/>
                </a:cubicBezTo>
                <a:cubicBezTo>
                  <a:pt x="1409" y="55"/>
                  <a:pt x="1408" y="56"/>
                  <a:pt x="1407" y="56"/>
                </a:cubicBezTo>
                <a:cubicBezTo>
                  <a:pt x="1406" y="56"/>
                  <a:pt x="1405" y="56"/>
                  <a:pt x="1404" y="57"/>
                </a:cubicBezTo>
                <a:cubicBezTo>
                  <a:pt x="1403" y="57"/>
                  <a:pt x="1403" y="58"/>
                  <a:pt x="1401" y="58"/>
                </a:cubicBezTo>
                <a:cubicBezTo>
                  <a:pt x="1401" y="58"/>
                  <a:pt x="1400" y="58"/>
                  <a:pt x="1399" y="59"/>
                </a:cubicBezTo>
                <a:cubicBezTo>
                  <a:pt x="1399" y="59"/>
                  <a:pt x="1399" y="60"/>
                  <a:pt x="1398" y="60"/>
                </a:cubicBezTo>
                <a:cubicBezTo>
                  <a:pt x="1398" y="59"/>
                  <a:pt x="1399" y="58"/>
                  <a:pt x="1399" y="58"/>
                </a:cubicBezTo>
                <a:cubicBezTo>
                  <a:pt x="1400" y="57"/>
                  <a:pt x="1401" y="57"/>
                  <a:pt x="1402" y="56"/>
                </a:cubicBezTo>
                <a:cubicBezTo>
                  <a:pt x="1404" y="55"/>
                  <a:pt x="1401" y="52"/>
                  <a:pt x="1400" y="52"/>
                </a:cubicBezTo>
                <a:cubicBezTo>
                  <a:pt x="1399" y="52"/>
                  <a:pt x="1398" y="52"/>
                  <a:pt x="1397" y="51"/>
                </a:cubicBezTo>
                <a:cubicBezTo>
                  <a:pt x="1396" y="51"/>
                  <a:pt x="1394" y="50"/>
                  <a:pt x="1394" y="50"/>
                </a:cubicBezTo>
                <a:cubicBezTo>
                  <a:pt x="1393" y="49"/>
                  <a:pt x="1395" y="48"/>
                  <a:pt x="1395" y="47"/>
                </a:cubicBezTo>
                <a:cubicBezTo>
                  <a:pt x="1395" y="46"/>
                  <a:pt x="1395" y="45"/>
                  <a:pt x="1395" y="44"/>
                </a:cubicBezTo>
                <a:cubicBezTo>
                  <a:pt x="1394" y="42"/>
                  <a:pt x="1392" y="41"/>
                  <a:pt x="1390" y="41"/>
                </a:cubicBezTo>
                <a:cubicBezTo>
                  <a:pt x="1389" y="40"/>
                  <a:pt x="1387" y="39"/>
                  <a:pt x="1385" y="39"/>
                </a:cubicBezTo>
                <a:cubicBezTo>
                  <a:pt x="1384" y="39"/>
                  <a:pt x="1383" y="39"/>
                  <a:pt x="1382" y="39"/>
                </a:cubicBezTo>
                <a:cubicBezTo>
                  <a:pt x="1381" y="39"/>
                  <a:pt x="1381" y="38"/>
                  <a:pt x="1380" y="38"/>
                </a:cubicBezTo>
                <a:cubicBezTo>
                  <a:pt x="1378" y="38"/>
                  <a:pt x="1377" y="38"/>
                  <a:pt x="1376" y="38"/>
                </a:cubicBezTo>
                <a:cubicBezTo>
                  <a:pt x="1375" y="38"/>
                  <a:pt x="1375" y="37"/>
                  <a:pt x="1374" y="36"/>
                </a:cubicBezTo>
                <a:cubicBezTo>
                  <a:pt x="1373" y="36"/>
                  <a:pt x="1372" y="36"/>
                  <a:pt x="1371" y="35"/>
                </a:cubicBezTo>
                <a:cubicBezTo>
                  <a:pt x="1371" y="34"/>
                  <a:pt x="1372" y="33"/>
                  <a:pt x="1373" y="33"/>
                </a:cubicBezTo>
                <a:cubicBezTo>
                  <a:pt x="1375" y="33"/>
                  <a:pt x="1377" y="34"/>
                  <a:pt x="1379" y="34"/>
                </a:cubicBezTo>
                <a:cubicBezTo>
                  <a:pt x="1381" y="35"/>
                  <a:pt x="1382" y="36"/>
                  <a:pt x="1385" y="36"/>
                </a:cubicBezTo>
                <a:cubicBezTo>
                  <a:pt x="1387" y="36"/>
                  <a:pt x="1389" y="36"/>
                  <a:pt x="1391" y="37"/>
                </a:cubicBezTo>
                <a:cubicBezTo>
                  <a:pt x="1393" y="37"/>
                  <a:pt x="1395" y="37"/>
                  <a:pt x="1398" y="37"/>
                </a:cubicBezTo>
                <a:cubicBezTo>
                  <a:pt x="1400" y="37"/>
                  <a:pt x="1402" y="37"/>
                  <a:pt x="1404" y="37"/>
                </a:cubicBezTo>
                <a:cubicBezTo>
                  <a:pt x="1406" y="37"/>
                  <a:pt x="1409" y="37"/>
                  <a:pt x="1410" y="38"/>
                </a:cubicBezTo>
                <a:cubicBezTo>
                  <a:pt x="1413" y="39"/>
                  <a:pt x="1414" y="39"/>
                  <a:pt x="1416" y="39"/>
                </a:cubicBezTo>
                <a:cubicBezTo>
                  <a:pt x="1419" y="38"/>
                  <a:pt x="1419" y="36"/>
                  <a:pt x="1421" y="35"/>
                </a:cubicBezTo>
                <a:cubicBezTo>
                  <a:pt x="1422" y="34"/>
                  <a:pt x="1423" y="34"/>
                  <a:pt x="1424" y="34"/>
                </a:cubicBezTo>
                <a:cubicBezTo>
                  <a:pt x="1425" y="33"/>
                  <a:pt x="1425" y="32"/>
                  <a:pt x="1426" y="32"/>
                </a:cubicBezTo>
                <a:cubicBezTo>
                  <a:pt x="1428" y="31"/>
                  <a:pt x="1430" y="31"/>
                  <a:pt x="1433" y="31"/>
                </a:cubicBezTo>
                <a:cubicBezTo>
                  <a:pt x="1435" y="30"/>
                  <a:pt x="1437" y="30"/>
                  <a:pt x="1439" y="29"/>
                </a:cubicBezTo>
                <a:cubicBezTo>
                  <a:pt x="1440" y="29"/>
                  <a:pt x="1441" y="28"/>
                  <a:pt x="1441" y="28"/>
                </a:cubicBezTo>
                <a:cubicBezTo>
                  <a:pt x="1442" y="27"/>
                  <a:pt x="1442" y="26"/>
                  <a:pt x="1442" y="25"/>
                </a:cubicBezTo>
                <a:cubicBezTo>
                  <a:pt x="1443" y="24"/>
                  <a:pt x="1443" y="23"/>
                  <a:pt x="1443" y="22"/>
                </a:cubicBezTo>
                <a:cubicBezTo>
                  <a:pt x="1442" y="21"/>
                  <a:pt x="1441" y="20"/>
                  <a:pt x="1441" y="20"/>
                </a:cubicBezTo>
                <a:cubicBezTo>
                  <a:pt x="1440" y="19"/>
                  <a:pt x="1439" y="19"/>
                  <a:pt x="1438" y="18"/>
                </a:cubicBezTo>
                <a:cubicBezTo>
                  <a:pt x="1437" y="18"/>
                  <a:pt x="1436" y="18"/>
                  <a:pt x="1435" y="18"/>
                </a:cubicBezTo>
                <a:cubicBezTo>
                  <a:pt x="1434" y="18"/>
                  <a:pt x="1433" y="17"/>
                  <a:pt x="1432" y="17"/>
                </a:cubicBezTo>
                <a:cubicBezTo>
                  <a:pt x="1431" y="16"/>
                  <a:pt x="1430" y="16"/>
                  <a:pt x="1429" y="16"/>
                </a:cubicBezTo>
                <a:cubicBezTo>
                  <a:pt x="1427" y="16"/>
                  <a:pt x="1425" y="15"/>
                  <a:pt x="1423" y="15"/>
                </a:cubicBezTo>
                <a:cubicBezTo>
                  <a:pt x="1421" y="14"/>
                  <a:pt x="1418" y="16"/>
                  <a:pt x="1417" y="14"/>
                </a:cubicBezTo>
                <a:cubicBezTo>
                  <a:pt x="1417" y="13"/>
                  <a:pt x="1417" y="12"/>
                  <a:pt x="1417" y="11"/>
                </a:cubicBezTo>
                <a:cubicBezTo>
                  <a:pt x="1417" y="9"/>
                  <a:pt x="1417" y="8"/>
                  <a:pt x="1417" y="7"/>
                </a:cubicBezTo>
                <a:cubicBezTo>
                  <a:pt x="1416" y="6"/>
                  <a:pt x="1415" y="4"/>
                  <a:pt x="1413" y="4"/>
                </a:cubicBezTo>
                <a:cubicBezTo>
                  <a:pt x="1411" y="4"/>
                  <a:pt x="1409" y="5"/>
                  <a:pt x="1408" y="6"/>
                </a:cubicBezTo>
                <a:cubicBezTo>
                  <a:pt x="1407" y="7"/>
                  <a:pt x="1406" y="7"/>
                  <a:pt x="1405" y="7"/>
                </a:cubicBezTo>
                <a:cubicBezTo>
                  <a:pt x="1403" y="7"/>
                  <a:pt x="1404" y="6"/>
                  <a:pt x="1403" y="5"/>
                </a:cubicBezTo>
                <a:cubicBezTo>
                  <a:pt x="1403" y="2"/>
                  <a:pt x="1400" y="3"/>
                  <a:pt x="1398" y="4"/>
                </a:cubicBezTo>
                <a:cubicBezTo>
                  <a:pt x="1397" y="4"/>
                  <a:pt x="1396" y="5"/>
                  <a:pt x="1395" y="5"/>
                </a:cubicBezTo>
                <a:cubicBezTo>
                  <a:pt x="1394" y="6"/>
                  <a:pt x="1394" y="6"/>
                  <a:pt x="1393" y="5"/>
                </a:cubicBezTo>
                <a:cubicBezTo>
                  <a:pt x="1393" y="4"/>
                  <a:pt x="1393" y="3"/>
                  <a:pt x="1392" y="3"/>
                </a:cubicBezTo>
                <a:cubicBezTo>
                  <a:pt x="1391" y="3"/>
                  <a:pt x="1391" y="3"/>
                  <a:pt x="1390" y="3"/>
                </a:cubicBezTo>
                <a:cubicBezTo>
                  <a:pt x="1371" y="3"/>
                  <a:pt x="1371" y="3"/>
                  <a:pt x="1371" y="3"/>
                </a:cubicBezTo>
                <a:cubicBezTo>
                  <a:pt x="1371" y="3"/>
                  <a:pt x="1371" y="3"/>
                  <a:pt x="1371" y="3"/>
                </a:cubicBezTo>
                <a:cubicBezTo>
                  <a:pt x="1370" y="6"/>
                  <a:pt x="1365" y="8"/>
                  <a:pt x="1365" y="12"/>
                </a:cubicBezTo>
                <a:cubicBezTo>
                  <a:pt x="1364" y="14"/>
                  <a:pt x="1366" y="16"/>
                  <a:pt x="1366" y="18"/>
                </a:cubicBezTo>
                <a:cubicBezTo>
                  <a:pt x="1366" y="20"/>
                  <a:pt x="1363" y="22"/>
                  <a:pt x="1362" y="23"/>
                </a:cubicBezTo>
                <a:cubicBezTo>
                  <a:pt x="1361" y="24"/>
                  <a:pt x="1360" y="24"/>
                  <a:pt x="1359" y="24"/>
                </a:cubicBezTo>
                <a:cubicBezTo>
                  <a:pt x="1358" y="24"/>
                  <a:pt x="1358" y="23"/>
                  <a:pt x="1358" y="22"/>
                </a:cubicBezTo>
                <a:cubicBezTo>
                  <a:pt x="1359" y="22"/>
                  <a:pt x="1360" y="21"/>
                  <a:pt x="1360" y="21"/>
                </a:cubicBezTo>
                <a:cubicBezTo>
                  <a:pt x="1361" y="20"/>
                  <a:pt x="1361" y="19"/>
                  <a:pt x="1362" y="18"/>
                </a:cubicBezTo>
                <a:cubicBezTo>
                  <a:pt x="1362" y="17"/>
                  <a:pt x="1363" y="17"/>
                  <a:pt x="1362" y="16"/>
                </a:cubicBezTo>
                <a:cubicBezTo>
                  <a:pt x="1361" y="15"/>
                  <a:pt x="1359" y="18"/>
                  <a:pt x="1358" y="18"/>
                </a:cubicBezTo>
                <a:cubicBezTo>
                  <a:pt x="1357" y="19"/>
                  <a:pt x="1356" y="18"/>
                  <a:pt x="1356" y="18"/>
                </a:cubicBezTo>
                <a:cubicBezTo>
                  <a:pt x="1354" y="18"/>
                  <a:pt x="1353" y="18"/>
                  <a:pt x="1352" y="20"/>
                </a:cubicBezTo>
                <a:cubicBezTo>
                  <a:pt x="1351" y="20"/>
                  <a:pt x="1351" y="20"/>
                  <a:pt x="1350" y="19"/>
                </a:cubicBezTo>
                <a:cubicBezTo>
                  <a:pt x="1350" y="18"/>
                  <a:pt x="1348" y="18"/>
                  <a:pt x="1348" y="17"/>
                </a:cubicBezTo>
                <a:cubicBezTo>
                  <a:pt x="1348" y="16"/>
                  <a:pt x="1349" y="16"/>
                  <a:pt x="1350" y="15"/>
                </a:cubicBezTo>
                <a:cubicBezTo>
                  <a:pt x="1351" y="15"/>
                  <a:pt x="1352" y="14"/>
                  <a:pt x="1352" y="13"/>
                </a:cubicBezTo>
                <a:cubicBezTo>
                  <a:pt x="1354" y="12"/>
                  <a:pt x="1356" y="12"/>
                  <a:pt x="1357" y="11"/>
                </a:cubicBezTo>
                <a:cubicBezTo>
                  <a:pt x="1358" y="10"/>
                  <a:pt x="1358" y="9"/>
                  <a:pt x="1359" y="9"/>
                </a:cubicBezTo>
                <a:cubicBezTo>
                  <a:pt x="1359" y="8"/>
                  <a:pt x="1360" y="8"/>
                  <a:pt x="1361" y="7"/>
                </a:cubicBezTo>
                <a:cubicBezTo>
                  <a:pt x="1361" y="6"/>
                  <a:pt x="1361" y="2"/>
                  <a:pt x="1360" y="3"/>
                </a:cubicBezTo>
                <a:cubicBezTo>
                  <a:pt x="1359" y="3"/>
                  <a:pt x="1359" y="4"/>
                  <a:pt x="1359" y="4"/>
                </a:cubicBezTo>
                <a:cubicBezTo>
                  <a:pt x="1358" y="5"/>
                  <a:pt x="1357" y="5"/>
                  <a:pt x="1357" y="5"/>
                </a:cubicBezTo>
                <a:cubicBezTo>
                  <a:pt x="1355" y="5"/>
                  <a:pt x="1354" y="6"/>
                  <a:pt x="1352" y="6"/>
                </a:cubicBezTo>
                <a:cubicBezTo>
                  <a:pt x="1350" y="6"/>
                  <a:pt x="1351" y="4"/>
                  <a:pt x="1349" y="3"/>
                </a:cubicBezTo>
                <a:cubicBezTo>
                  <a:pt x="1349" y="3"/>
                  <a:pt x="1349" y="3"/>
                  <a:pt x="1349" y="3"/>
                </a:cubicBezTo>
                <a:cubicBezTo>
                  <a:pt x="1331" y="3"/>
                  <a:pt x="1331" y="3"/>
                  <a:pt x="1331" y="3"/>
                </a:cubicBezTo>
                <a:cubicBezTo>
                  <a:pt x="1329" y="3"/>
                  <a:pt x="1326" y="3"/>
                  <a:pt x="1326" y="5"/>
                </a:cubicBezTo>
                <a:cubicBezTo>
                  <a:pt x="1325" y="6"/>
                  <a:pt x="1326" y="6"/>
                  <a:pt x="1327" y="6"/>
                </a:cubicBezTo>
                <a:cubicBezTo>
                  <a:pt x="1328" y="7"/>
                  <a:pt x="1327" y="8"/>
                  <a:pt x="1327" y="9"/>
                </a:cubicBezTo>
                <a:cubicBezTo>
                  <a:pt x="1326" y="10"/>
                  <a:pt x="1326" y="11"/>
                  <a:pt x="1325" y="11"/>
                </a:cubicBezTo>
                <a:cubicBezTo>
                  <a:pt x="1324" y="11"/>
                  <a:pt x="1322" y="11"/>
                  <a:pt x="1321" y="11"/>
                </a:cubicBezTo>
                <a:cubicBezTo>
                  <a:pt x="1319" y="14"/>
                  <a:pt x="1324" y="14"/>
                  <a:pt x="1324" y="16"/>
                </a:cubicBezTo>
                <a:cubicBezTo>
                  <a:pt x="1324" y="19"/>
                  <a:pt x="1320" y="16"/>
                  <a:pt x="1319" y="15"/>
                </a:cubicBezTo>
                <a:cubicBezTo>
                  <a:pt x="1318" y="15"/>
                  <a:pt x="1317" y="16"/>
                  <a:pt x="1316" y="17"/>
                </a:cubicBezTo>
                <a:cubicBezTo>
                  <a:pt x="1315" y="18"/>
                  <a:pt x="1314" y="19"/>
                  <a:pt x="1313" y="20"/>
                </a:cubicBezTo>
                <a:cubicBezTo>
                  <a:pt x="1312" y="20"/>
                  <a:pt x="1312" y="20"/>
                  <a:pt x="1312" y="21"/>
                </a:cubicBezTo>
                <a:cubicBezTo>
                  <a:pt x="1309" y="25"/>
                  <a:pt x="1309" y="19"/>
                  <a:pt x="1309" y="17"/>
                </a:cubicBezTo>
                <a:cubicBezTo>
                  <a:pt x="1310" y="16"/>
                  <a:pt x="1310" y="15"/>
                  <a:pt x="1310" y="14"/>
                </a:cubicBezTo>
                <a:cubicBezTo>
                  <a:pt x="1309" y="13"/>
                  <a:pt x="1308" y="12"/>
                  <a:pt x="1308" y="11"/>
                </a:cubicBezTo>
                <a:cubicBezTo>
                  <a:pt x="1308" y="10"/>
                  <a:pt x="1308" y="9"/>
                  <a:pt x="1307" y="8"/>
                </a:cubicBezTo>
                <a:cubicBezTo>
                  <a:pt x="1307" y="8"/>
                  <a:pt x="1305" y="7"/>
                  <a:pt x="1306" y="6"/>
                </a:cubicBezTo>
                <a:cubicBezTo>
                  <a:pt x="1306" y="5"/>
                  <a:pt x="1308" y="6"/>
                  <a:pt x="1309" y="6"/>
                </a:cubicBezTo>
                <a:cubicBezTo>
                  <a:pt x="1310" y="6"/>
                  <a:pt x="1310" y="5"/>
                  <a:pt x="1311" y="4"/>
                </a:cubicBezTo>
                <a:cubicBezTo>
                  <a:pt x="1311" y="3"/>
                  <a:pt x="1312" y="3"/>
                  <a:pt x="1312" y="3"/>
                </a:cubicBezTo>
                <a:cubicBezTo>
                  <a:pt x="1298" y="3"/>
                  <a:pt x="1298" y="3"/>
                  <a:pt x="1298" y="3"/>
                </a:cubicBezTo>
                <a:cubicBezTo>
                  <a:pt x="1297" y="3"/>
                  <a:pt x="1297" y="3"/>
                  <a:pt x="1296" y="4"/>
                </a:cubicBezTo>
                <a:cubicBezTo>
                  <a:pt x="1294" y="5"/>
                  <a:pt x="1293" y="7"/>
                  <a:pt x="1291" y="9"/>
                </a:cubicBezTo>
                <a:cubicBezTo>
                  <a:pt x="1290" y="11"/>
                  <a:pt x="1288" y="11"/>
                  <a:pt x="1286" y="13"/>
                </a:cubicBezTo>
                <a:cubicBezTo>
                  <a:pt x="1283" y="16"/>
                  <a:pt x="1281" y="19"/>
                  <a:pt x="1277" y="22"/>
                </a:cubicBezTo>
                <a:cubicBezTo>
                  <a:pt x="1277" y="22"/>
                  <a:pt x="1276" y="23"/>
                  <a:pt x="1275" y="23"/>
                </a:cubicBezTo>
                <a:cubicBezTo>
                  <a:pt x="1275" y="25"/>
                  <a:pt x="1276" y="24"/>
                  <a:pt x="1276" y="25"/>
                </a:cubicBezTo>
                <a:cubicBezTo>
                  <a:pt x="1277" y="25"/>
                  <a:pt x="1277" y="26"/>
                  <a:pt x="1277" y="26"/>
                </a:cubicBezTo>
                <a:cubicBezTo>
                  <a:pt x="1277" y="27"/>
                  <a:pt x="1278" y="27"/>
                  <a:pt x="1278" y="27"/>
                </a:cubicBezTo>
                <a:cubicBezTo>
                  <a:pt x="1278" y="28"/>
                  <a:pt x="1277" y="29"/>
                  <a:pt x="1276" y="30"/>
                </a:cubicBezTo>
                <a:cubicBezTo>
                  <a:pt x="1274" y="31"/>
                  <a:pt x="1273" y="32"/>
                  <a:pt x="1272" y="33"/>
                </a:cubicBezTo>
                <a:cubicBezTo>
                  <a:pt x="1271" y="34"/>
                  <a:pt x="1270" y="34"/>
                  <a:pt x="1270" y="35"/>
                </a:cubicBezTo>
                <a:cubicBezTo>
                  <a:pt x="1270" y="36"/>
                  <a:pt x="1270" y="37"/>
                  <a:pt x="1269" y="38"/>
                </a:cubicBezTo>
                <a:cubicBezTo>
                  <a:pt x="1269" y="37"/>
                  <a:pt x="1268" y="37"/>
                  <a:pt x="1268" y="37"/>
                </a:cubicBezTo>
                <a:cubicBezTo>
                  <a:pt x="1268" y="37"/>
                  <a:pt x="1267" y="36"/>
                  <a:pt x="1267" y="36"/>
                </a:cubicBezTo>
                <a:cubicBezTo>
                  <a:pt x="1267" y="35"/>
                  <a:pt x="1267" y="33"/>
                  <a:pt x="1265" y="33"/>
                </a:cubicBezTo>
                <a:cubicBezTo>
                  <a:pt x="1264" y="33"/>
                  <a:pt x="1264" y="38"/>
                  <a:pt x="1262" y="38"/>
                </a:cubicBezTo>
                <a:cubicBezTo>
                  <a:pt x="1262" y="37"/>
                  <a:pt x="1262" y="32"/>
                  <a:pt x="1262" y="31"/>
                </a:cubicBezTo>
                <a:cubicBezTo>
                  <a:pt x="1262" y="29"/>
                  <a:pt x="1264" y="28"/>
                  <a:pt x="1264" y="25"/>
                </a:cubicBezTo>
                <a:cubicBezTo>
                  <a:pt x="1265" y="24"/>
                  <a:pt x="1264" y="23"/>
                  <a:pt x="1265" y="22"/>
                </a:cubicBezTo>
                <a:cubicBezTo>
                  <a:pt x="1266" y="21"/>
                  <a:pt x="1267" y="21"/>
                  <a:pt x="1267" y="20"/>
                </a:cubicBezTo>
                <a:cubicBezTo>
                  <a:pt x="1268" y="19"/>
                  <a:pt x="1268" y="18"/>
                  <a:pt x="1267" y="17"/>
                </a:cubicBezTo>
                <a:cubicBezTo>
                  <a:pt x="1267" y="16"/>
                  <a:pt x="1266" y="16"/>
                  <a:pt x="1267" y="14"/>
                </a:cubicBezTo>
                <a:cubicBezTo>
                  <a:pt x="1268" y="13"/>
                  <a:pt x="1271" y="12"/>
                  <a:pt x="1272" y="11"/>
                </a:cubicBezTo>
                <a:cubicBezTo>
                  <a:pt x="1274" y="9"/>
                  <a:pt x="1275" y="7"/>
                  <a:pt x="1277" y="7"/>
                </a:cubicBezTo>
                <a:cubicBezTo>
                  <a:pt x="1279" y="6"/>
                  <a:pt x="1281" y="6"/>
                  <a:pt x="1282" y="5"/>
                </a:cubicBezTo>
                <a:cubicBezTo>
                  <a:pt x="1283" y="4"/>
                  <a:pt x="1283" y="3"/>
                  <a:pt x="1284" y="3"/>
                </a:cubicBezTo>
                <a:cubicBezTo>
                  <a:pt x="1244" y="3"/>
                  <a:pt x="1244" y="3"/>
                  <a:pt x="1244" y="3"/>
                </a:cubicBezTo>
                <a:cubicBezTo>
                  <a:pt x="1245" y="4"/>
                  <a:pt x="1249" y="2"/>
                  <a:pt x="1249" y="5"/>
                </a:cubicBezTo>
                <a:cubicBezTo>
                  <a:pt x="1249" y="6"/>
                  <a:pt x="1247" y="6"/>
                  <a:pt x="1246" y="6"/>
                </a:cubicBezTo>
                <a:cubicBezTo>
                  <a:pt x="1245" y="6"/>
                  <a:pt x="1244" y="7"/>
                  <a:pt x="1243" y="7"/>
                </a:cubicBezTo>
                <a:cubicBezTo>
                  <a:pt x="1243" y="8"/>
                  <a:pt x="1242" y="9"/>
                  <a:pt x="1241" y="10"/>
                </a:cubicBezTo>
                <a:cubicBezTo>
                  <a:pt x="1241" y="11"/>
                  <a:pt x="1240" y="12"/>
                  <a:pt x="1240" y="13"/>
                </a:cubicBezTo>
                <a:cubicBezTo>
                  <a:pt x="1240" y="14"/>
                  <a:pt x="1244" y="17"/>
                  <a:pt x="1241" y="17"/>
                </a:cubicBezTo>
                <a:cubicBezTo>
                  <a:pt x="1238" y="18"/>
                  <a:pt x="1236" y="16"/>
                  <a:pt x="1234" y="15"/>
                </a:cubicBezTo>
                <a:cubicBezTo>
                  <a:pt x="1231" y="15"/>
                  <a:pt x="1229" y="16"/>
                  <a:pt x="1227" y="18"/>
                </a:cubicBezTo>
                <a:cubicBezTo>
                  <a:pt x="1225" y="19"/>
                  <a:pt x="1223" y="21"/>
                  <a:pt x="1221" y="21"/>
                </a:cubicBezTo>
                <a:cubicBezTo>
                  <a:pt x="1220" y="22"/>
                  <a:pt x="1217" y="23"/>
                  <a:pt x="1216" y="25"/>
                </a:cubicBezTo>
                <a:cubicBezTo>
                  <a:pt x="1215" y="26"/>
                  <a:pt x="1215" y="27"/>
                  <a:pt x="1213" y="28"/>
                </a:cubicBezTo>
                <a:cubicBezTo>
                  <a:pt x="1212" y="29"/>
                  <a:pt x="1211" y="30"/>
                  <a:pt x="1211" y="32"/>
                </a:cubicBezTo>
                <a:cubicBezTo>
                  <a:pt x="1213" y="32"/>
                  <a:pt x="1214" y="36"/>
                  <a:pt x="1212" y="37"/>
                </a:cubicBezTo>
                <a:cubicBezTo>
                  <a:pt x="1211" y="38"/>
                  <a:pt x="1209" y="38"/>
                  <a:pt x="1210" y="39"/>
                </a:cubicBezTo>
                <a:cubicBezTo>
                  <a:pt x="1210" y="39"/>
                  <a:pt x="1212" y="40"/>
                  <a:pt x="1212" y="40"/>
                </a:cubicBezTo>
                <a:cubicBezTo>
                  <a:pt x="1213" y="41"/>
                  <a:pt x="1214" y="41"/>
                  <a:pt x="1215" y="41"/>
                </a:cubicBezTo>
                <a:cubicBezTo>
                  <a:pt x="1216" y="41"/>
                  <a:pt x="1217" y="40"/>
                  <a:pt x="1218" y="41"/>
                </a:cubicBezTo>
                <a:cubicBezTo>
                  <a:pt x="1220" y="42"/>
                  <a:pt x="1214" y="43"/>
                  <a:pt x="1213" y="43"/>
                </a:cubicBezTo>
                <a:cubicBezTo>
                  <a:pt x="1212" y="44"/>
                  <a:pt x="1211" y="45"/>
                  <a:pt x="1209" y="45"/>
                </a:cubicBezTo>
                <a:cubicBezTo>
                  <a:pt x="1208" y="46"/>
                  <a:pt x="1208" y="44"/>
                  <a:pt x="1208" y="43"/>
                </a:cubicBezTo>
                <a:cubicBezTo>
                  <a:pt x="1207" y="42"/>
                  <a:pt x="1207" y="41"/>
                  <a:pt x="1206" y="41"/>
                </a:cubicBezTo>
                <a:cubicBezTo>
                  <a:pt x="1205" y="41"/>
                  <a:pt x="1204" y="41"/>
                  <a:pt x="1204" y="39"/>
                </a:cubicBezTo>
                <a:cubicBezTo>
                  <a:pt x="1205" y="39"/>
                  <a:pt x="1204" y="38"/>
                  <a:pt x="1203" y="37"/>
                </a:cubicBezTo>
                <a:cubicBezTo>
                  <a:pt x="1202" y="37"/>
                  <a:pt x="1201" y="38"/>
                  <a:pt x="1200" y="37"/>
                </a:cubicBezTo>
                <a:cubicBezTo>
                  <a:pt x="1197" y="35"/>
                  <a:pt x="1202" y="35"/>
                  <a:pt x="1203" y="34"/>
                </a:cubicBezTo>
                <a:cubicBezTo>
                  <a:pt x="1204" y="33"/>
                  <a:pt x="1204" y="32"/>
                  <a:pt x="1203" y="32"/>
                </a:cubicBezTo>
                <a:cubicBezTo>
                  <a:pt x="1202" y="31"/>
                  <a:pt x="1200" y="32"/>
                  <a:pt x="1199" y="31"/>
                </a:cubicBezTo>
                <a:cubicBezTo>
                  <a:pt x="1198" y="30"/>
                  <a:pt x="1199" y="29"/>
                  <a:pt x="1200" y="29"/>
                </a:cubicBezTo>
                <a:cubicBezTo>
                  <a:pt x="1201" y="29"/>
                  <a:pt x="1201" y="29"/>
                  <a:pt x="1202" y="29"/>
                </a:cubicBezTo>
                <a:cubicBezTo>
                  <a:pt x="1202" y="28"/>
                  <a:pt x="1202" y="28"/>
                  <a:pt x="1203" y="28"/>
                </a:cubicBezTo>
                <a:cubicBezTo>
                  <a:pt x="1203" y="28"/>
                  <a:pt x="1204" y="28"/>
                  <a:pt x="1204" y="28"/>
                </a:cubicBezTo>
                <a:cubicBezTo>
                  <a:pt x="1204" y="27"/>
                  <a:pt x="1203" y="26"/>
                  <a:pt x="1202" y="26"/>
                </a:cubicBezTo>
                <a:cubicBezTo>
                  <a:pt x="1201" y="26"/>
                  <a:pt x="1201" y="26"/>
                  <a:pt x="1200" y="25"/>
                </a:cubicBezTo>
                <a:cubicBezTo>
                  <a:pt x="1199" y="24"/>
                  <a:pt x="1199" y="24"/>
                  <a:pt x="1198" y="23"/>
                </a:cubicBezTo>
                <a:cubicBezTo>
                  <a:pt x="1197" y="23"/>
                  <a:pt x="1196" y="23"/>
                  <a:pt x="1195" y="23"/>
                </a:cubicBezTo>
                <a:cubicBezTo>
                  <a:pt x="1193" y="23"/>
                  <a:pt x="1184" y="22"/>
                  <a:pt x="1184" y="24"/>
                </a:cubicBezTo>
                <a:cubicBezTo>
                  <a:pt x="1185" y="25"/>
                  <a:pt x="1186" y="24"/>
                  <a:pt x="1187" y="25"/>
                </a:cubicBezTo>
                <a:cubicBezTo>
                  <a:pt x="1188" y="25"/>
                  <a:pt x="1187" y="26"/>
                  <a:pt x="1188" y="27"/>
                </a:cubicBezTo>
                <a:cubicBezTo>
                  <a:pt x="1189" y="28"/>
                  <a:pt x="1190" y="27"/>
                  <a:pt x="1191" y="28"/>
                </a:cubicBezTo>
                <a:cubicBezTo>
                  <a:pt x="1192" y="29"/>
                  <a:pt x="1191" y="30"/>
                  <a:pt x="1190" y="29"/>
                </a:cubicBezTo>
                <a:cubicBezTo>
                  <a:pt x="1189" y="29"/>
                  <a:pt x="1188" y="28"/>
                  <a:pt x="1187" y="28"/>
                </a:cubicBezTo>
                <a:cubicBezTo>
                  <a:pt x="1186" y="28"/>
                  <a:pt x="1185" y="29"/>
                  <a:pt x="1185" y="30"/>
                </a:cubicBezTo>
                <a:cubicBezTo>
                  <a:pt x="1183" y="32"/>
                  <a:pt x="1184" y="33"/>
                  <a:pt x="1186" y="35"/>
                </a:cubicBezTo>
                <a:cubicBezTo>
                  <a:pt x="1186" y="35"/>
                  <a:pt x="1188" y="36"/>
                  <a:pt x="1186" y="37"/>
                </a:cubicBezTo>
                <a:cubicBezTo>
                  <a:pt x="1186" y="37"/>
                  <a:pt x="1184" y="36"/>
                  <a:pt x="1183" y="36"/>
                </a:cubicBezTo>
                <a:cubicBezTo>
                  <a:pt x="1182" y="36"/>
                  <a:pt x="1182" y="35"/>
                  <a:pt x="1180" y="34"/>
                </a:cubicBezTo>
                <a:cubicBezTo>
                  <a:pt x="1179" y="34"/>
                  <a:pt x="1178" y="35"/>
                  <a:pt x="1176" y="34"/>
                </a:cubicBezTo>
                <a:cubicBezTo>
                  <a:pt x="1175" y="33"/>
                  <a:pt x="1175" y="33"/>
                  <a:pt x="1174" y="33"/>
                </a:cubicBezTo>
                <a:cubicBezTo>
                  <a:pt x="1171" y="33"/>
                  <a:pt x="1169" y="33"/>
                  <a:pt x="1166" y="33"/>
                </a:cubicBezTo>
                <a:cubicBezTo>
                  <a:pt x="1164" y="33"/>
                  <a:pt x="1162" y="32"/>
                  <a:pt x="1160" y="31"/>
                </a:cubicBezTo>
                <a:cubicBezTo>
                  <a:pt x="1158" y="31"/>
                  <a:pt x="1156" y="31"/>
                  <a:pt x="1154" y="31"/>
                </a:cubicBezTo>
                <a:cubicBezTo>
                  <a:pt x="1153" y="30"/>
                  <a:pt x="1152" y="30"/>
                  <a:pt x="1151" y="31"/>
                </a:cubicBezTo>
                <a:cubicBezTo>
                  <a:pt x="1150" y="32"/>
                  <a:pt x="1155" y="33"/>
                  <a:pt x="1156" y="33"/>
                </a:cubicBezTo>
                <a:cubicBezTo>
                  <a:pt x="1157" y="34"/>
                  <a:pt x="1158" y="33"/>
                  <a:pt x="1159" y="34"/>
                </a:cubicBezTo>
                <a:cubicBezTo>
                  <a:pt x="1160" y="35"/>
                  <a:pt x="1160" y="36"/>
                  <a:pt x="1160" y="37"/>
                </a:cubicBezTo>
                <a:cubicBezTo>
                  <a:pt x="1160" y="38"/>
                  <a:pt x="1161" y="38"/>
                  <a:pt x="1162" y="38"/>
                </a:cubicBezTo>
                <a:cubicBezTo>
                  <a:pt x="1163" y="38"/>
                  <a:pt x="1164" y="39"/>
                  <a:pt x="1165" y="39"/>
                </a:cubicBezTo>
                <a:cubicBezTo>
                  <a:pt x="1167" y="40"/>
                  <a:pt x="1169" y="40"/>
                  <a:pt x="1171" y="39"/>
                </a:cubicBezTo>
                <a:cubicBezTo>
                  <a:pt x="1172" y="38"/>
                  <a:pt x="1173" y="38"/>
                  <a:pt x="1174" y="37"/>
                </a:cubicBezTo>
                <a:cubicBezTo>
                  <a:pt x="1175" y="37"/>
                  <a:pt x="1176" y="36"/>
                  <a:pt x="1177" y="37"/>
                </a:cubicBezTo>
                <a:cubicBezTo>
                  <a:pt x="1177" y="38"/>
                  <a:pt x="1176" y="39"/>
                  <a:pt x="1176" y="40"/>
                </a:cubicBezTo>
                <a:cubicBezTo>
                  <a:pt x="1176" y="41"/>
                  <a:pt x="1176" y="42"/>
                  <a:pt x="1176" y="43"/>
                </a:cubicBezTo>
                <a:cubicBezTo>
                  <a:pt x="1176" y="44"/>
                  <a:pt x="1176" y="45"/>
                  <a:pt x="1175" y="46"/>
                </a:cubicBezTo>
                <a:cubicBezTo>
                  <a:pt x="1174" y="46"/>
                  <a:pt x="1173" y="46"/>
                  <a:pt x="1172" y="47"/>
                </a:cubicBezTo>
                <a:cubicBezTo>
                  <a:pt x="1171" y="49"/>
                  <a:pt x="1173" y="48"/>
                  <a:pt x="1173" y="49"/>
                </a:cubicBezTo>
                <a:cubicBezTo>
                  <a:pt x="1174" y="49"/>
                  <a:pt x="1175" y="50"/>
                  <a:pt x="1174" y="51"/>
                </a:cubicBezTo>
                <a:cubicBezTo>
                  <a:pt x="1174" y="53"/>
                  <a:pt x="1173" y="54"/>
                  <a:pt x="1172" y="53"/>
                </a:cubicBezTo>
                <a:cubicBezTo>
                  <a:pt x="1171" y="53"/>
                  <a:pt x="1171" y="52"/>
                  <a:pt x="1170" y="52"/>
                </a:cubicBezTo>
                <a:cubicBezTo>
                  <a:pt x="1169" y="50"/>
                  <a:pt x="1167" y="51"/>
                  <a:pt x="1165" y="50"/>
                </a:cubicBezTo>
                <a:cubicBezTo>
                  <a:pt x="1164" y="50"/>
                  <a:pt x="1163" y="50"/>
                  <a:pt x="1162" y="49"/>
                </a:cubicBezTo>
                <a:cubicBezTo>
                  <a:pt x="1160" y="48"/>
                  <a:pt x="1158" y="47"/>
                  <a:pt x="1156" y="46"/>
                </a:cubicBezTo>
                <a:cubicBezTo>
                  <a:pt x="1155" y="45"/>
                  <a:pt x="1152" y="43"/>
                  <a:pt x="1152" y="45"/>
                </a:cubicBezTo>
                <a:cubicBezTo>
                  <a:pt x="1152" y="46"/>
                  <a:pt x="1153" y="47"/>
                  <a:pt x="1152" y="48"/>
                </a:cubicBezTo>
                <a:cubicBezTo>
                  <a:pt x="1152" y="49"/>
                  <a:pt x="1151" y="50"/>
                  <a:pt x="1151" y="51"/>
                </a:cubicBezTo>
                <a:cubicBezTo>
                  <a:pt x="1150" y="52"/>
                  <a:pt x="1148" y="52"/>
                  <a:pt x="1147" y="52"/>
                </a:cubicBezTo>
                <a:cubicBezTo>
                  <a:pt x="1145" y="51"/>
                  <a:pt x="1146" y="50"/>
                  <a:pt x="1145" y="49"/>
                </a:cubicBezTo>
                <a:cubicBezTo>
                  <a:pt x="1145" y="48"/>
                  <a:pt x="1143" y="47"/>
                  <a:pt x="1143" y="47"/>
                </a:cubicBezTo>
                <a:cubicBezTo>
                  <a:pt x="1141" y="47"/>
                  <a:pt x="1140" y="49"/>
                  <a:pt x="1138" y="49"/>
                </a:cubicBezTo>
                <a:cubicBezTo>
                  <a:pt x="1137" y="49"/>
                  <a:pt x="1136" y="49"/>
                  <a:pt x="1135" y="50"/>
                </a:cubicBezTo>
                <a:cubicBezTo>
                  <a:pt x="1133" y="51"/>
                  <a:pt x="1132" y="52"/>
                  <a:pt x="1130" y="53"/>
                </a:cubicBezTo>
                <a:cubicBezTo>
                  <a:pt x="1129" y="54"/>
                  <a:pt x="1128" y="54"/>
                  <a:pt x="1128" y="55"/>
                </a:cubicBezTo>
                <a:cubicBezTo>
                  <a:pt x="1129" y="56"/>
                  <a:pt x="1130" y="57"/>
                  <a:pt x="1130" y="58"/>
                </a:cubicBezTo>
                <a:cubicBezTo>
                  <a:pt x="1130" y="59"/>
                  <a:pt x="1130" y="60"/>
                  <a:pt x="1130" y="61"/>
                </a:cubicBezTo>
                <a:cubicBezTo>
                  <a:pt x="1131" y="62"/>
                  <a:pt x="1132" y="62"/>
                  <a:pt x="1132" y="63"/>
                </a:cubicBezTo>
                <a:cubicBezTo>
                  <a:pt x="1133" y="66"/>
                  <a:pt x="1128" y="64"/>
                  <a:pt x="1127" y="65"/>
                </a:cubicBezTo>
                <a:cubicBezTo>
                  <a:pt x="1126" y="66"/>
                  <a:pt x="1127" y="68"/>
                  <a:pt x="1126" y="69"/>
                </a:cubicBezTo>
                <a:cubicBezTo>
                  <a:pt x="1126" y="70"/>
                  <a:pt x="1126" y="70"/>
                  <a:pt x="1125" y="71"/>
                </a:cubicBezTo>
                <a:cubicBezTo>
                  <a:pt x="1124" y="73"/>
                  <a:pt x="1122" y="74"/>
                  <a:pt x="1121" y="76"/>
                </a:cubicBezTo>
                <a:cubicBezTo>
                  <a:pt x="1120" y="77"/>
                  <a:pt x="1119" y="78"/>
                  <a:pt x="1119" y="77"/>
                </a:cubicBezTo>
                <a:cubicBezTo>
                  <a:pt x="1119" y="76"/>
                  <a:pt x="1120" y="75"/>
                  <a:pt x="1121" y="74"/>
                </a:cubicBezTo>
                <a:cubicBezTo>
                  <a:pt x="1122" y="72"/>
                  <a:pt x="1123" y="70"/>
                  <a:pt x="1123" y="68"/>
                </a:cubicBezTo>
                <a:cubicBezTo>
                  <a:pt x="1123" y="67"/>
                  <a:pt x="1123" y="66"/>
                  <a:pt x="1124" y="65"/>
                </a:cubicBezTo>
                <a:cubicBezTo>
                  <a:pt x="1125" y="64"/>
                  <a:pt x="1126" y="64"/>
                  <a:pt x="1126" y="62"/>
                </a:cubicBezTo>
                <a:cubicBezTo>
                  <a:pt x="1127" y="60"/>
                  <a:pt x="1126" y="58"/>
                  <a:pt x="1125" y="55"/>
                </a:cubicBezTo>
                <a:cubicBezTo>
                  <a:pt x="1125" y="53"/>
                  <a:pt x="1128" y="52"/>
                  <a:pt x="1128" y="49"/>
                </a:cubicBezTo>
                <a:cubicBezTo>
                  <a:pt x="1128" y="48"/>
                  <a:pt x="1127" y="47"/>
                  <a:pt x="1126" y="46"/>
                </a:cubicBezTo>
                <a:cubicBezTo>
                  <a:pt x="1126" y="45"/>
                  <a:pt x="1126" y="43"/>
                  <a:pt x="1124" y="43"/>
                </a:cubicBezTo>
                <a:cubicBezTo>
                  <a:pt x="1123" y="42"/>
                  <a:pt x="1122" y="44"/>
                  <a:pt x="1121" y="45"/>
                </a:cubicBezTo>
                <a:cubicBezTo>
                  <a:pt x="1120" y="46"/>
                  <a:pt x="1120" y="46"/>
                  <a:pt x="1119" y="46"/>
                </a:cubicBezTo>
                <a:cubicBezTo>
                  <a:pt x="1119" y="47"/>
                  <a:pt x="1118" y="46"/>
                  <a:pt x="1117" y="47"/>
                </a:cubicBezTo>
                <a:cubicBezTo>
                  <a:pt x="1117" y="48"/>
                  <a:pt x="1117" y="49"/>
                  <a:pt x="1116" y="50"/>
                </a:cubicBezTo>
                <a:cubicBezTo>
                  <a:pt x="1115" y="52"/>
                  <a:pt x="1116" y="50"/>
                  <a:pt x="1114" y="50"/>
                </a:cubicBezTo>
                <a:cubicBezTo>
                  <a:pt x="1113" y="50"/>
                  <a:pt x="1113" y="52"/>
                  <a:pt x="1113" y="53"/>
                </a:cubicBezTo>
                <a:cubicBezTo>
                  <a:pt x="1113" y="54"/>
                  <a:pt x="1110" y="55"/>
                  <a:pt x="1109" y="57"/>
                </a:cubicBezTo>
                <a:cubicBezTo>
                  <a:pt x="1109" y="58"/>
                  <a:pt x="1109" y="59"/>
                  <a:pt x="1109" y="60"/>
                </a:cubicBezTo>
                <a:cubicBezTo>
                  <a:pt x="1109" y="62"/>
                  <a:pt x="1110" y="61"/>
                  <a:pt x="1111" y="62"/>
                </a:cubicBezTo>
                <a:cubicBezTo>
                  <a:pt x="1112" y="62"/>
                  <a:pt x="1112" y="63"/>
                  <a:pt x="1113" y="63"/>
                </a:cubicBezTo>
                <a:cubicBezTo>
                  <a:pt x="1114" y="64"/>
                  <a:pt x="1115" y="64"/>
                  <a:pt x="1115" y="65"/>
                </a:cubicBezTo>
                <a:cubicBezTo>
                  <a:pt x="1115" y="67"/>
                  <a:pt x="1113" y="67"/>
                  <a:pt x="1112" y="67"/>
                </a:cubicBezTo>
                <a:cubicBezTo>
                  <a:pt x="1111" y="68"/>
                  <a:pt x="1111" y="68"/>
                  <a:pt x="1110" y="69"/>
                </a:cubicBezTo>
                <a:cubicBezTo>
                  <a:pt x="1109" y="71"/>
                  <a:pt x="1107" y="71"/>
                  <a:pt x="1106" y="72"/>
                </a:cubicBezTo>
                <a:cubicBezTo>
                  <a:pt x="1103" y="75"/>
                  <a:pt x="1104" y="70"/>
                  <a:pt x="1105" y="69"/>
                </a:cubicBezTo>
                <a:cubicBezTo>
                  <a:pt x="1105" y="68"/>
                  <a:pt x="1105" y="67"/>
                  <a:pt x="1106" y="66"/>
                </a:cubicBezTo>
                <a:cubicBezTo>
                  <a:pt x="1106" y="66"/>
                  <a:pt x="1107" y="66"/>
                  <a:pt x="1108" y="64"/>
                </a:cubicBezTo>
                <a:cubicBezTo>
                  <a:pt x="1108" y="62"/>
                  <a:pt x="1106" y="62"/>
                  <a:pt x="1105" y="59"/>
                </a:cubicBezTo>
                <a:cubicBezTo>
                  <a:pt x="1105" y="57"/>
                  <a:pt x="1107" y="56"/>
                  <a:pt x="1107" y="54"/>
                </a:cubicBezTo>
                <a:cubicBezTo>
                  <a:pt x="1108" y="50"/>
                  <a:pt x="1104" y="52"/>
                  <a:pt x="1102" y="53"/>
                </a:cubicBezTo>
                <a:cubicBezTo>
                  <a:pt x="1101" y="53"/>
                  <a:pt x="1100" y="53"/>
                  <a:pt x="1098" y="53"/>
                </a:cubicBezTo>
                <a:cubicBezTo>
                  <a:pt x="1096" y="54"/>
                  <a:pt x="1094" y="53"/>
                  <a:pt x="1092" y="54"/>
                </a:cubicBezTo>
                <a:cubicBezTo>
                  <a:pt x="1091" y="55"/>
                  <a:pt x="1089" y="56"/>
                  <a:pt x="1088" y="57"/>
                </a:cubicBezTo>
                <a:cubicBezTo>
                  <a:pt x="1087" y="58"/>
                  <a:pt x="1085" y="60"/>
                  <a:pt x="1084" y="61"/>
                </a:cubicBezTo>
                <a:cubicBezTo>
                  <a:pt x="1083" y="64"/>
                  <a:pt x="1086" y="63"/>
                  <a:pt x="1087" y="64"/>
                </a:cubicBezTo>
                <a:cubicBezTo>
                  <a:pt x="1088" y="64"/>
                  <a:pt x="1088" y="65"/>
                  <a:pt x="1088" y="65"/>
                </a:cubicBezTo>
                <a:cubicBezTo>
                  <a:pt x="1089" y="66"/>
                  <a:pt x="1090" y="66"/>
                  <a:pt x="1091" y="66"/>
                </a:cubicBezTo>
                <a:cubicBezTo>
                  <a:pt x="1093" y="69"/>
                  <a:pt x="1089" y="68"/>
                  <a:pt x="1087" y="68"/>
                </a:cubicBezTo>
                <a:cubicBezTo>
                  <a:pt x="1086" y="68"/>
                  <a:pt x="1085" y="68"/>
                  <a:pt x="1085" y="69"/>
                </a:cubicBezTo>
                <a:cubicBezTo>
                  <a:pt x="1086" y="70"/>
                  <a:pt x="1087" y="71"/>
                  <a:pt x="1086" y="72"/>
                </a:cubicBezTo>
                <a:cubicBezTo>
                  <a:pt x="1086" y="74"/>
                  <a:pt x="1085" y="72"/>
                  <a:pt x="1085" y="71"/>
                </a:cubicBezTo>
                <a:cubicBezTo>
                  <a:pt x="1084" y="70"/>
                  <a:pt x="1083" y="70"/>
                  <a:pt x="1082" y="70"/>
                </a:cubicBezTo>
                <a:cubicBezTo>
                  <a:pt x="1080" y="70"/>
                  <a:pt x="1078" y="70"/>
                  <a:pt x="1076" y="69"/>
                </a:cubicBezTo>
                <a:cubicBezTo>
                  <a:pt x="1075" y="68"/>
                  <a:pt x="1072" y="67"/>
                  <a:pt x="1071" y="69"/>
                </a:cubicBezTo>
                <a:cubicBezTo>
                  <a:pt x="1071" y="70"/>
                  <a:pt x="1073" y="70"/>
                  <a:pt x="1074" y="70"/>
                </a:cubicBezTo>
                <a:cubicBezTo>
                  <a:pt x="1075" y="70"/>
                  <a:pt x="1075" y="71"/>
                  <a:pt x="1075" y="72"/>
                </a:cubicBezTo>
                <a:cubicBezTo>
                  <a:pt x="1076" y="74"/>
                  <a:pt x="1078" y="75"/>
                  <a:pt x="1079" y="76"/>
                </a:cubicBezTo>
                <a:cubicBezTo>
                  <a:pt x="1080" y="77"/>
                  <a:pt x="1081" y="77"/>
                  <a:pt x="1082" y="78"/>
                </a:cubicBezTo>
                <a:cubicBezTo>
                  <a:pt x="1083" y="78"/>
                  <a:pt x="1083" y="79"/>
                  <a:pt x="1082" y="80"/>
                </a:cubicBezTo>
                <a:cubicBezTo>
                  <a:pt x="1081" y="81"/>
                  <a:pt x="1079" y="80"/>
                  <a:pt x="1078" y="80"/>
                </a:cubicBezTo>
                <a:cubicBezTo>
                  <a:pt x="1077" y="80"/>
                  <a:pt x="1076" y="80"/>
                  <a:pt x="1075" y="80"/>
                </a:cubicBezTo>
                <a:cubicBezTo>
                  <a:pt x="1074" y="80"/>
                  <a:pt x="1073" y="79"/>
                  <a:pt x="1072" y="78"/>
                </a:cubicBezTo>
                <a:cubicBezTo>
                  <a:pt x="1070" y="78"/>
                  <a:pt x="1069" y="77"/>
                  <a:pt x="1068" y="76"/>
                </a:cubicBezTo>
                <a:cubicBezTo>
                  <a:pt x="1068" y="76"/>
                  <a:pt x="1067" y="75"/>
                  <a:pt x="1067" y="74"/>
                </a:cubicBezTo>
                <a:cubicBezTo>
                  <a:pt x="1066" y="73"/>
                  <a:pt x="1066" y="73"/>
                  <a:pt x="1066" y="72"/>
                </a:cubicBezTo>
                <a:cubicBezTo>
                  <a:pt x="1067" y="70"/>
                  <a:pt x="1063" y="69"/>
                  <a:pt x="1062" y="70"/>
                </a:cubicBezTo>
                <a:cubicBezTo>
                  <a:pt x="1061" y="70"/>
                  <a:pt x="1061" y="71"/>
                  <a:pt x="1060" y="72"/>
                </a:cubicBezTo>
                <a:cubicBezTo>
                  <a:pt x="1060" y="73"/>
                  <a:pt x="1059" y="74"/>
                  <a:pt x="1059" y="75"/>
                </a:cubicBezTo>
                <a:cubicBezTo>
                  <a:pt x="1056" y="75"/>
                  <a:pt x="1057" y="72"/>
                  <a:pt x="1057" y="71"/>
                </a:cubicBezTo>
                <a:cubicBezTo>
                  <a:pt x="1057" y="69"/>
                  <a:pt x="1056" y="69"/>
                  <a:pt x="1055" y="68"/>
                </a:cubicBezTo>
                <a:cubicBezTo>
                  <a:pt x="1053" y="67"/>
                  <a:pt x="1053" y="65"/>
                  <a:pt x="1052" y="65"/>
                </a:cubicBezTo>
                <a:cubicBezTo>
                  <a:pt x="1050" y="65"/>
                  <a:pt x="1049" y="67"/>
                  <a:pt x="1048" y="66"/>
                </a:cubicBezTo>
                <a:cubicBezTo>
                  <a:pt x="1047" y="65"/>
                  <a:pt x="1047" y="63"/>
                  <a:pt x="1046" y="63"/>
                </a:cubicBezTo>
                <a:cubicBezTo>
                  <a:pt x="1044" y="63"/>
                  <a:pt x="1045" y="65"/>
                  <a:pt x="1044" y="66"/>
                </a:cubicBezTo>
                <a:cubicBezTo>
                  <a:pt x="1043" y="66"/>
                  <a:pt x="1043" y="65"/>
                  <a:pt x="1042" y="64"/>
                </a:cubicBezTo>
                <a:cubicBezTo>
                  <a:pt x="1042" y="63"/>
                  <a:pt x="1040" y="63"/>
                  <a:pt x="1040" y="64"/>
                </a:cubicBezTo>
                <a:cubicBezTo>
                  <a:pt x="1040" y="65"/>
                  <a:pt x="1042" y="66"/>
                  <a:pt x="1043" y="66"/>
                </a:cubicBezTo>
                <a:cubicBezTo>
                  <a:pt x="1043" y="67"/>
                  <a:pt x="1044" y="68"/>
                  <a:pt x="1044" y="69"/>
                </a:cubicBezTo>
                <a:cubicBezTo>
                  <a:pt x="1045" y="70"/>
                  <a:pt x="1045" y="71"/>
                  <a:pt x="1043" y="70"/>
                </a:cubicBezTo>
                <a:cubicBezTo>
                  <a:pt x="1042" y="70"/>
                  <a:pt x="1042" y="69"/>
                  <a:pt x="1041" y="69"/>
                </a:cubicBezTo>
                <a:cubicBezTo>
                  <a:pt x="1040" y="69"/>
                  <a:pt x="1039" y="69"/>
                  <a:pt x="1038" y="69"/>
                </a:cubicBezTo>
                <a:cubicBezTo>
                  <a:pt x="1037" y="69"/>
                  <a:pt x="1035" y="69"/>
                  <a:pt x="1034" y="69"/>
                </a:cubicBezTo>
                <a:cubicBezTo>
                  <a:pt x="1034" y="69"/>
                  <a:pt x="1032" y="69"/>
                  <a:pt x="1031" y="69"/>
                </a:cubicBezTo>
                <a:cubicBezTo>
                  <a:pt x="1030" y="70"/>
                  <a:pt x="1032" y="71"/>
                  <a:pt x="1033" y="71"/>
                </a:cubicBezTo>
                <a:cubicBezTo>
                  <a:pt x="1034" y="71"/>
                  <a:pt x="1034" y="72"/>
                  <a:pt x="1035" y="72"/>
                </a:cubicBezTo>
                <a:cubicBezTo>
                  <a:pt x="1036" y="73"/>
                  <a:pt x="1038" y="73"/>
                  <a:pt x="1037" y="74"/>
                </a:cubicBezTo>
                <a:cubicBezTo>
                  <a:pt x="1036" y="74"/>
                  <a:pt x="1034" y="74"/>
                  <a:pt x="1033" y="74"/>
                </a:cubicBezTo>
                <a:cubicBezTo>
                  <a:pt x="1031" y="74"/>
                  <a:pt x="1028" y="74"/>
                  <a:pt x="1026" y="75"/>
                </a:cubicBezTo>
                <a:cubicBezTo>
                  <a:pt x="1024" y="75"/>
                  <a:pt x="1022" y="77"/>
                  <a:pt x="1023" y="78"/>
                </a:cubicBezTo>
                <a:cubicBezTo>
                  <a:pt x="1024" y="79"/>
                  <a:pt x="1024" y="79"/>
                  <a:pt x="1025" y="79"/>
                </a:cubicBezTo>
                <a:cubicBezTo>
                  <a:pt x="1025" y="79"/>
                  <a:pt x="1025" y="80"/>
                  <a:pt x="1025" y="80"/>
                </a:cubicBezTo>
                <a:cubicBezTo>
                  <a:pt x="1026" y="81"/>
                  <a:pt x="1027" y="81"/>
                  <a:pt x="1027" y="82"/>
                </a:cubicBezTo>
                <a:cubicBezTo>
                  <a:pt x="1030" y="84"/>
                  <a:pt x="1025" y="84"/>
                  <a:pt x="1024" y="84"/>
                </a:cubicBezTo>
                <a:cubicBezTo>
                  <a:pt x="1022" y="85"/>
                  <a:pt x="1023" y="85"/>
                  <a:pt x="1024" y="85"/>
                </a:cubicBezTo>
                <a:cubicBezTo>
                  <a:pt x="1025" y="86"/>
                  <a:pt x="1027" y="86"/>
                  <a:pt x="1025" y="87"/>
                </a:cubicBezTo>
                <a:cubicBezTo>
                  <a:pt x="1025" y="88"/>
                  <a:pt x="1023" y="87"/>
                  <a:pt x="1023" y="88"/>
                </a:cubicBezTo>
                <a:cubicBezTo>
                  <a:pt x="1022" y="89"/>
                  <a:pt x="1022" y="89"/>
                  <a:pt x="1021" y="90"/>
                </a:cubicBezTo>
                <a:cubicBezTo>
                  <a:pt x="1019" y="92"/>
                  <a:pt x="1021" y="93"/>
                  <a:pt x="1023" y="92"/>
                </a:cubicBezTo>
                <a:cubicBezTo>
                  <a:pt x="1024" y="92"/>
                  <a:pt x="1025" y="92"/>
                  <a:pt x="1026" y="92"/>
                </a:cubicBezTo>
                <a:cubicBezTo>
                  <a:pt x="1028" y="92"/>
                  <a:pt x="1027" y="93"/>
                  <a:pt x="1028" y="94"/>
                </a:cubicBezTo>
                <a:cubicBezTo>
                  <a:pt x="1029" y="96"/>
                  <a:pt x="1032" y="95"/>
                  <a:pt x="1033" y="93"/>
                </a:cubicBezTo>
                <a:cubicBezTo>
                  <a:pt x="1034" y="92"/>
                  <a:pt x="1034" y="91"/>
                  <a:pt x="1035" y="91"/>
                </a:cubicBezTo>
                <a:cubicBezTo>
                  <a:pt x="1037" y="91"/>
                  <a:pt x="1038" y="91"/>
                  <a:pt x="1039" y="90"/>
                </a:cubicBezTo>
                <a:cubicBezTo>
                  <a:pt x="1040" y="90"/>
                  <a:pt x="1041" y="89"/>
                  <a:pt x="1042" y="89"/>
                </a:cubicBezTo>
                <a:cubicBezTo>
                  <a:pt x="1043" y="89"/>
                  <a:pt x="1044" y="90"/>
                  <a:pt x="1046" y="89"/>
                </a:cubicBezTo>
                <a:cubicBezTo>
                  <a:pt x="1047" y="89"/>
                  <a:pt x="1048" y="88"/>
                  <a:pt x="1049" y="88"/>
                </a:cubicBezTo>
                <a:cubicBezTo>
                  <a:pt x="1051" y="87"/>
                  <a:pt x="1054" y="87"/>
                  <a:pt x="1055" y="85"/>
                </a:cubicBezTo>
                <a:cubicBezTo>
                  <a:pt x="1053" y="89"/>
                  <a:pt x="1048" y="87"/>
                  <a:pt x="1045" y="90"/>
                </a:cubicBezTo>
                <a:cubicBezTo>
                  <a:pt x="1044" y="91"/>
                  <a:pt x="1044" y="94"/>
                  <a:pt x="1045" y="96"/>
                </a:cubicBezTo>
                <a:cubicBezTo>
                  <a:pt x="1045" y="97"/>
                  <a:pt x="1046" y="96"/>
                  <a:pt x="1047" y="98"/>
                </a:cubicBezTo>
                <a:cubicBezTo>
                  <a:pt x="1047" y="99"/>
                  <a:pt x="1047" y="99"/>
                  <a:pt x="1048" y="100"/>
                </a:cubicBezTo>
                <a:cubicBezTo>
                  <a:pt x="1051" y="102"/>
                  <a:pt x="1047" y="103"/>
                  <a:pt x="1045" y="103"/>
                </a:cubicBezTo>
                <a:cubicBezTo>
                  <a:pt x="1044" y="103"/>
                  <a:pt x="1044" y="104"/>
                  <a:pt x="1043" y="104"/>
                </a:cubicBezTo>
                <a:cubicBezTo>
                  <a:pt x="1042" y="104"/>
                  <a:pt x="1040" y="104"/>
                  <a:pt x="1041" y="105"/>
                </a:cubicBezTo>
                <a:cubicBezTo>
                  <a:pt x="1042" y="106"/>
                  <a:pt x="1044" y="105"/>
                  <a:pt x="1045" y="105"/>
                </a:cubicBezTo>
                <a:cubicBezTo>
                  <a:pt x="1046" y="105"/>
                  <a:pt x="1046" y="106"/>
                  <a:pt x="1045" y="107"/>
                </a:cubicBezTo>
                <a:cubicBezTo>
                  <a:pt x="1043" y="107"/>
                  <a:pt x="1040" y="104"/>
                  <a:pt x="1039" y="105"/>
                </a:cubicBezTo>
                <a:cubicBezTo>
                  <a:pt x="1038" y="106"/>
                  <a:pt x="1041" y="107"/>
                  <a:pt x="1041" y="108"/>
                </a:cubicBezTo>
                <a:cubicBezTo>
                  <a:pt x="1041" y="108"/>
                  <a:pt x="1041" y="109"/>
                  <a:pt x="1041" y="109"/>
                </a:cubicBezTo>
                <a:cubicBezTo>
                  <a:pt x="1042" y="110"/>
                  <a:pt x="1042" y="111"/>
                  <a:pt x="1041" y="111"/>
                </a:cubicBezTo>
                <a:cubicBezTo>
                  <a:pt x="1038" y="112"/>
                  <a:pt x="1036" y="110"/>
                  <a:pt x="1034" y="110"/>
                </a:cubicBezTo>
                <a:cubicBezTo>
                  <a:pt x="1032" y="109"/>
                  <a:pt x="1030" y="110"/>
                  <a:pt x="1028" y="111"/>
                </a:cubicBezTo>
                <a:cubicBezTo>
                  <a:pt x="1026" y="113"/>
                  <a:pt x="1024" y="112"/>
                  <a:pt x="1022" y="114"/>
                </a:cubicBezTo>
                <a:cubicBezTo>
                  <a:pt x="1020" y="115"/>
                  <a:pt x="1018" y="116"/>
                  <a:pt x="1017" y="117"/>
                </a:cubicBezTo>
                <a:cubicBezTo>
                  <a:pt x="1015" y="117"/>
                  <a:pt x="1013" y="118"/>
                  <a:pt x="1013" y="120"/>
                </a:cubicBezTo>
                <a:cubicBezTo>
                  <a:pt x="1013" y="123"/>
                  <a:pt x="1013" y="124"/>
                  <a:pt x="1016" y="124"/>
                </a:cubicBezTo>
                <a:cubicBezTo>
                  <a:pt x="1018" y="124"/>
                  <a:pt x="1020" y="123"/>
                  <a:pt x="1023" y="123"/>
                </a:cubicBezTo>
                <a:cubicBezTo>
                  <a:pt x="1025" y="123"/>
                  <a:pt x="1027" y="123"/>
                  <a:pt x="1029" y="123"/>
                </a:cubicBezTo>
                <a:cubicBezTo>
                  <a:pt x="1031" y="123"/>
                  <a:pt x="1033" y="124"/>
                  <a:pt x="1035" y="122"/>
                </a:cubicBezTo>
                <a:cubicBezTo>
                  <a:pt x="1037" y="121"/>
                  <a:pt x="1039" y="121"/>
                  <a:pt x="1041" y="121"/>
                </a:cubicBezTo>
                <a:cubicBezTo>
                  <a:pt x="1042" y="121"/>
                  <a:pt x="1043" y="121"/>
                  <a:pt x="1043" y="122"/>
                </a:cubicBezTo>
                <a:cubicBezTo>
                  <a:pt x="1044" y="123"/>
                  <a:pt x="1044" y="123"/>
                  <a:pt x="1045" y="124"/>
                </a:cubicBezTo>
                <a:cubicBezTo>
                  <a:pt x="1047" y="124"/>
                  <a:pt x="1048" y="124"/>
                  <a:pt x="1048" y="125"/>
                </a:cubicBezTo>
                <a:cubicBezTo>
                  <a:pt x="1049" y="126"/>
                  <a:pt x="1049" y="127"/>
                  <a:pt x="1048" y="127"/>
                </a:cubicBezTo>
                <a:cubicBezTo>
                  <a:pt x="1045" y="128"/>
                  <a:pt x="1044" y="127"/>
                  <a:pt x="1042" y="129"/>
                </a:cubicBezTo>
                <a:cubicBezTo>
                  <a:pt x="1041" y="130"/>
                  <a:pt x="1040" y="130"/>
                  <a:pt x="1040" y="131"/>
                </a:cubicBezTo>
                <a:cubicBezTo>
                  <a:pt x="1038" y="131"/>
                  <a:pt x="1038" y="131"/>
                  <a:pt x="1037" y="132"/>
                </a:cubicBezTo>
                <a:cubicBezTo>
                  <a:pt x="1037" y="133"/>
                  <a:pt x="1037" y="134"/>
                  <a:pt x="1036" y="135"/>
                </a:cubicBezTo>
                <a:cubicBezTo>
                  <a:pt x="1034" y="135"/>
                  <a:pt x="1034" y="134"/>
                  <a:pt x="1033" y="133"/>
                </a:cubicBezTo>
                <a:cubicBezTo>
                  <a:pt x="1033" y="132"/>
                  <a:pt x="1033" y="132"/>
                  <a:pt x="1031" y="131"/>
                </a:cubicBezTo>
                <a:cubicBezTo>
                  <a:pt x="1030" y="131"/>
                  <a:pt x="1030" y="130"/>
                  <a:pt x="1029" y="129"/>
                </a:cubicBezTo>
                <a:cubicBezTo>
                  <a:pt x="1028" y="127"/>
                  <a:pt x="1026" y="126"/>
                  <a:pt x="1025" y="128"/>
                </a:cubicBezTo>
                <a:cubicBezTo>
                  <a:pt x="1024" y="128"/>
                  <a:pt x="1024" y="129"/>
                  <a:pt x="1023" y="130"/>
                </a:cubicBezTo>
                <a:cubicBezTo>
                  <a:pt x="1023" y="130"/>
                  <a:pt x="1022" y="130"/>
                  <a:pt x="1021" y="130"/>
                </a:cubicBezTo>
                <a:cubicBezTo>
                  <a:pt x="1019" y="131"/>
                  <a:pt x="1019" y="131"/>
                  <a:pt x="1018" y="133"/>
                </a:cubicBezTo>
                <a:cubicBezTo>
                  <a:pt x="1017" y="135"/>
                  <a:pt x="1016" y="136"/>
                  <a:pt x="1015" y="136"/>
                </a:cubicBezTo>
                <a:cubicBezTo>
                  <a:pt x="1014" y="136"/>
                  <a:pt x="1011" y="134"/>
                  <a:pt x="1010" y="136"/>
                </a:cubicBezTo>
                <a:cubicBezTo>
                  <a:pt x="1011" y="136"/>
                  <a:pt x="1015" y="136"/>
                  <a:pt x="1013" y="138"/>
                </a:cubicBezTo>
                <a:cubicBezTo>
                  <a:pt x="1012" y="139"/>
                  <a:pt x="1010" y="138"/>
                  <a:pt x="1009" y="139"/>
                </a:cubicBezTo>
                <a:cubicBezTo>
                  <a:pt x="1009" y="140"/>
                  <a:pt x="1007" y="141"/>
                  <a:pt x="1009" y="141"/>
                </a:cubicBezTo>
                <a:cubicBezTo>
                  <a:pt x="1010" y="141"/>
                  <a:pt x="1010" y="140"/>
                  <a:pt x="1011" y="140"/>
                </a:cubicBezTo>
                <a:cubicBezTo>
                  <a:pt x="1012" y="141"/>
                  <a:pt x="1015" y="142"/>
                  <a:pt x="1013" y="143"/>
                </a:cubicBezTo>
                <a:cubicBezTo>
                  <a:pt x="1012" y="144"/>
                  <a:pt x="1009" y="142"/>
                  <a:pt x="1008" y="144"/>
                </a:cubicBezTo>
                <a:cubicBezTo>
                  <a:pt x="1007" y="145"/>
                  <a:pt x="1009" y="145"/>
                  <a:pt x="1010" y="145"/>
                </a:cubicBezTo>
                <a:cubicBezTo>
                  <a:pt x="1010" y="146"/>
                  <a:pt x="1010" y="146"/>
                  <a:pt x="1010" y="147"/>
                </a:cubicBezTo>
                <a:cubicBezTo>
                  <a:pt x="1011" y="148"/>
                  <a:pt x="1012" y="147"/>
                  <a:pt x="1011" y="149"/>
                </a:cubicBezTo>
                <a:cubicBezTo>
                  <a:pt x="1011" y="150"/>
                  <a:pt x="1009" y="151"/>
                  <a:pt x="1008" y="151"/>
                </a:cubicBezTo>
                <a:cubicBezTo>
                  <a:pt x="1007" y="151"/>
                  <a:pt x="1007" y="151"/>
                  <a:pt x="1006" y="152"/>
                </a:cubicBezTo>
                <a:cubicBezTo>
                  <a:pt x="1006" y="152"/>
                  <a:pt x="1006" y="153"/>
                  <a:pt x="1005" y="153"/>
                </a:cubicBezTo>
                <a:cubicBezTo>
                  <a:pt x="1005" y="151"/>
                  <a:pt x="1005" y="151"/>
                  <a:pt x="1003" y="151"/>
                </a:cubicBezTo>
                <a:cubicBezTo>
                  <a:pt x="1002" y="150"/>
                  <a:pt x="1002" y="150"/>
                  <a:pt x="1002" y="149"/>
                </a:cubicBezTo>
                <a:cubicBezTo>
                  <a:pt x="1002" y="148"/>
                  <a:pt x="1002" y="146"/>
                  <a:pt x="1002" y="145"/>
                </a:cubicBezTo>
                <a:cubicBezTo>
                  <a:pt x="1002" y="144"/>
                  <a:pt x="1002" y="144"/>
                  <a:pt x="1001" y="143"/>
                </a:cubicBezTo>
                <a:cubicBezTo>
                  <a:pt x="999" y="141"/>
                  <a:pt x="1001" y="139"/>
                  <a:pt x="1000" y="137"/>
                </a:cubicBezTo>
                <a:cubicBezTo>
                  <a:pt x="999" y="136"/>
                  <a:pt x="998" y="136"/>
                  <a:pt x="997" y="135"/>
                </a:cubicBezTo>
                <a:cubicBezTo>
                  <a:pt x="996" y="135"/>
                  <a:pt x="996" y="134"/>
                  <a:pt x="995" y="134"/>
                </a:cubicBezTo>
                <a:cubicBezTo>
                  <a:pt x="994" y="134"/>
                  <a:pt x="993" y="135"/>
                  <a:pt x="992" y="136"/>
                </a:cubicBezTo>
                <a:cubicBezTo>
                  <a:pt x="991" y="137"/>
                  <a:pt x="990" y="138"/>
                  <a:pt x="990" y="138"/>
                </a:cubicBezTo>
                <a:cubicBezTo>
                  <a:pt x="989" y="140"/>
                  <a:pt x="988" y="142"/>
                  <a:pt x="985" y="143"/>
                </a:cubicBezTo>
                <a:cubicBezTo>
                  <a:pt x="984" y="142"/>
                  <a:pt x="986" y="141"/>
                  <a:pt x="986" y="141"/>
                </a:cubicBezTo>
                <a:cubicBezTo>
                  <a:pt x="987" y="140"/>
                  <a:pt x="987" y="139"/>
                  <a:pt x="987" y="138"/>
                </a:cubicBezTo>
                <a:cubicBezTo>
                  <a:pt x="986" y="137"/>
                  <a:pt x="986" y="136"/>
                  <a:pt x="984" y="137"/>
                </a:cubicBezTo>
                <a:cubicBezTo>
                  <a:pt x="983" y="138"/>
                  <a:pt x="984" y="139"/>
                  <a:pt x="983" y="140"/>
                </a:cubicBezTo>
                <a:cubicBezTo>
                  <a:pt x="982" y="141"/>
                  <a:pt x="982" y="140"/>
                  <a:pt x="981" y="139"/>
                </a:cubicBezTo>
                <a:cubicBezTo>
                  <a:pt x="980" y="138"/>
                  <a:pt x="979" y="138"/>
                  <a:pt x="978" y="139"/>
                </a:cubicBezTo>
                <a:cubicBezTo>
                  <a:pt x="977" y="140"/>
                  <a:pt x="978" y="141"/>
                  <a:pt x="977" y="142"/>
                </a:cubicBezTo>
                <a:cubicBezTo>
                  <a:pt x="977" y="142"/>
                  <a:pt x="975" y="142"/>
                  <a:pt x="976" y="144"/>
                </a:cubicBezTo>
                <a:cubicBezTo>
                  <a:pt x="978" y="145"/>
                  <a:pt x="980" y="142"/>
                  <a:pt x="982" y="143"/>
                </a:cubicBezTo>
                <a:cubicBezTo>
                  <a:pt x="983" y="143"/>
                  <a:pt x="982" y="144"/>
                  <a:pt x="983" y="144"/>
                </a:cubicBezTo>
                <a:cubicBezTo>
                  <a:pt x="983" y="144"/>
                  <a:pt x="984" y="144"/>
                  <a:pt x="985" y="144"/>
                </a:cubicBezTo>
                <a:cubicBezTo>
                  <a:pt x="986" y="144"/>
                  <a:pt x="987" y="144"/>
                  <a:pt x="988" y="144"/>
                </a:cubicBezTo>
                <a:cubicBezTo>
                  <a:pt x="989" y="144"/>
                  <a:pt x="994" y="145"/>
                  <a:pt x="991" y="147"/>
                </a:cubicBezTo>
                <a:cubicBezTo>
                  <a:pt x="990" y="148"/>
                  <a:pt x="989" y="148"/>
                  <a:pt x="988" y="148"/>
                </a:cubicBezTo>
                <a:cubicBezTo>
                  <a:pt x="987" y="148"/>
                  <a:pt x="986" y="149"/>
                  <a:pt x="985" y="150"/>
                </a:cubicBezTo>
                <a:cubicBezTo>
                  <a:pt x="983" y="151"/>
                  <a:pt x="981" y="150"/>
                  <a:pt x="978" y="151"/>
                </a:cubicBezTo>
                <a:cubicBezTo>
                  <a:pt x="977" y="151"/>
                  <a:pt x="975" y="152"/>
                  <a:pt x="974" y="153"/>
                </a:cubicBezTo>
                <a:cubicBezTo>
                  <a:pt x="971" y="155"/>
                  <a:pt x="972" y="152"/>
                  <a:pt x="970" y="151"/>
                </a:cubicBezTo>
                <a:cubicBezTo>
                  <a:pt x="968" y="151"/>
                  <a:pt x="966" y="152"/>
                  <a:pt x="964" y="153"/>
                </a:cubicBezTo>
                <a:cubicBezTo>
                  <a:pt x="962" y="153"/>
                  <a:pt x="960" y="155"/>
                  <a:pt x="960" y="157"/>
                </a:cubicBezTo>
                <a:cubicBezTo>
                  <a:pt x="960" y="158"/>
                  <a:pt x="961" y="158"/>
                  <a:pt x="961" y="159"/>
                </a:cubicBezTo>
                <a:cubicBezTo>
                  <a:pt x="962" y="159"/>
                  <a:pt x="962" y="161"/>
                  <a:pt x="961" y="162"/>
                </a:cubicBezTo>
                <a:cubicBezTo>
                  <a:pt x="961" y="163"/>
                  <a:pt x="960" y="164"/>
                  <a:pt x="962" y="164"/>
                </a:cubicBezTo>
                <a:cubicBezTo>
                  <a:pt x="963" y="164"/>
                  <a:pt x="963" y="163"/>
                  <a:pt x="964" y="162"/>
                </a:cubicBezTo>
                <a:cubicBezTo>
                  <a:pt x="965" y="161"/>
                  <a:pt x="965" y="160"/>
                  <a:pt x="967" y="160"/>
                </a:cubicBezTo>
                <a:cubicBezTo>
                  <a:pt x="968" y="161"/>
                  <a:pt x="969" y="161"/>
                  <a:pt x="970" y="160"/>
                </a:cubicBezTo>
                <a:cubicBezTo>
                  <a:pt x="972" y="159"/>
                  <a:pt x="972" y="158"/>
                  <a:pt x="974" y="157"/>
                </a:cubicBezTo>
                <a:cubicBezTo>
                  <a:pt x="975" y="156"/>
                  <a:pt x="976" y="156"/>
                  <a:pt x="977" y="155"/>
                </a:cubicBezTo>
                <a:cubicBezTo>
                  <a:pt x="978" y="155"/>
                  <a:pt x="978" y="154"/>
                  <a:pt x="979" y="154"/>
                </a:cubicBezTo>
                <a:cubicBezTo>
                  <a:pt x="981" y="154"/>
                  <a:pt x="981" y="154"/>
                  <a:pt x="982" y="155"/>
                </a:cubicBezTo>
                <a:cubicBezTo>
                  <a:pt x="982" y="156"/>
                  <a:pt x="983" y="156"/>
                  <a:pt x="984" y="156"/>
                </a:cubicBezTo>
                <a:cubicBezTo>
                  <a:pt x="987" y="158"/>
                  <a:pt x="983" y="159"/>
                  <a:pt x="982" y="160"/>
                </a:cubicBezTo>
                <a:cubicBezTo>
                  <a:pt x="981" y="160"/>
                  <a:pt x="980" y="161"/>
                  <a:pt x="979" y="161"/>
                </a:cubicBezTo>
                <a:cubicBezTo>
                  <a:pt x="978" y="162"/>
                  <a:pt x="977" y="162"/>
                  <a:pt x="976" y="162"/>
                </a:cubicBezTo>
                <a:cubicBezTo>
                  <a:pt x="975" y="163"/>
                  <a:pt x="974" y="163"/>
                  <a:pt x="973" y="163"/>
                </a:cubicBezTo>
                <a:cubicBezTo>
                  <a:pt x="972" y="164"/>
                  <a:pt x="972" y="165"/>
                  <a:pt x="974" y="165"/>
                </a:cubicBezTo>
                <a:cubicBezTo>
                  <a:pt x="976" y="165"/>
                  <a:pt x="978" y="163"/>
                  <a:pt x="979" y="166"/>
                </a:cubicBezTo>
                <a:cubicBezTo>
                  <a:pt x="980" y="168"/>
                  <a:pt x="980" y="170"/>
                  <a:pt x="982" y="171"/>
                </a:cubicBezTo>
                <a:cubicBezTo>
                  <a:pt x="983" y="171"/>
                  <a:pt x="984" y="171"/>
                  <a:pt x="985" y="170"/>
                </a:cubicBezTo>
                <a:cubicBezTo>
                  <a:pt x="986" y="170"/>
                  <a:pt x="987" y="170"/>
                  <a:pt x="988" y="170"/>
                </a:cubicBezTo>
                <a:cubicBezTo>
                  <a:pt x="988" y="169"/>
                  <a:pt x="990" y="168"/>
                  <a:pt x="990" y="169"/>
                </a:cubicBezTo>
                <a:cubicBezTo>
                  <a:pt x="991" y="170"/>
                  <a:pt x="989" y="171"/>
                  <a:pt x="989" y="171"/>
                </a:cubicBezTo>
                <a:cubicBezTo>
                  <a:pt x="987" y="172"/>
                  <a:pt x="985" y="173"/>
                  <a:pt x="984" y="175"/>
                </a:cubicBezTo>
                <a:cubicBezTo>
                  <a:pt x="984" y="176"/>
                  <a:pt x="984" y="177"/>
                  <a:pt x="982" y="177"/>
                </a:cubicBezTo>
                <a:cubicBezTo>
                  <a:pt x="981" y="177"/>
                  <a:pt x="981" y="175"/>
                  <a:pt x="980" y="175"/>
                </a:cubicBezTo>
                <a:cubicBezTo>
                  <a:pt x="979" y="174"/>
                  <a:pt x="978" y="174"/>
                  <a:pt x="977" y="174"/>
                </a:cubicBezTo>
                <a:cubicBezTo>
                  <a:pt x="976" y="174"/>
                  <a:pt x="975" y="173"/>
                  <a:pt x="975" y="172"/>
                </a:cubicBezTo>
                <a:cubicBezTo>
                  <a:pt x="973" y="171"/>
                  <a:pt x="971" y="171"/>
                  <a:pt x="968" y="171"/>
                </a:cubicBezTo>
                <a:cubicBezTo>
                  <a:pt x="967" y="171"/>
                  <a:pt x="966" y="171"/>
                  <a:pt x="967" y="170"/>
                </a:cubicBezTo>
                <a:cubicBezTo>
                  <a:pt x="968" y="170"/>
                  <a:pt x="970" y="169"/>
                  <a:pt x="969" y="167"/>
                </a:cubicBezTo>
                <a:cubicBezTo>
                  <a:pt x="968" y="166"/>
                  <a:pt x="966" y="168"/>
                  <a:pt x="966" y="169"/>
                </a:cubicBezTo>
                <a:cubicBezTo>
                  <a:pt x="964" y="170"/>
                  <a:pt x="962" y="170"/>
                  <a:pt x="960" y="171"/>
                </a:cubicBezTo>
                <a:cubicBezTo>
                  <a:pt x="959" y="172"/>
                  <a:pt x="958" y="172"/>
                  <a:pt x="958" y="173"/>
                </a:cubicBezTo>
                <a:cubicBezTo>
                  <a:pt x="960" y="174"/>
                  <a:pt x="963" y="174"/>
                  <a:pt x="964" y="174"/>
                </a:cubicBezTo>
                <a:cubicBezTo>
                  <a:pt x="965" y="174"/>
                  <a:pt x="967" y="174"/>
                  <a:pt x="966" y="175"/>
                </a:cubicBezTo>
                <a:cubicBezTo>
                  <a:pt x="965" y="175"/>
                  <a:pt x="963" y="176"/>
                  <a:pt x="963" y="176"/>
                </a:cubicBezTo>
                <a:cubicBezTo>
                  <a:pt x="962" y="177"/>
                  <a:pt x="962" y="176"/>
                  <a:pt x="961" y="176"/>
                </a:cubicBezTo>
                <a:cubicBezTo>
                  <a:pt x="960" y="175"/>
                  <a:pt x="959" y="175"/>
                  <a:pt x="958" y="175"/>
                </a:cubicBezTo>
                <a:cubicBezTo>
                  <a:pt x="956" y="176"/>
                  <a:pt x="954" y="178"/>
                  <a:pt x="953" y="179"/>
                </a:cubicBezTo>
                <a:cubicBezTo>
                  <a:pt x="952" y="180"/>
                  <a:pt x="952" y="180"/>
                  <a:pt x="951" y="181"/>
                </a:cubicBezTo>
                <a:cubicBezTo>
                  <a:pt x="950" y="181"/>
                  <a:pt x="949" y="181"/>
                  <a:pt x="948" y="182"/>
                </a:cubicBezTo>
                <a:cubicBezTo>
                  <a:pt x="948" y="184"/>
                  <a:pt x="953" y="183"/>
                  <a:pt x="954" y="182"/>
                </a:cubicBezTo>
                <a:cubicBezTo>
                  <a:pt x="956" y="182"/>
                  <a:pt x="958" y="183"/>
                  <a:pt x="960" y="183"/>
                </a:cubicBezTo>
                <a:cubicBezTo>
                  <a:pt x="963" y="183"/>
                  <a:pt x="964" y="181"/>
                  <a:pt x="967" y="181"/>
                </a:cubicBezTo>
                <a:cubicBezTo>
                  <a:pt x="968" y="181"/>
                  <a:pt x="969" y="182"/>
                  <a:pt x="970" y="182"/>
                </a:cubicBezTo>
                <a:cubicBezTo>
                  <a:pt x="971" y="182"/>
                  <a:pt x="971" y="183"/>
                  <a:pt x="972" y="184"/>
                </a:cubicBezTo>
                <a:cubicBezTo>
                  <a:pt x="973" y="184"/>
                  <a:pt x="974" y="183"/>
                  <a:pt x="974" y="184"/>
                </a:cubicBezTo>
                <a:cubicBezTo>
                  <a:pt x="976" y="184"/>
                  <a:pt x="977" y="185"/>
                  <a:pt x="978" y="186"/>
                </a:cubicBezTo>
                <a:cubicBezTo>
                  <a:pt x="978" y="187"/>
                  <a:pt x="980" y="189"/>
                  <a:pt x="979" y="189"/>
                </a:cubicBezTo>
                <a:cubicBezTo>
                  <a:pt x="978" y="190"/>
                  <a:pt x="977" y="187"/>
                  <a:pt x="977" y="187"/>
                </a:cubicBezTo>
                <a:cubicBezTo>
                  <a:pt x="975" y="186"/>
                  <a:pt x="973" y="188"/>
                  <a:pt x="971" y="188"/>
                </a:cubicBezTo>
                <a:cubicBezTo>
                  <a:pt x="970" y="188"/>
                  <a:pt x="970" y="187"/>
                  <a:pt x="969" y="187"/>
                </a:cubicBezTo>
                <a:cubicBezTo>
                  <a:pt x="968" y="186"/>
                  <a:pt x="967" y="186"/>
                  <a:pt x="966" y="186"/>
                </a:cubicBezTo>
                <a:cubicBezTo>
                  <a:pt x="965" y="186"/>
                  <a:pt x="963" y="186"/>
                  <a:pt x="962" y="186"/>
                </a:cubicBezTo>
                <a:cubicBezTo>
                  <a:pt x="960" y="186"/>
                  <a:pt x="958" y="186"/>
                  <a:pt x="956" y="187"/>
                </a:cubicBezTo>
                <a:cubicBezTo>
                  <a:pt x="955" y="187"/>
                  <a:pt x="954" y="188"/>
                  <a:pt x="954" y="188"/>
                </a:cubicBezTo>
                <a:cubicBezTo>
                  <a:pt x="953" y="188"/>
                  <a:pt x="952" y="188"/>
                  <a:pt x="951" y="188"/>
                </a:cubicBezTo>
                <a:cubicBezTo>
                  <a:pt x="949" y="188"/>
                  <a:pt x="945" y="189"/>
                  <a:pt x="946" y="191"/>
                </a:cubicBezTo>
                <a:cubicBezTo>
                  <a:pt x="947" y="192"/>
                  <a:pt x="948" y="192"/>
                  <a:pt x="948" y="193"/>
                </a:cubicBezTo>
                <a:cubicBezTo>
                  <a:pt x="948" y="193"/>
                  <a:pt x="948" y="194"/>
                  <a:pt x="947" y="194"/>
                </a:cubicBezTo>
                <a:cubicBezTo>
                  <a:pt x="946" y="195"/>
                  <a:pt x="944" y="194"/>
                  <a:pt x="943" y="194"/>
                </a:cubicBezTo>
                <a:cubicBezTo>
                  <a:pt x="940" y="194"/>
                  <a:pt x="938" y="196"/>
                  <a:pt x="936" y="196"/>
                </a:cubicBezTo>
                <a:cubicBezTo>
                  <a:pt x="935" y="196"/>
                  <a:pt x="934" y="197"/>
                  <a:pt x="933" y="197"/>
                </a:cubicBezTo>
                <a:cubicBezTo>
                  <a:pt x="932" y="197"/>
                  <a:pt x="931" y="197"/>
                  <a:pt x="930" y="197"/>
                </a:cubicBezTo>
                <a:cubicBezTo>
                  <a:pt x="929" y="198"/>
                  <a:pt x="929" y="198"/>
                  <a:pt x="927" y="199"/>
                </a:cubicBezTo>
                <a:cubicBezTo>
                  <a:pt x="927" y="199"/>
                  <a:pt x="925" y="199"/>
                  <a:pt x="925" y="200"/>
                </a:cubicBezTo>
                <a:cubicBezTo>
                  <a:pt x="924" y="201"/>
                  <a:pt x="926" y="201"/>
                  <a:pt x="926" y="202"/>
                </a:cubicBezTo>
                <a:cubicBezTo>
                  <a:pt x="927" y="202"/>
                  <a:pt x="927" y="203"/>
                  <a:pt x="928" y="204"/>
                </a:cubicBezTo>
                <a:cubicBezTo>
                  <a:pt x="929" y="206"/>
                  <a:pt x="932" y="205"/>
                  <a:pt x="933" y="206"/>
                </a:cubicBezTo>
                <a:cubicBezTo>
                  <a:pt x="933" y="209"/>
                  <a:pt x="928" y="208"/>
                  <a:pt x="927" y="208"/>
                </a:cubicBezTo>
                <a:cubicBezTo>
                  <a:pt x="926" y="208"/>
                  <a:pt x="925" y="208"/>
                  <a:pt x="924" y="209"/>
                </a:cubicBezTo>
                <a:cubicBezTo>
                  <a:pt x="923" y="210"/>
                  <a:pt x="923" y="210"/>
                  <a:pt x="921" y="210"/>
                </a:cubicBezTo>
                <a:cubicBezTo>
                  <a:pt x="920" y="210"/>
                  <a:pt x="919" y="210"/>
                  <a:pt x="918" y="210"/>
                </a:cubicBezTo>
                <a:cubicBezTo>
                  <a:pt x="917" y="211"/>
                  <a:pt x="918" y="211"/>
                  <a:pt x="919" y="212"/>
                </a:cubicBezTo>
                <a:cubicBezTo>
                  <a:pt x="920" y="212"/>
                  <a:pt x="921" y="212"/>
                  <a:pt x="921" y="213"/>
                </a:cubicBezTo>
                <a:cubicBezTo>
                  <a:pt x="920" y="214"/>
                  <a:pt x="919" y="214"/>
                  <a:pt x="918" y="214"/>
                </a:cubicBezTo>
                <a:cubicBezTo>
                  <a:pt x="917" y="214"/>
                  <a:pt x="916" y="213"/>
                  <a:pt x="916" y="215"/>
                </a:cubicBezTo>
                <a:cubicBezTo>
                  <a:pt x="916" y="216"/>
                  <a:pt x="918" y="215"/>
                  <a:pt x="918" y="216"/>
                </a:cubicBezTo>
                <a:cubicBezTo>
                  <a:pt x="919" y="217"/>
                  <a:pt x="918" y="219"/>
                  <a:pt x="919" y="219"/>
                </a:cubicBezTo>
                <a:cubicBezTo>
                  <a:pt x="920" y="220"/>
                  <a:pt x="921" y="218"/>
                  <a:pt x="922" y="218"/>
                </a:cubicBezTo>
                <a:cubicBezTo>
                  <a:pt x="923" y="217"/>
                  <a:pt x="924" y="217"/>
                  <a:pt x="925" y="217"/>
                </a:cubicBezTo>
                <a:cubicBezTo>
                  <a:pt x="926" y="217"/>
                  <a:pt x="927" y="216"/>
                  <a:pt x="928" y="217"/>
                </a:cubicBezTo>
                <a:cubicBezTo>
                  <a:pt x="929" y="218"/>
                  <a:pt x="928" y="218"/>
                  <a:pt x="927" y="219"/>
                </a:cubicBezTo>
                <a:cubicBezTo>
                  <a:pt x="926" y="219"/>
                  <a:pt x="926" y="220"/>
                  <a:pt x="925" y="221"/>
                </a:cubicBezTo>
                <a:cubicBezTo>
                  <a:pt x="924" y="221"/>
                  <a:pt x="923" y="221"/>
                  <a:pt x="922" y="221"/>
                </a:cubicBezTo>
                <a:cubicBezTo>
                  <a:pt x="920" y="221"/>
                  <a:pt x="918" y="221"/>
                  <a:pt x="916" y="220"/>
                </a:cubicBezTo>
                <a:cubicBezTo>
                  <a:pt x="914" y="220"/>
                  <a:pt x="911" y="220"/>
                  <a:pt x="909" y="221"/>
                </a:cubicBezTo>
                <a:cubicBezTo>
                  <a:pt x="907" y="222"/>
                  <a:pt x="907" y="224"/>
                  <a:pt x="908" y="226"/>
                </a:cubicBezTo>
                <a:cubicBezTo>
                  <a:pt x="908" y="228"/>
                  <a:pt x="907" y="230"/>
                  <a:pt x="910" y="231"/>
                </a:cubicBezTo>
                <a:cubicBezTo>
                  <a:pt x="911" y="231"/>
                  <a:pt x="912" y="230"/>
                  <a:pt x="912" y="232"/>
                </a:cubicBezTo>
                <a:cubicBezTo>
                  <a:pt x="913" y="233"/>
                  <a:pt x="913" y="234"/>
                  <a:pt x="912" y="234"/>
                </a:cubicBezTo>
                <a:cubicBezTo>
                  <a:pt x="910" y="235"/>
                  <a:pt x="908" y="235"/>
                  <a:pt x="908" y="237"/>
                </a:cubicBezTo>
                <a:cubicBezTo>
                  <a:pt x="910" y="238"/>
                  <a:pt x="910" y="237"/>
                  <a:pt x="911" y="236"/>
                </a:cubicBezTo>
                <a:cubicBezTo>
                  <a:pt x="912" y="236"/>
                  <a:pt x="913" y="236"/>
                  <a:pt x="914" y="236"/>
                </a:cubicBezTo>
                <a:cubicBezTo>
                  <a:pt x="915" y="236"/>
                  <a:pt x="916" y="236"/>
                  <a:pt x="917" y="236"/>
                </a:cubicBezTo>
                <a:cubicBezTo>
                  <a:pt x="917" y="236"/>
                  <a:pt x="918" y="235"/>
                  <a:pt x="919" y="234"/>
                </a:cubicBezTo>
                <a:cubicBezTo>
                  <a:pt x="920" y="234"/>
                  <a:pt x="921" y="235"/>
                  <a:pt x="922" y="234"/>
                </a:cubicBezTo>
                <a:cubicBezTo>
                  <a:pt x="923" y="234"/>
                  <a:pt x="924" y="234"/>
                  <a:pt x="925" y="233"/>
                </a:cubicBezTo>
                <a:cubicBezTo>
                  <a:pt x="927" y="232"/>
                  <a:pt x="928" y="232"/>
                  <a:pt x="931" y="233"/>
                </a:cubicBezTo>
                <a:cubicBezTo>
                  <a:pt x="932" y="233"/>
                  <a:pt x="933" y="233"/>
                  <a:pt x="934" y="233"/>
                </a:cubicBezTo>
                <a:cubicBezTo>
                  <a:pt x="935" y="233"/>
                  <a:pt x="935" y="232"/>
                  <a:pt x="936" y="232"/>
                </a:cubicBezTo>
                <a:cubicBezTo>
                  <a:pt x="937" y="231"/>
                  <a:pt x="938" y="231"/>
                  <a:pt x="938" y="232"/>
                </a:cubicBezTo>
                <a:cubicBezTo>
                  <a:pt x="938" y="233"/>
                  <a:pt x="937" y="234"/>
                  <a:pt x="936" y="234"/>
                </a:cubicBezTo>
                <a:cubicBezTo>
                  <a:pt x="935" y="235"/>
                  <a:pt x="934" y="235"/>
                  <a:pt x="933" y="235"/>
                </a:cubicBezTo>
                <a:cubicBezTo>
                  <a:pt x="932" y="235"/>
                  <a:pt x="932" y="236"/>
                  <a:pt x="931" y="237"/>
                </a:cubicBezTo>
                <a:cubicBezTo>
                  <a:pt x="930" y="237"/>
                  <a:pt x="929" y="237"/>
                  <a:pt x="928" y="238"/>
                </a:cubicBezTo>
                <a:cubicBezTo>
                  <a:pt x="927" y="238"/>
                  <a:pt x="927" y="239"/>
                  <a:pt x="926" y="239"/>
                </a:cubicBezTo>
                <a:cubicBezTo>
                  <a:pt x="925" y="238"/>
                  <a:pt x="925" y="237"/>
                  <a:pt x="924" y="236"/>
                </a:cubicBezTo>
                <a:cubicBezTo>
                  <a:pt x="923" y="236"/>
                  <a:pt x="922" y="235"/>
                  <a:pt x="922" y="235"/>
                </a:cubicBezTo>
                <a:cubicBezTo>
                  <a:pt x="919" y="234"/>
                  <a:pt x="919" y="236"/>
                  <a:pt x="917" y="237"/>
                </a:cubicBezTo>
                <a:cubicBezTo>
                  <a:pt x="915" y="238"/>
                  <a:pt x="913" y="235"/>
                  <a:pt x="912" y="237"/>
                </a:cubicBezTo>
                <a:cubicBezTo>
                  <a:pt x="911" y="238"/>
                  <a:pt x="911" y="239"/>
                  <a:pt x="910" y="239"/>
                </a:cubicBezTo>
                <a:cubicBezTo>
                  <a:pt x="909" y="239"/>
                  <a:pt x="907" y="239"/>
                  <a:pt x="906" y="239"/>
                </a:cubicBezTo>
                <a:cubicBezTo>
                  <a:pt x="905" y="239"/>
                  <a:pt x="905" y="240"/>
                  <a:pt x="903" y="241"/>
                </a:cubicBezTo>
                <a:cubicBezTo>
                  <a:pt x="902" y="242"/>
                  <a:pt x="901" y="241"/>
                  <a:pt x="901" y="242"/>
                </a:cubicBezTo>
                <a:cubicBezTo>
                  <a:pt x="901" y="245"/>
                  <a:pt x="905" y="243"/>
                  <a:pt x="907" y="244"/>
                </a:cubicBezTo>
                <a:cubicBezTo>
                  <a:pt x="908" y="246"/>
                  <a:pt x="904" y="246"/>
                  <a:pt x="906" y="248"/>
                </a:cubicBezTo>
                <a:cubicBezTo>
                  <a:pt x="907" y="249"/>
                  <a:pt x="910" y="250"/>
                  <a:pt x="909" y="252"/>
                </a:cubicBezTo>
                <a:cubicBezTo>
                  <a:pt x="909" y="251"/>
                  <a:pt x="906" y="249"/>
                  <a:pt x="905" y="249"/>
                </a:cubicBezTo>
                <a:cubicBezTo>
                  <a:pt x="903" y="248"/>
                  <a:pt x="902" y="250"/>
                  <a:pt x="901" y="252"/>
                </a:cubicBezTo>
                <a:cubicBezTo>
                  <a:pt x="900" y="253"/>
                  <a:pt x="898" y="254"/>
                  <a:pt x="896" y="255"/>
                </a:cubicBezTo>
                <a:cubicBezTo>
                  <a:pt x="896" y="256"/>
                  <a:pt x="895" y="257"/>
                  <a:pt x="895" y="258"/>
                </a:cubicBezTo>
                <a:cubicBezTo>
                  <a:pt x="895" y="259"/>
                  <a:pt x="897" y="259"/>
                  <a:pt x="897" y="260"/>
                </a:cubicBezTo>
                <a:cubicBezTo>
                  <a:pt x="897" y="261"/>
                  <a:pt x="896" y="261"/>
                  <a:pt x="895" y="261"/>
                </a:cubicBezTo>
                <a:cubicBezTo>
                  <a:pt x="895" y="261"/>
                  <a:pt x="893" y="261"/>
                  <a:pt x="893" y="261"/>
                </a:cubicBezTo>
                <a:cubicBezTo>
                  <a:pt x="892" y="262"/>
                  <a:pt x="893" y="263"/>
                  <a:pt x="892" y="264"/>
                </a:cubicBezTo>
                <a:cubicBezTo>
                  <a:pt x="892" y="265"/>
                  <a:pt x="891" y="265"/>
                  <a:pt x="890" y="266"/>
                </a:cubicBezTo>
                <a:cubicBezTo>
                  <a:pt x="889" y="269"/>
                  <a:pt x="893" y="268"/>
                  <a:pt x="895" y="269"/>
                </a:cubicBezTo>
                <a:cubicBezTo>
                  <a:pt x="896" y="269"/>
                  <a:pt x="896" y="270"/>
                  <a:pt x="896" y="271"/>
                </a:cubicBezTo>
                <a:cubicBezTo>
                  <a:pt x="897" y="272"/>
                  <a:pt x="897" y="272"/>
                  <a:pt x="898" y="273"/>
                </a:cubicBezTo>
                <a:cubicBezTo>
                  <a:pt x="899" y="273"/>
                  <a:pt x="900" y="275"/>
                  <a:pt x="899" y="275"/>
                </a:cubicBezTo>
                <a:cubicBezTo>
                  <a:pt x="898" y="276"/>
                  <a:pt x="897" y="275"/>
                  <a:pt x="896" y="275"/>
                </a:cubicBezTo>
                <a:cubicBezTo>
                  <a:pt x="896" y="274"/>
                  <a:pt x="895" y="274"/>
                  <a:pt x="894" y="273"/>
                </a:cubicBezTo>
                <a:cubicBezTo>
                  <a:pt x="893" y="273"/>
                  <a:pt x="892" y="273"/>
                  <a:pt x="892" y="272"/>
                </a:cubicBezTo>
                <a:cubicBezTo>
                  <a:pt x="891" y="271"/>
                  <a:pt x="890" y="269"/>
                  <a:pt x="889" y="268"/>
                </a:cubicBezTo>
                <a:cubicBezTo>
                  <a:pt x="887" y="267"/>
                  <a:pt x="887" y="268"/>
                  <a:pt x="887" y="269"/>
                </a:cubicBezTo>
                <a:cubicBezTo>
                  <a:pt x="886" y="270"/>
                  <a:pt x="886" y="271"/>
                  <a:pt x="886" y="272"/>
                </a:cubicBezTo>
                <a:cubicBezTo>
                  <a:pt x="885" y="273"/>
                  <a:pt x="884" y="274"/>
                  <a:pt x="884" y="275"/>
                </a:cubicBezTo>
                <a:cubicBezTo>
                  <a:pt x="883" y="276"/>
                  <a:pt x="883" y="277"/>
                  <a:pt x="883" y="278"/>
                </a:cubicBezTo>
                <a:cubicBezTo>
                  <a:pt x="882" y="280"/>
                  <a:pt x="880" y="282"/>
                  <a:pt x="880" y="284"/>
                </a:cubicBezTo>
                <a:cubicBezTo>
                  <a:pt x="883" y="285"/>
                  <a:pt x="883" y="283"/>
                  <a:pt x="884" y="282"/>
                </a:cubicBezTo>
                <a:cubicBezTo>
                  <a:pt x="885" y="282"/>
                  <a:pt x="886" y="281"/>
                  <a:pt x="887" y="281"/>
                </a:cubicBezTo>
                <a:cubicBezTo>
                  <a:pt x="888" y="281"/>
                  <a:pt x="888" y="280"/>
                  <a:pt x="889" y="281"/>
                </a:cubicBezTo>
                <a:cubicBezTo>
                  <a:pt x="890" y="281"/>
                  <a:pt x="890" y="282"/>
                  <a:pt x="890" y="283"/>
                </a:cubicBezTo>
                <a:cubicBezTo>
                  <a:pt x="890" y="284"/>
                  <a:pt x="891" y="284"/>
                  <a:pt x="891" y="285"/>
                </a:cubicBezTo>
                <a:cubicBezTo>
                  <a:pt x="892" y="287"/>
                  <a:pt x="888" y="286"/>
                  <a:pt x="889" y="289"/>
                </a:cubicBezTo>
                <a:cubicBezTo>
                  <a:pt x="891" y="290"/>
                  <a:pt x="892" y="288"/>
                  <a:pt x="893" y="288"/>
                </a:cubicBezTo>
                <a:cubicBezTo>
                  <a:pt x="894" y="290"/>
                  <a:pt x="891" y="290"/>
                  <a:pt x="890" y="291"/>
                </a:cubicBezTo>
                <a:cubicBezTo>
                  <a:pt x="889" y="292"/>
                  <a:pt x="887" y="293"/>
                  <a:pt x="887" y="291"/>
                </a:cubicBezTo>
                <a:cubicBezTo>
                  <a:pt x="887" y="290"/>
                  <a:pt x="888" y="289"/>
                  <a:pt x="888" y="288"/>
                </a:cubicBezTo>
                <a:cubicBezTo>
                  <a:pt x="888" y="287"/>
                  <a:pt x="888" y="286"/>
                  <a:pt x="887" y="286"/>
                </a:cubicBezTo>
                <a:cubicBezTo>
                  <a:pt x="886" y="285"/>
                  <a:pt x="885" y="285"/>
                  <a:pt x="884" y="286"/>
                </a:cubicBezTo>
                <a:cubicBezTo>
                  <a:pt x="883" y="286"/>
                  <a:pt x="882" y="285"/>
                  <a:pt x="881" y="285"/>
                </a:cubicBezTo>
                <a:cubicBezTo>
                  <a:pt x="879" y="285"/>
                  <a:pt x="879" y="287"/>
                  <a:pt x="878" y="288"/>
                </a:cubicBezTo>
                <a:cubicBezTo>
                  <a:pt x="876" y="289"/>
                  <a:pt x="874" y="290"/>
                  <a:pt x="873" y="292"/>
                </a:cubicBezTo>
                <a:cubicBezTo>
                  <a:pt x="872" y="294"/>
                  <a:pt x="872" y="296"/>
                  <a:pt x="869" y="297"/>
                </a:cubicBezTo>
                <a:cubicBezTo>
                  <a:pt x="868" y="298"/>
                  <a:pt x="866" y="299"/>
                  <a:pt x="865" y="300"/>
                </a:cubicBezTo>
                <a:cubicBezTo>
                  <a:pt x="863" y="302"/>
                  <a:pt x="862" y="303"/>
                  <a:pt x="860" y="304"/>
                </a:cubicBezTo>
                <a:cubicBezTo>
                  <a:pt x="859" y="305"/>
                  <a:pt x="856" y="306"/>
                  <a:pt x="855" y="307"/>
                </a:cubicBezTo>
                <a:cubicBezTo>
                  <a:pt x="855" y="309"/>
                  <a:pt x="859" y="306"/>
                  <a:pt x="860" y="306"/>
                </a:cubicBezTo>
                <a:cubicBezTo>
                  <a:pt x="862" y="306"/>
                  <a:pt x="864" y="305"/>
                  <a:pt x="866" y="303"/>
                </a:cubicBezTo>
                <a:cubicBezTo>
                  <a:pt x="866" y="303"/>
                  <a:pt x="867" y="302"/>
                  <a:pt x="868" y="302"/>
                </a:cubicBezTo>
                <a:cubicBezTo>
                  <a:pt x="870" y="302"/>
                  <a:pt x="869" y="303"/>
                  <a:pt x="868" y="304"/>
                </a:cubicBezTo>
                <a:cubicBezTo>
                  <a:pt x="868" y="305"/>
                  <a:pt x="870" y="308"/>
                  <a:pt x="867" y="309"/>
                </a:cubicBezTo>
                <a:cubicBezTo>
                  <a:pt x="866" y="309"/>
                  <a:pt x="865" y="309"/>
                  <a:pt x="864" y="309"/>
                </a:cubicBezTo>
                <a:cubicBezTo>
                  <a:pt x="863" y="310"/>
                  <a:pt x="861" y="310"/>
                  <a:pt x="861" y="310"/>
                </a:cubicBezTo>
                <a:cubicBezTo>
                  <a:pt x="860" y="312"/>
                  <a:pt x="862" y="312"/>
                  <a:pt x="863" y="312"/>
                </a:cubicBezTo>
                <a:cubicBezTo>
                  <a:pt x="864" y="312"/>
                  <a:pt x="864" y="313"/>
                  <a:pt x="865" y="314"/>
                </a:cubicBezTo>
                <a:cubicBezTo>
                  <a:pt x="866" y="315"/>
                  <a:pt x="867" y="315"/>
                  <a:pt x="867" y="316"/>
                </a:cubicBezTo>
                <a:cubicBezTo>
                  <a:pt x="866" y="318"/>
                  <a:pt x="865" y="317"/>
                  <a:pt x="864" y="318"/>
                </a:cubicBezTo>
                <a:cubicBezTo>
                  <a:pt x="863" y="318"/>
                  <a:pt x="862" y="319"/>
                  <a:pt x="862" y="320"/>
                </a:cubicBezTo>
                <a:cubicBezTo>
                  <a:pt x="862" y="321"/>
                  <a:pt x="863" y="322"/>
                  <a:pt x="862" y="323"/>
                </a:cubicBezTo>
                <a:cubicBezTo>
                  <a:pt x="861" y="324"/>
                  <a:pt x="860" y="324"/>
                  <a:pt x="859" y="324"/>
                </a:cubicBezTo>
                <a:cubicBezTo>
                  <a:pt x="858" y="325"/>
                  <a:pt x="858" y="326"/>
                  <a:pt x="857" y="327"/>
                </a:cubicBezTo>
                <a:cubicBezTo>
                  <a:pt x="856" y="327"/>
                  <a:pt x="856" y="326"/>
                  <a:pt x="857" y="325"/>
                </a:cubicBezTo>
                <a:cubicBezTo>
                  <a:pt x="857" y="324"/>
                  <a:pt x="858" y="323"/>
                  <a:pt x="857" y="322"/>
                </a:cubicBezTo>
                <a:cubicBezTo>
                  <a:pt x="856" y="320"/>
                  <a:pt x="853" y="321"/>
                  <a:pt x="852" y="320"/>
                </a:cubicBezTo>
                <a:cubicBezTo>
                  <a:pt x="851" y="319"/>
                  <a:pt x="850" y="318"/>
                  <a:pt x="849" y="318"/>
                </a:cubicBezTo>
                <a:cubicBezTo>
                  <a:pt x="847" y="318"/>
                  <a:pt x="846" y="319"/>
                  <a:pt x="844" y="320"/>
                </a:cubicBezTo>
                <a:cubicBezTo>
                  <a:pt x="843" y="320"/>
                  <a:pt x="841" y="322"/>
                  <a:pt x="840" y="323"/>
                </a:cubicBezTo>
                <a:cubicBezTo>
                  <a:pt x="838" y="325"/>
                  <a:pt x="836" y="325"/>
                  <a:pt x="834" y="326"/>
                </a:cubicBezTo>
                <a:cubicBezTo>
                  <a:pt x="832" y="327"/>
                  <a:pt x="831" y="329"/>
                  <a:pt x="830" y="330"/>
                </a:cubicBezTo>
                <a:cubicBezTo>
                  <a:pt x="829" y="330"/>
                  <a:pt x="828" y="331"/>
                  <a:pt x="827" y="332"/>
                </a:cubicBezTo>
                <a:cubicBezTo>
                  <a:pt x="826" y="334"/>
                  <a:pt x="828" y="332"/>
                  <a:pt x="829" y="333"/>
                </a:cubicBezTo>
                <a:cubicBezTo>
                  <a:pt x="830" y="335"/>
                  <a:pt x="826" y="337"/>
                  <a:pt x="825" y="337"/>
                </a:cubicBezTo>
                <a:cubicBezTo>
                  <a:pt x="823" y="339"/>
                  <a:pt x="821" y="340"/>
                  <a:pt x="819" y="341"/>
                </a:cubicBezTo>
                <a:cubicBezTo>
                  <a:pt x="818" y="342"/>
                  <a:pt x="818" y="343"/>
                  <a:pt x="817" y="344"/>
                </a:cubicBezTo>
                <a:cubicBezTo>
                  <a:pt x="816" y="346"/>
                  <a:pt x="818" y="344"/>
                  <a:pt x="819" y="345"/>
                </a:cubicBezTo>
                <a:cubicBezTo>
                  <a:pt x="820" y="347"/>
                  <a:pt x="815" y="349"/>
                  <a:pt x="815" y="350"/>
                </a:cubicBezTo>
                <a:cubicBezTo>
                  <a:pt x="813" y="351"/>
                  <a:pt x="811" y="352"/>
                  <a:pt x="810" y="354"/>
                </a:cubicBezTo>
                <a:cubicBezTo>
                  <a:pt x="809" y="354"/>
                  <a:pt x="805" y="357"/>
                  <a:pt x="807" y="358"/>
                </a:cubicBezTo>
                <a:cubicBezTo>
                  <a:pt x="807" y="358"/>
                  <a:pt x="808" y="357"/>
                  <a:pt x="808" y="357"/>
                </a:cubicBezTo>
                <a:cubicBezTo>
                  <a:pt x="809" y="357"/>
                  <a:pt x="809" y="358"/>
                  <a:pt x="809" y="358"/>
                </a:cubicBezTo>
                <a:cubicBezTo>
                  <a:pt x="810" y="359"/>
                  <a:pt x="811" y="359"/>
                  <a:pt x="812" y="358"/>
                </a:cubicBezTo>
                <a:cubicBezTo>
                  <a:pt x="813" y="358"/>
                  <a:pt x="815" y="354"/>
                  <a:pt x="817" y="356"/>
                </a:cubicBezTo>
                <a:cubicBezTo>
                  <a:pt x="818" y="358"/>
                  <a:pt x="814" y="360"/>
                  <a:pt x="814" y="362"/>
                </a:cubicBezTo>
                <a:cubicBezTo>
                  <a:pt x="814" y="363"/>
                  <a:pt x="815" y="363"/>
                  <a:pt x="816" y="364"/>
                </a:cubicBezTo>
                <a:cubicBezTo>
                  <a:pt x="817" y="365"/>
                  <a:pt x="816" y="366"/>
                  <a:pt x="817" y="367"/>
                </a:cubicBezTo>
                <a:cubicBezTo>
                  <a:pt x="819" y="368"/>
                  <a:pt x="822" y="367"/>
                  <a:pt x="824" y="366"/>
                </a:cubicBezTo>
                <a:cubicBezTo>
                  <a:pt x="826" y="365"/>
                  <a:pt x="827" y="363"/>
                  <a:pt x="829" y="363"/>
                </a:cubicBezTo>
                <a:cubicBezTo>
                  <a:pt x="830" y="362"/>
                  <a:pt x="831" y="362"/>
                  <a:pt x="832" y="362"/>
                </a:cubicBezTo>
                <a:cubicBezTo>
                  <a:pt x="834" y="362"/>
                  <a:pt x="834" y="361"/>
                  <a:pt x="836" y="361"/>
                </a:cubicBezTo>
                <a:cubicBezTo>
                  <a:pt x="836" y="361"/>
                  <a:pt x="837" y="361"/>
                  <a:pt x="837" y="360"/>
                </a:cubicBezTo>
                <a:cubicBezTo>
                  <a:pt x="838" y="360"/>
                  <a:pt x="838" y="360"/>
                  <a:pt x="838" y="359"/>
                </a:cubicBezTo>
                <a:cubicBezTo>
                  <a:pt x="839" y="359"/>
                  <a:pt x="840" y="358"/>
                  <a:pt x="841" y="357"/>
                </a:cubicBezTo>
                <a:cubicBezTo>
                  <a:pt x="842" y="356"/>
                  <a:pt x="845" y="354"/>
                  <a:pt x="847" y="354"/>
                </a:cubicBezTo>
                <a:cubicBezTo>
                  <a:pt x="848" y="354"/>
                  <a:pt x="849" y="354"/>
                  <a:pt x="849" y="352"/>
                </a:cubicBezTo>
                <a:cubicBezTo>
                  <a:pt x="850" y="351"/>
                  <a:pt x="849" y="351"/>
                  <a:pt x="848" y="349"/>
                </a:cubicBezTo>
                <a:cubicBezTo>
                  <a:pt x="848" y="349"/>
                  <a:pt x="848" y="347"/>
                  <a:pt x="847" y="347"/>
                </a:cubicBezTo>
                <a:cubicBezTo>
                  <a:pt x="845" y="347"/>
                  <a:pt x="846" y="349"/>
                  <a:pt x="845" y="350"/>
                </a:cubicBezTo>
                <a:cubicBezTo>
                  <a:pt x="844" y="350"/>
                  <a:pt x="842" y="350"/>
                  <a:pt x="843" y="348"/>
                </a:cubicBezTo>
                <a:cubicBezTo>
                  <a:pt x="843" y="347"/>
                  <a:pt x="845" y="347"/>
                  <a:pt x="846" y="347"/>
                </a:cubicBezTo>
                <a:cubicBezTo>
                  <a:pt x="847" y="346"/>
                  <a:pt x="847" y="345"/>
                  <a:pt x="848" y="345"/>
                </a:cubicBezTo>
                <a:cubicBezTo>
                  <a:pt x="849" y="344"/>
                  <a:pt x="850" y="344"/>
                  <a:pt x="851" y="343"/>
                </a:cubicBezTo>
                <a:cubicBezTo>
                  <a:pt x="853" y="342"/>
                  <a:pt x="856" y="337"/>
                  <a:pt x="858" y="339"/>
                </a:cubicBezTo>
                <a:cubicBezTo>
                  <a:pt x="859" y="339"/>
                  <a:pt x="858" y="340"/>
                  <a:pt x="859" y="340"/>
                </a:cubicBezTo>
                <a:cubicBezTo>
                  <a:pt x="859" y="341"/>
                  <a:pt x="859" y="341"/>
                  <a:pt x="860" y="341"/>
                </a:cubicBezTo>
                <a:cubicBezTo>
                  <a:pt x="862" y="343"/>
                  <a:pt x="859" y="343"/>
                  <a:pt x="858" y="344"/>
                </a:cubicBezTo>
                <a:cubicBezTo>
                  <a:pt x="857" y="344"/>
                  <a:pt x="856" y="345"/>
                  <a:pt x="855" y="346"/>
                </a:cubicBezTo>
                <a:cubicBezTo>
                  <a:pt x="854" y="346"/>
                  <a:pt x="853" y="346"/>
                  <a:pt x="853" y="347"/>
                </a:cubicBezTo>
                <a:cubicBezTo>
                  <a:pt x="852" y="347"/>
                  <a:pt x="851" y="348"/>
                  <a:pt x="851" y="348"/>
                </a:cubicBezTo>
                <a:cubicBezTo>
                  <a:pt x="850" y="350"/>
                  <a:pt x="852" y="349"/>
                  <a:pt x="853" y="349"/>
                </a:cubicBezTo>
                <a:cubicBezTo>
                  <a:pt x="854" y="350"/>
                  <a:pt x="853" y="351"/>
                  <a:pt x="855" y="351"/>
                </a:cubicBezTo>
                <a:cubicBezTo>
                  <a:pt x="856" y="351"/>
                  <a:pt x="857" y="351"/>
                  <a:pt x="858" y="351"/>
                </a:cubicBezTo>
                <a:cubicBezTo>
                  <a:pt x="861" y="352"/>
                  <a:pt x="857" y="355"/>
                  <a:pt x="855" y="355"/>
                </a:cubicBezTo>
                <a:cubicBezTo>
                  <a:pt x="854" y="355"/>
                  <a:pt x="853" y="355"/>
                  <a:pt x="852" y="356"/>
                </a:cubicBezTo>
                <a:cubicBezTo>
                  <a:pt x="851" y="357"/>
                  <a:pt x="851" y="357"/>
                  <a:pt x="850" y="358"/>
                </a:cubicBezTo>
                <a:cubicBezTo>
                  <a:pt x="848" y="359"/>
                  <a:pt x="846" y="359"/>
                  <a:pt x="844" y="360"/>
                </a:cubicBezTo>
                <a:cubicBezTo>
                  <a:pt x="843" y="360"/>
                  <a:pt x="842" y="361"/>
                  <a:pt x="841" y="362"/>
                </a:cubicBezTo>
                <a:cubicBezTo>
                  <a:pt x="840" y="362"/>
                  <a:pt x="838" y="363"/>
                  <a:pt x="838" y="364"/>
                </a:cubicBezTo>
                <a:cubicBezTo>
                  <a:pt x="839" y="364"/>
                  <a:pt x="840" y="364"/>
                  <a:pt x="841" y="364"/>
                </a:cubicBezTo>
                <a:cubicBezTo>
                  <a:pt x="843" y="365"/>
                  <a:pt x="842" y="365"/>
                  <a:pt x="841" y="366"/>
                </a:cubicBezTo>
                <a:cubicBezTo>
                  <a:pt x="841" y="367"/>
                  <a:pt x="842" y="367"/>
                  <a:pt x="842" y="368"/>
                </a:cubicBezTo>
                <a:cubicBezTo>
                  <a:pt x="842" y="370"/>
                  <a:pt x="839" y="371"/>
                  <a:pt x="837" y="371"/>
                </a:cubicBezTo>
                <a:cubicBezTo>
                  <a:pt x="836" y="371"/>
                  <a:pt x="835" y="371"/>
                  <a:pt x="834" y="371"/>
                </a:cubicBezTo>
                <a:cubicBezTo>
                  <a:pt x="832" y="371"/>
                  <a:pt x="829" y="370"/>
                  <a:pt x="827" y="371"/>
                </a:cubicBezTo>
                <a:cubicBezTo>
                  <a:pt x="825" y="372"/>
                  <a:pt x="823" y="373"/>
                  <a:pt x="821" y="374"/>
                </a:cubicBezTo>
                <a:cubicBezTo>
                  <a:pt x="819" y="374"/>
                  <a:pt x="817" y="375"/>
                  <a:pt x="815" y="375"/>
                </a:cubicBezTo>
                <a:cubicBezTo>
                  <a:pt x="814" y="373"/>
                  <a:pt x="816" y="371"/>
                  <a:pt x="816" y="369"/>
                </a:cubicBezTo>
                <a:cubicBezTo>
                  <a:pt x="816" y="367"/>
                  <a:pt x="814" y="366"/>
                  <a:pt x="813" y="365"/>
                </a:cubicBezTo>
                <a:cubicBezTo>
                  <a:pt x="812" y="363"/>
                  <a:pt x="812" y="362"/>
                  <a:pt x="810" y="361"/>
                </a:cubicBezTo>
                <a:cubicBezTo>
                  <a:pt x="808" y="360"/>
                  <a:pt x="806" y="361"/>
                  <a:pt x="804" y="362"/>
                </a:cubicBezTo>
                <a:cubicBezTo>
                  <a:pt x="803" y="363"/>
                  <a:pt x="802" y="363"/>
                  <a:pt x="801" y="363"/>
                </a:cubicBezTo>
                <a:cubicBezTo>
                  <a:pt x="800" y="363"/>
                  <a:pt x="799" y="364"/>
                  <a:pt x="798" y="365"/>
                </a:cubicBezTo>
                <a:cubicBezTo>
                  <a:pt x="797" y="365"/>
                  <a:pt x="793" y="367"/>
                  <a:pt x="795" y="368"/>
                </a:cubicBezTo>
                <a:cubicBezTo>
                  <a:pt x="797" y="368"/>
                  <a:pt x="801" y="368"/>
                  <a:pt x="799" y="371"/>
                </a:cubicBezTo>
                <a:cubicBezTo>
                  <a:pt x="799" y="372"/>
                  <a:pt x="797" y="372"/>
                  <a:pt x="796" y="372"/>
                </a:cubicBezTo>
                <a:cubicBezTo>
                  <a:pt x="795" y="373"/>
                  <a:pt x="795" y="374"/>
                  <a:pt x="794" y="374"/>
                </a:cubicBezTo>
                <a:cubicBezTo>
                  <a:pt x="791" y="376"/>
                  <a:pt x="791" y="373"/>
                  <a:pt x="791" y="371"/>
                </a:cubicBezTo>
                <a:cubicBezTo>
                  <a:pt x="790" y="369"/>
                  <a:pt x="787" y="370"/>
                  <a:pt x="786" y="370"/>
                </a:cubicBezTo>
                <a:cubicBezTo>
                  <a:pt x="784" y="370"/>
                  <a:pt x="782" y="370"/>
                  <a:pt x="780" y="371"/>
                </a:cubicBezTo>
                <a:cubicBezTo>
                  <a:pt x="779" y="372"/>
                  <a:pt x="777" y="374"/>
                  <a:pt x="776" y="375"/>
                </a:cubicBezTo>
                <a:cubicBezTo>
                  <a:pt x="775" y="376"/>
                  <a:pt x="774" y="377"/>
                  <a:pt x="776" y="378"/>
                </a:cubicBezTo>
                <a:cubicBezTo>
                  <a:pt x="777" y="378"/>
                  <a:pt x="777" y="379"/>
                  <a:pt x="778" y="379"/>
                </a:cubicBezTo>
                <a:cubicBezTo>
                  <a:pt x="779" y="379"/>
                  <a:pt x="780" y="379"/>
                  <a:pt x="780" y="380"/>
                </a:cubicBezTo>
                <a:cubicBezTo>
                  <a:pt x="782" y="382"/>
                  <a:pt x="778" y="381"/>
                  <a:pt x="776" y="382"/>
                </a:cubicBezTo>
                <a:cubicBezTo>
                  <a:pt x="774" y="383"/>
                  <a:pt x="773" y="383"/>
                  <a:pt x="770" y="382"/>
                </a:cubicBezTo>
                <a:cubicBezTo>
                  <a:pt x="769" y="382"/>
                  <a:pt x="768" y="382"/>
                  <a:pt x="768" y="383"/>
                </a:cubicBezTo>
                <a:cubicBezTo>
                  <a:pt x="767" y="383"/>
                  <a:pt x="767" y="384"/>
                  <a:pt x="767" y="384"/>
                </a:cubicBezTo>
                <a:cubicBezTo>
                  <a:pt x="766" y="384"/>
                  <a:pt x="766" y="384"/>
                  <a:pt x="765" y="384"/>
                </a:cubicBezTo>
                <a:cubicBezTo>
                  <a:pt x="764" y="384"/>
                  <a:pt x="763" y="385"/>
                  <a:pt x="764" y="386"/>
                </a:cubicBezTo>
                <a:cubicBezTo>
                  <a:pt x="765" y="387"/>
                  <a:pt x="766" y="387"/>
                  <a:pt x="767" y="388"/>
                </a:cubicBezTo>
                <a:cubicBezTo>
                  <a:pt x="767" y="389"/>
                  <a:pt x="767" y="390"/>
                  <a:pt x="768" y="390"/>
                </a:cubicBezTo>
                <a:cubicBezTo>
                  <a:pt x="769" y="390"/>
                  <a:pt x="771" y="390"/>
                  <a:pt x="772" y="390"/>
                </a:cubicBezTo>
                <a:cubicBezTo>
                  <a:pt x="773" y="390"/>
                  <a:pt x="773" y="390"/>
                  <a:pt x="774" y="391"/>
                </a:cubicBezTo>
                <a:cubicBezTo>
                  <a:pt x="775" y="391"/>
                  <a:pt x="777" y="391"/>
                  <a:pt x="777" y="392"/>
                </a:cubicBezTo>
                <a:cubicBezTo>
                  <a:pt x="778" y="392"/>
                  <a:pt x="780" y="397"/>
                  <a:pt x="780" y="398"/>
                </a:cubicBezTo>
                <a:cubicBezTo>
                  <a:pt x="779" y="399"/>
                  <a:pt x="779" y="397"/>
                  <a:pt x="778" y="397"/>
                </a:cubicBezTo>
                <a:cubicBezTo>
                  <a:pt x="777" y="396"/>
                  <a:pt x="776" y="396"/>
                  <a:pt x="775" y="396"/>
                </a:cubicBezTo>
                <a:cubicBezTo>
                  <a:pt x="772" y="396"/>
                  <a:pt x="771" y="396"/>
                  <a:pt x="770" y="394"/>
                </a:cubicBezTo>
                <a:cubicBezTo>
                  <a:pt x="769" y="393"/>
                  <a:pt x="769" y="392"/>
                  <a:pt x="768" y="391"/>
                </a:cubicBezTo>
                <a:cubicBezTo>
                  <a:pt x="767" y="391"/>
                  <a:pt x="767" y="390"/>
                  <a:pt x="766" y="390"/>
                </a:cubicBezTo>
                <a:cubicBezTo>
                  <a:pt x="765" y="389"/>
                  <a:pt x="763" y="387"/>
                  <a:pt x="762" y="386"/>
                </a:cubicBezTo>
                <a:cubicBezTo>
                  <a:pt x="760" y="386"/>
                  <a:pt x="757" y="387"/>
                  <a:pt x="757" y="389"/>
                </a:cubicBezTo>
                <a:cubicBezTo>
                  <a:pt x="758" y="391"/>
                  <a:pt x="761" y="391"/>
                  <a:pt x="763" y="393"/>
                </a:cubicBezTo>
                <a:cubicBezTo>
                  <a:pt x="763" y="394"/>
                  <a:pt x="764" y="394"/>
                  <a:pt x="765" y="395"/>
                </a:cubicBezTo>
                <a:cubicBezTo>
                  <a:pt x="765" y="396"/>
                  <a:pt x="766" y="396"/>
                  <a:pt x="767" y="397"/>
                </a:cubicBezTo>
                <a:cubicBezTo>
                  <a:pt x="767" y="398"/>
                  <a:pt x="765" y="399"/>
                  <a:pt x="765" y="398"/>
                </a:cubicBezTo>
                <a:cubicBezTo>
                  <a:pt x="764" y="398"/>
                  <a:pt x="763" y="396"/>
                  <a:pt x="763" y="396"/>
                </a:cubicBezTo>
                <a:cubicBezTo>
                  <a:pt x="762" y="395"/>
                  <a:pt x="761" y="395"/>
                  <a:pt x="760" y="395"/>
                </a:cubicBezTo>
                <a:cubicBezTo>
                  <a:pt x="759" y="394"/>
                  <a:pt x="759" y="393"/>
                  <a:pt x="758" y="393"/>
                </a:cubicBezTo>
                <a:cubicBezTo>
                  <a:pt x="755" y="392"/>
                  <a:pt x="751" y="393"/>
                  <a:pt x="749" y="394"/>
                </a:cubicBezTo>
                <a:cubicBezTo>
                  <a:pt x="747" y="394"/>
                  <a:pt x="743" y="394"/>
                  <a:pt x="742" y="392"/>
                </a:cubicBezTo>
                <a:cubicBezTo>
                  <a:pt x="740" y="391"/>
                  <a:pt x="738" y="389"/>
                  <a:pt x="736" y="390"/>
                </a:cubicBezTo>
                <a:cubicBezTo>
                  <a:pt x="735" y="391"/>
                  <a:pt x="735" y="392"/>
                  <a:pt x="733" y="392"/>
                </a:cubicBezTo>
                <a:cubicBezTo>
                  <a:pt x="732" y="392"/>
                  <a:pt x="731" y="393"/>
                  <a:pt x="730" y="393"/>
                </a:cubicBezTo>
                <a:cubicBezTo>
                  <a:pt x="729" y="394"/>
                  <a:pt x="727" y="394"/>
                  <a:pt x="728" y="396"/>
                </a:cubicBezTo>
                <a:cubicBezTo>
                  <a:pt x="728" y="397"/>
                  <a:pt x="728" y="396"/>
                  <a:pt x="729" y="397"/>
                </a:cubicBezTo>
                <a:cubicBezTo>
                  <a:pt x="730" y="397"/>
                  <a:pt x="730" y="397"/>
                  <a:pt x="731" y="398"/>
                </a:cubicBezTo>
                <a:cubicBezTo>
                  <a:pt x="732" y="399"/>
                  <a:pt x="733" y="399"/>
                  <a:pt x="732" y="401"/>
                </a:cubicBezTo>
                <a:cubicBezTo>
                  <a:pt x="731" y="401"/>
                  <a:pt x="727" y="402"/>
                  <a:pt x="729" y="404"/>
                </a:cubicBezTo>
                <a:cubicBezTo>
                  <a:pt x="730" y="404"/>
                  <a:pt x="733" y="404"/>
                  <a:pt x="734" y="404"/>
                </a:cubicBezTo>
                <a:cubicBezTo>
                  <a:pt x="736" y="403"/>
                  <a:pt x="738" y="403"/>
                  <a:pt x="740" y="403"/>
                </a:cubicBezTo>
                <a:cubicBezTo>
                  <a:pt x="743" y="404"/>
                  <a:pt x="745" y="404"/>
                  <a:pt x="747" y="404"/>
                </a:cubicBezTo>
                <a:cubicBezTo>
                  <a:pt x="748" y="404"/>
                  <a:pt x="749" y="405"/>
                  <a:pt x="748" y="405"/>
                </a:cubicBezTo>
                <a:cubicBezTo>
                  <a:pt x="747" y="406"/>
                  <a:pt x="745" y="406"/>
                  <a:pt x="744" y="406"/>
                </a:cubicBezTo>
                <a:cubicBezTo>
                  <a:pt x="743" y="407"/>
                  <a:pt x="740" y="409"/>
                  <a:pt x="743" y="410"/>
                </a:cubicBezTo>
                <a:cubicBezTo>
                  <a:pt x="744" y="410"/>
                  <a:pt x="745" y="409"/>
                  <a:pt x="746" y="410"/>
                </a:cubicBezTo>
                <a:cubicBezTo>
                  <a:pt x="747" y="410"/>
                  <a:pt x="748" y="411"/>
                  <a:pt x="747" y="411"/>
                </a:cubicBezTo>
                <a:cubicBezTo>
                  <a:pt x="745" y="412"/>
                  <a:pt x="742" y="411"/>
                  <a:pt x="741" y="410"/>
                </a:cubicBezTo>
                <a:cubicBezTo>
                  <a:pt x="739" y="409"/>
                  <a:pt x="736" y="408"/>
                  <a:pt x="734" y="408"/>
                </a:cubicBezTo>
                <a:cubicBezTo>
                  <a:pt x="733" y="408"/>
                  <a:pt x="732" y="408"/>
                  <a:pt x="730" y="408"/>
                </a:cubicBezTo>
                <a:cubicBezTo>
                  <a:pt x="729" y="409"/>
                  <a:pt x="728" y="409"/>
                  <a:pt x="727" y="409"/>
                </a:cubicBezTo>
                <a:cubicBezTo>
                  <a:pt x="726" y="409"/>
                  <a:pt x="725" y="409"/>
                  <a:pt x="724" y="409"/>
                </a:cubicBezTo>
                <a:cubicBezTo>
                  <a:pt x="721" y="408"/>
                  <a:pt x="720" y="408"/>
                  <a:pt x="718" y="409"/>
                </a:cubicBezTo>
                <a:cubicBezTo>
                  <a:pt x="715" y="409"/>
                  <a:pt x="713" y="410"/>
                  <a:pt x="711" y="410"/>
                </a:cubicBezTo>
                <a:cubicBezTo>
                  <a:pt x="710" y="410"/>
                  <a:pt x="708" y="410"/>
                  <a:pt x="709" y="411"/>
                </a:cubicBezTo>
                <a:cubicBezTo>
                  <a:pt x="709" y="412"/>
                  <a:pt x="710" y="412"/>
                  <a:pt x="711" y="412"/>
                </a:cubicBezTo>
                <a:cubicBezTo>
                  <a:pt x="712" y="412"/>
                  <a:pt x="714" y="411"/>
                  <a:pt x="714" y="412"/>
                </a:cubicBezTo>
                <a:cubicBezTo>
                  <a:pt x="716" y="413"/>
                  <a:pt x="713" y="414"/>
                  <a:pt x="712" y="414"/>
                </a:cubicBezTo>
                <a:cubicBezTo>
                  <a:pt x="710" y="415"/>
                  <a:pt x="714" y="416"/>
                  <a:pt x="716" y="416"/>
                </a:cubicBezTo>
                <a:cubicBezTo>
                  <a:pt x="717" y="416"/>
                  <a:pt x="717" y="415"/>
                  <a:pt x="718" y="414"/>
                </a:cubicBezTo>
                <a:cubicBezTo>
                  <a:pt x="719" y="414"/>
                  <a:pt x="720" y="415"/>
                  <a:pt x="721" y="415"/>
                </a:cubicBezTo>
                <a:cubicBezTo>
                  <a:pt x="722" y="415"/>
                  <a:pt x="723" y="414"/>
                  <a:pt x="724" y="415"/>
                </a:cubicBezTo>
                <a:cubicBezTo>
                  <a:pt x="725" y="417"/>
                  <a:pt x="723" y="417"/>
                  <a:pt x="722" y="416"/>
                </a:cubicBezTo>
                <a:cubicBezTo>
                  <a:pt x="720" y="416"/>
                  <a:pt x="718" y="415"/>
                  <a:pt x="716" y="417"/>
                </a:cubicBezTo>
                <a:cubicBezTo>
                  <a:pt x="716" y="417"/>
                  <a:pt x="715" y="418"/>
                  <a:pt x="715" y="418"/>
                </a:cubicBezTo>
                <a:cubicBezTo>
                  <a:pt x="713" y="419"/>
                  <a:pt x="713" y="419"/>
                  <a:pt x="712" y="420"/>
                </a:cubicBezTo>
                <a:cubicBezTo>
                  <a:pt x="711" y="420"/>
                  <a:pt x="711" y="421"/>
                  <a:pt x="710" y="421"/>
                </a:cubicBezTo>
                <a:cubicBezTo>
                  <a:pt x="709" y="420"/>
                  <a:pt x="709" y="419"/>
                  <a:pt x="707" y="420"/>
                </a:cubicBezTo>
                <a:cubicBezTo>
                  <a:pt x="706" y="420"/>
                  <a:pt x="706" y="421"/>
                  <a:pt x="705" y="422"/>
                </a:cubicBezTo>
                <a:cubicBezTo>
                  <a:pt x="705" y="422"/>
                  <a:pt x="704" y="423"/>
                  <a:pt x="703" y="423"/>
                </a:cubicBezTo>
                <a:cubicBezTo>
                  <a:pt x="702" y="424"/>
                  <a:pt x="700" y="424"/>
                  <a:pt x="699" y="426"/>
                </a:cubicBezTo>
                <a:cubicBezTo>
                  <a:pt x="699" y="428"/>
                  <a:pt x="700" y="427"/>
                  <a:pt x="701" y="428"/>
                </a:cubicBezTo>
                <a:cubicBezTo>
                  <a:pt x="702" y="429"/>
                  <a:pt x="701" y="430"/>
                  <a:pt x="700" y="430"/>
                </a:cubicBezTo>
                <a:cubicBezTo>
                  <a:pt x="700" y="431"/>
                  <a:pt x="699" y="430"/>
                  <a:pt x="699" y="431"/>
                </a:cubicBezTo>
                <a:cubicBezTo>
                  <a:pt x="698" y="431"/>
                  <a:pt x="698" y="432"/>
                  <a:pt x="698" y="432"/>
                </a:cubicBezTo>
                <a:cubicBezTo>
                  <a:pt x="697" y="433"/>
                  <a:pt x="696" y="433"/>
                  <a:pt x="696" y="432"/>
                </a:cubicBezTo>
                <a:cubicBezTo>
                  <a:pt x="695" y="431"/>
                  <a:pt x="696" y="430"/>
                  <a:pt x="696" y="429"/>
                </a:cubicBezTo>
                <a:cubicBezTo>
                  <a:pt x="695" y="429"/>
                  <a:pt x="694" y="428"/>
                  <a:pt x="693" y="428"/>
                </a:cubicBezTo>
                <a:cubicBezTo>
                  <a:pt x="692" y="428"/>
                  <a:pt x="692" y="429"/>
                  <a:pt x="691" y="429"/>
                </a:cubicBezTo>
                <a:cubicBezTo>
                  <a:pt x="690" y="429"/>
                  <a:pt x="689" y="428"/>
                  <a:pt x="690" y="427"/>
                </a:cubicBezTo>
                <a:cubicBezTo>
                  <a:pt x="691" y="427"/>
                  <a:pt x="692" y="426"/>
                  <a:pt x="693" y="425"/>
                </a:cubicBezTo>
                <a:cubicBezTo>
                  <a:pt x="693" y="425"/>
                  <a:pt x="693" y="424"/>
                  <a:pt x="695" y="425"/>
                </a:cubicBezTo>
                <a:cubicBezTo>
                  <a:pt x="695" y="425"/>
                  <a:pt x="695" y="425"/>
                  <a:pt x="695" y="426"/>
                </a:cubicBezTo>
                <a:cubicBezTo>
                  <a:pt x="696" y="426"/>
                  <a:pt x="696" y="426"/>
                  <a:pt x="697" y="425"/>
                </a:cubicBezTo>
                <a:cubicBezTo>
                  <a:pt x="698" y="425"/>
                  <a:pt x="697" y="424"/>
                  <a:pt x="698" y="423"/>
                </a:cubicBezTo>
                <a:cubicBezTo>
                  <a:pt x="698" y="421"/>
                  <a:pt x="699" y="421"/>
                  <a:pt x="700" y="421"/>
                </a:cubicBezTo>
                <a:cubicBezTo>
                  <a:pt x="701" y="420"/>
                  <a:pt x="702" y="419"/>
                  <a:pt x="701" y="419"/>
                </a:cubicBezTo>
                <a:cubicBezTo>
                  <a:pt x="700" y="418"/>
                  <a:pt x="699" y="419"/>
                  <a:pt x="698" y="419"/>
                </a:cubicBezTo>
                <a:cubicBezTo>
                  <a:pt x="697" y="419"/>
                  <a:pt x="696" y="419"/>
                  <a:pt x="695" y="419"/>
                </a:cubicBezTo>
                <a:cubicBezTo>
                  <a:pt x="694" y="420"/>
                  <a:pt x="695" y="421"/>
                  <a:pt x="695" y="422"/>
                </a:cubicBezTo>
                <a:cubicBezTo>
                  <a:pt x="694" y="423"/>
                  <a:pt x="693" y="423"/>
                  <a:pt x="692" y="423"/>
                </a:cubicBezTo>
                <a:cubicBezTo>
                  <a:pt x="691" y="423"/>
                  <a:pt x="691" y="424"/>
                  <a:pt x="691" y="424"/>
                </a:cubicBezTo>
                <a:cubicBezTo>
                  <a:pt x="690" y="425"/>
                  <a:pt x="689" y="425"/>
                  <a:pt x="688" y="425"/>
                </a:cubicBezTo>
                <a:cubicBezTo>
                  <a:pt x="687" y="426"/>
                  <a:pt x="687" y="426"/>
                  <a:pt x="687" y="427"/>
                </a:cubicBezTo>
                <a:cubicBezTo>
                  <a:pt x="687" y="428"/>
                  <a:pt x="687" y="429"/>
                  <a:pt x="686" y="429"/>
                </a:cubicBezTo>
                <a:cubicBezTo>
                  <a:pt x="685" y="427"/>
                  <a:pt x="684" y="428"/>
                  <a:pt x="684" y="429"/>
                </a:cubicBezTo>
                <a:cubicBezTo>
                  <a:pt x="683" y="430"/>
                  <a:pt x="684" y="430"/>
                  <a:pt x="683" y="431"/>
                </a:cubicBezTo>
                <a:cubicBezTo>
                  <a:pt x="682" y="431"/>
                  <a:pt x="682" y="431"/>
                  <a:pt x="682" y="430"/>
                </a:cubicBezTo>
                <a:cubicBezTo>
                  <a:pt x="681" y="429"/>
                  <a:pt x="680" y="429"/>
                  <a:pt x="680" y="428"/>
                </a:cubicBezTo>
                <a:cubicBezTo>
                  <a:pt x="679" y="428"/>
                  <a:pt x="678" y="426"/>
                  <a:pt x="677" y="426"/>
                </a:cubicBezTo>
                <a:cubicBezTo>
                  <a:pt x="676" y="427"/>
                  <a:pt x="677" y="429"/>
                  <a:pt x="677" y="429"/>
                </a:cubicBezTo>
                <a:cubicBezTo>
                  <a:pt x="679" y="430"/>
                  <a:pt x="679" y="430"/>
                  <a:pt x="679" y="432"/>
                </a:cubicBezTo>
                <a:cubicBezTo>
                  <a:pt x="680" y="433"/>
                  <a:pt x="680" y="433"/>
                  <a:pt x="681" y="434"/>
                </a:cubicBezTo>
                <a:cubicBezTo>
                  <a:pt x="681" y="434"/>
                  <a:pt x="682" y="434"/>
                  <a:pt x="682" y="435"/>
                </a:cubicBezTo>
                <a:cubicBezTo>
                  <a:pt x="682" y="435"/>
                  <a:pt x="682" y="436"/>
                  <a:pt x="681" y="436"/>
                </a:cubicBezTo>
                <a:cubicBezTo>
                  <a:pt x="681" y="437"/>
                  <a:pt x="679" y="436"/>
                  <a:pt x="678" y="437"/>
                </a:cubicBezTo>
                <a:cubicBezTo>
                  <a:pt x="677" y="437"/>
                  <a:pt x="677" y="438"/>
                  <a:pt x="676" y="439"/>
                </a:cubicBezTo>
                <a:cubicBezTo>
                  <a:pt x="677" y="440"/>
                  <a:pt x="681" y="439"/>
                  <a:pt x="680" y="441"/>
                </a:cubicBezTo>
                <a:cubicBezTo>
                  <a:pt x="680" y="443"/>
                  <a:pt x="677" y="443"/>
                  <a:pt x="676" y="443"/>
                </a:cubicBezTo>
                <a:cubicBezTo>
                  <a:pt x="673" y="444"/>
                  <a:pt x="671" y="443"/>
                  <a:pt x="669" y="443"/>
                </a:cubicBezTo>
                <a:cubicBezTo>
                  <a:pt x="668" y="443"/>
                  <a:pt x="667" y="443"/>
                  <a:pt x="667" y="444"/>
                </a:cubicBezTo>
                <a:cubicBezTo>
                  <a:pt x="667" y="445"/>
                  <a:pt x="668" y="445"/>
                  <a:pt x="668" y="446"/>
                </a:cubicBezTo>
                <a:cubicBezTo>
                  <a:pt x="669" y="447"/>
                  <a:pt x="670" y="447"/>
                  <a:pt x="671" y="446"/>
                </a:cubicBezTo>
                <a:cubicBezTo>
                  <a:pt x="672" y="446"/>
                  <a:pt x="672" y="445"/>
                  <a:pt x="673" y="445"/>
                </a:cubicBezTo>
                <a:cubicBezTo>
                  <a:pt x="674" y="445"/>
                  <a:pt x="674" y="445"/>
                  <a:pt x="674" y="446"/>
                </a:cubicBezTo>
                <a:cubicBezTo>
                  <a:pt x="675" y="448"/>
                  <a:pt x="672" y="448"/>
                  <a:pt x="671" y="450"/>
                </a:cubicBezTo>
                <a:cubicBezTo>
                  <a:pt x="669" y="453"/>
                  <a:pt x="675" y="451"/>
                  <a:pt x="674" y="453"/>
                </a:cubicBezTo>
                <a:cubicBezTo>
                  <a:pt x="673" y="454"/>
                  <a:pt x="671" y="454"/>
                  <a:pt x="673" y="455"/>
                </a:cubicBezTo>
                <a:cubicBezTo>
                  <a:pt x="674" y="456"/>
                  <a:pt x="675" y="454"/>
                  <a:pt x="676" y="454"/>
                </a:cubicBezTo>
                <a:cubicBezTo>
                  <a:pt x="677" y="454"/>
                  <a:pt x="677" y="455"/>
                  <a:pt x="678" y="456"/>
                </a:cubicBezTo>
                <a:cubicBezTo>
                  <a:pt x="679" y="456"/>
                  <a:pt x="680" y="456"/>
                  <a:pt x="680" y="457"/>
                </a:cubicBezTo>
                <a:cubicBezTo>
                  <a:pt x="680" y="458"/>
                  <a:pt x="680" y="460"/>
                  <a:pt x="679" y="460"/>
                </a:cubicBezTo>
                <a:cubicBezTo>
                  <a:pt x="678" y="461"/>
                  <a:pt x="677" y="460"/>
                  <a:pt x="676" y="460"/>
                </a:cubicBezTo>
                <a:cubicBezTo>
                  <a:pt x="674" y="461"/>
                  <a:pt x="673" y="463"/>
                  <a:pt x="673" y="465"/>
                </a:cubicBezTo>
                <a:cubicBezTo>
                  <a:pt x="674" y="466"/>
                  <a:pt x="675" y="465"/>
                  <a:pt x="675" y="467"/>
                </a:cubicBezTo>
                <a:cubicBezTo>
                  <a:pt x="676" y="468"/>
                  <a:pt x="674" y="468"/>
                  <a:pt x="673" y="468"/>
                </a:cubicBezTo>
                <a:cubicBezTo>
                  <a:pt x="672" y="469"/>
                  <a:pt x="671" y="472"/>
                  <a:pt x="673" y="473"/>
                </a:cubicBezTo>
                <a:cubicBezTo>
                  <a:pt x="674" y="474"/>
                  <a:pt x="675" y="474"/>
                  <a:pt x="676" y="475"/>
                </a:cubicBezTo>
                <a:cubicBezTo>
                  <a:pt x="677" y="475"/>
                  <a:pt x="678" y="477"/>
                  <a:pt x="679" y="477"/>
                </a:cubicBezTo>
                <a:cubicBezTo>
                  <a:pt x="681" y="478"/>
                  <a:pt x="683" y="478"/>
                  <a:pt x="685" y="478"/>
                </a:cubicBezTo>
                <a:cubicBezTo>
                  <a:pt x="688" y="477"/>
                  <a:pt x="690" y="477"/>
                  <a:pt x="692" y="477"/>
                </a:cubicBezTo>
                <a:cubicBezTo>
                  <a:pt x="694" y="477"/>
                  <a:pt x="696" y="476"/>
                  <a:pt x="698" y="476"/>
                </a:cubicBezTo>
                <a:cubicBezTo>
                  <a:pt x="700" y="476"/>
                  <a:pt x="703" y="475"/>
                  <a:pt x="705" y="476"/>
                </a:cubicBezTo>
                <a:cubicBezTo>
                  <a:pt x="706" y="476"/>
                  <a:pt x="708" y="478"/>
                  <a:pt x="710" y="478"/>
                </a:cubicBezTo>
                <a:cubicBezTo>
                  <a:pt x="715" y="478"/>
                  <a:pt x="716" y="471"/>
                  <a:pt x="721" y="473"/>
                </a:cubicBezTo>
                <a:cubicBezTo>
                  <a:pt x="725" y="474"/>
                  <a:pt x="729" y="474"/>
                  <a:pt x="733" y="474"/>
                </a:cubicBezTo>
                <a:cubicBezTo>
                  <a:pt x="735" y="474"/>
                  <a:pt x="738" y="474"/>
                  <a:pt x="739" y="472"/>
                </a:cubicBezTo>
                <a:cubicBezTo>
                  <a:pt x="739" y="470"/>
                  <a:pt x="737" y="469"/>
                  <a:pt x="738" y="466"/>
                </a:cubicBezTo>
                <a:cubicBezTo>
                  <a:pt x="739" y="465"/>
                  <a:pt x="740" y="465"/>
                  <a:pt x="742" y="465"/>
                </a:cubicBezTo>
                <a:cubicBezTo>
                  <a:pt x="741" y="466"/>
                  <a:pt x="740" y="468"/>
                  <a:pt x="740" y="470"/>
                </a:cubicBezTo>
                <a:cubicBezTo>
                  <a:pt x="739" y="472"/>
                  <a:pt x="741" y="473"/>
                  <a:pt x="742" y="474"/>
                </a:cubicBezTo>
                <a:cubicBezTo>
                  <a:pt x="741" y="474"/>
                  <a:pt x="741" y="473"/>
                  <a:pt x="739" y="473"/>
                </a:cubicBezTo>
                <a:cubicBezTo>
                  <a:pt x="738" y="474"/>
                  <a:pt x="738" y="475"/>
                  <a:pt x="737" y="476"/>
                </a:cubicBezTo>
                <a:cubicBezTo>
                  <a:pt x="736" y="476"/>
                  <a:pt x="735" y="476"/>
                  <a:pt x="734" y="476"/>
                </a:cubicBezTo>
                <a:cubicBezTo>
                  <a:pt x="733" y="477"/>
                  <a:pt x="731" y="478"/>
                  <a:pt x="731" y="479"/>
                </a:cubicBezTo>
                <a:cubicBezTo>
                  <a:pt x="730" y="481"/>
                  <a:pt x="731" y="482"/>
                  <a:pt x="732" y="483"/>
                </a:cubicBezTo>
                <a:cubicBezTo>
                  <a:pt x="733" y="484"/>
                  <a:pt x="734" y="485"/>
                  <a:pt x="733" y="487"/>
                </a:cubicBezTo>
                <a:cubicBezTo>
                  <a:pt x="733" y="486"/>
                  <a:pt x="732" y="486"/>
                  <a:pt x="732" y="486"/>
                </a:cubicBezTo>
                <a:cubicBezTo>
                  <a:pt x="732" y="486"/>
                  <a:pt x="732" y="486"/>
                  <a:pt x="731" y="486"/>
                </a:cubicBezTo>
                <a:cubicBezTo>
                  <a:pt x="731" y="486"/>
                  <a:pt x="731" y="485"/>
                  <a:pt x="731" y="485"/>
                </a:cubicBezTo>
                <a:cubicBezTo>
                  <a:pt x="730" y="484"/>
                  <a:pt x="728" y="486"/>
                  <a:pt x="728" y="484"/>
                </a:cubicBezTo>
                <a:cubicBezTo>
                  <a:pt x="729" y="483"/>
                  <a:pt x="730" y="483"/>
                  <a:pt x="730" y="481"/>
                </a:cubicBezTo>
                <a:cubicBezTo>
                  <a:pt x="730" y="481"/>
                  <a:pt x="729" y="479"/>
                  <a:pt x="729" y="479"/>
                </a:cubicBezTo>
                <a:cubicBezTo>
                  <a:pt x="728" y="478"/>
                  <a:pt x="727" y="478"/>
                  <a:pt x="726" y="477"/>
                </a:cubicBezTo>
                <a:cubicBezTo>
                  <a:pt x="724" y="476"/>
                  <a:pt x="721" y="474"/>
                  <a:pt x="718" y="475"/>
                </a:cubicBezTo>
                <a:cubicBezTo>
                  <a:pt x="717" y="475"/>
                  <a:pt x="715" y="477"/>
                  <a:pt x="714" y="478"/>
                </a:cubicBezTo>
                <a:cubicBezTo>
                  <a:pt x="712" y="480"/>
                  <a:pt x="712" y="481"/>
                  <a:pt x="709" y="480"/>
                </a:cubicBezTo>
                <a:cubicBezTo>
                  <a:pt x="708" y="479"/>
                  <a:pt x="707" y="478"/>
                  <a:pt x="705" y="477"/>
                </a:cubicBezTo>
                <a:cubicBezTo>
                  <a:pt x="703" y="476"/>
                  <a:pt x="702" y="476"/>
                  <a:pt x="700" y="477"/>
                </a:cubicBezTo>
                <a:cubicBezTo>
                  <a:pt x="698" y="477"/>
                  <a:pt x="696" y="477"/>
                  <a:pt x="694" y="478"/>
                </a:cubicBezTo>
                <a:cubicBezTo>
                  <a:pt x="692" y="478"/>
                  <a:pt x="690" y="478"/>
                  <a:pt x="688" y="478"/>
                </a:cubicBezTo>
                <a:cubicBezTo>
                  <a:pt x="686" y="478"/>
                  <a:pt x="684" y="478"/>
                  <a:pt x="682" y="478"/>
                </a:cubicBezTo>
                <a:cubicBezTo>
                  <a:pt x="680" y="479"/>
                  <a:pt x="678" y="477"/>
                  <a:pt x="676" y="478"/>
                </a:cubicBezTo>
                <a:cubicBezTo>
                  <a:pt x="675" y="478"/>
                  <a:pt x="674" y="478"/>
                  <a:pt x="674" y="479"/>
                </a:cubicBezTo>
                <a:cubicBezTo>
                  <a:pt x="673" y="480"/>
                  <a:pt x="673" y="480"/>
                  <a:pt x="674" y="481"/>
                </a:cubicBezTo>
                <a:cubicBezTo>
                  <a:pt x="675" y="482"/>
                  <a:pt x="678" y="483"/>
                  <a:pt x="676" y="485"/>
                </a:cubicBezTo>
                <a:cubicBezTo>
                  <a:pt x="675" y="485"/>
                  <a:pt x="674" y="485"/>
                  <a:pt x="673" y="485"/>
                </a:cubicBezTo>
                <a:cubicBezTo>
                  <a:pt x="672" y="484"/>
                  <a:pt x="671" y="483"/>
                  <a:pt x="671" y="484"/>
                </a:cubicBezTo>
                <a:cubicBezTo>
                  <a:pt x="669" y="485"/>
                  <a:pt x="671" y="486"/>
                  <a:pt x="672" y="486"/>
                </a:cubicBezTo>
                <a:cubicBezTo>
                  <a:pt x="672" y="487"/>
                  <a:pt x="671" y="488"/>
                  <a:pt x="672" y="489"/>
                </a:cubicBezTo>
                <a:cubicBezTo>
                  <a:pt x="674" y="490"/>
                  <a:pt x="676" y="488"/>
                  <a:pt x="678" y="488"/>
                </a:cubicBezTo>
                <a:cubicBezTo>
                  <a:pt x="680" y="489"/>
                  <a:pt x="680" y="490"/>
                  <a:pt x="680" y="491"/>
                </a:cubicBezTo>
                <a:cubicBezTo>
                  <a:pt x="679" y="493"/>
                  <a:pt x="680" y="492"/>
                  <a:pt x="681" y="493"/>
                </a:cubicBezTo>
                <a:cubicBezTo>
                  <a:pt x="683" y="496"/>
                  <a:pt x="680" y="497"/>
                  <a:pt x="678" y="498"/>
                </a:cubicBezTo>
                <a:cubicBezTo>
                  <a:pt x="677" y="498"/>
                  <a:pt x="676" y="499"/>
                  <a:pt x="676" y="500"/>
                </a:cubicBezTo>
                <a:cubicBezTo>
                  <a:pt x="677" y="501"/>
                  <a:pt x="678" y="500"/>
                  <a:pt x="679" y="501"/>
                </a:cubicBezTo>
                <a:cubicBezTo>
                  <a:pt x="680" y="501"/>
                  <a:pt x="680" y="502"/>
                  <a:pt x="682" y="501"/>
                </a:cubicBezTo>
                <a:cubicBezTo>
                  <a:pt x="683" y="501"/>
                  <a:pt x="684" y="501"/>
                  <a:pt x="685" y="500"/>
                </a:cubicBezTo>
                <a:cubicBezTo>
                  <a:pt x="685" y="498"/>
                  <a:pt x="685" y="498"/>
                  <a:pt x="686" y="497"/>
                </a:cubicBezTo>
                <a:cubicBezTo>
                  <a:pt x="687" y="496"/>
                  <a:pt x="687" y="497"/>
                  <a:pt x="689" y="496"/>
                </a:cubicBezTo>
                <a:cubicBezTo>
                  <a:pt x="690" y="496"/>
                  <a:pt x="690" y="494"/>
                  <a:pt x="691" y="495"/>
                </a:cubicBezTo>
                <a:cubicBezTo>
                  <a:pt x="692" y="495"/>
                  <a:pt x="692" y="496"/>
                  <a:pt x="692" y="497"/>
                </a:cubicBezTo>
                <a:cubicBezTo>
                  <a:pt x="692" y="498"/>
                  <a:pt x="691" y="499"/>
                  <a:pt x="690" y="500"/>
                </a:cubicBezTo>
                <a:cubicBezTo>
                  <a:pt x="690" y="501"/>
                  <a:pt x="690" y="502"/>
                  <a:pt x="690" y="503"/>
                </a:cubicBezTo>
                <a:cubicBezTo>
                  <a:pt x="690" y="504"/>
                  <a:pt x="689" y="505"/>
                  <a:pt x="688" y="506"/>
                </a:cubicBezTo>
                <a:cubicBezTo>
                  <a:pt x="688" y="506"/>
                  <a:pt x="685" y="507"/>
                  <a:pt x="684" y="507"/>
                </a:cubicBezTo>
                <a:cubicBezTo>
                  <a:pt x="682" y="507"/>
                  <a:pt x="681" y="504"/>
                  <a:pt x="680" y="504"/>
                </a:cubicBezTo>
                <a:cubicBezTo>
                  <a:pt x="679" y="503"/>
                  <a:pt x="678" y="503"/>
                  <a:pt x="678" y="504"/>
                </a:cubicBezTo>
                <a:cubicBezTo>
                  <a:pt x="678" y="505"/>
                  <a:pt x="678" y="505"/>
                  <a:pt x="678" y="505"/>
                </a:cubicBezTo>
                <a:cubicBezTo>
                  <a:pt x="678" y="506"/>
                  <a:pt x="678" y="506"/>
                  <a:pt x="677" y="506"/>
                </a:cubicBezTo>
                <a:cubicBezTo>
                  <a:pt x="676" y="508"/>
                  <a:pt x="675" y="510"/>
                  <a:pt x="676" y="512"/>
                </a:cubicBezTo>
                <a:cubicBezTo>
                  <a:pt x="677" y="513"/>
                  <a:pt x="678" y="513"/>
                  <a:pt x="679" y="514"/>
                </a:cubicBezTo>
                <a:cubicBezTo>
                  <a:pt x="679" y="515"/>
                  <a:pt x="680" y="516"/>
                  <a:pt x="680" y="517"/>
                </a:cubicBezTo>
                <a:cubicBezTo>
                  <a:pt x="681" y="519"/>
                  <a:pt x="683" y="521"/>
                  <a:pt x="684" y="519"/>
                </a:cubicBezTo>
                <a:cubicBezTo>
                  <a:pt x="685" y="518"/>
                  <a:pt x="685" y="516"/>
                  <a:pt x="686" y="516"/>
                </a:cubicBezTo>
                <a:cubicBezTo>
                  <a:pt x="688" y="515"/>
                  <a:pt x="688" y="517"/>
                  <a:pt x="688" y="518"/>
                </a:cubicBezTo>
                <a:cubicBezTo>
                  <a:pt x="688" y="519"/>
                  <a:pt x="689" y="519"/>
                  <a:pt x="690" y="519"/>
                </a:cubicBezTo>
                <a:cubicBezTo>
                  <a:pt x="691" y="519"/>
                  <a:pt x="692" y="519"/>
                  <a:pt x="693" y="520"/>
                </a:cubicBezTo>
                <a:cubicBezTo>
                  <a:pt x="693" y="522"/>
                  <a:pt x="692" y="524"/>
                  <a:pt x="692" y="526"/>
                </a:cubicBezTo>
                <a:cubicBezTo>
                  <a:pt x="693" y="529"/>
                  <a:pt x="695" y="527"/>
                  <a:pt x="696" y="525"/>
                </a:cubicBezTo>
                <a:cubicBezTo>
                  <a:pt x="696" y="523"/>
                  <a:pt x="696" y="522"/>
                  <a:pt x="698" y="520"/>
                </a:cubicBezTo>
                <a:cubicBezTo>
                  <a:pt x="699" y="520"/>
                  <a:pt x="699" y="519"/>
                  <a:pt x="700" y="519"/>
                </a:cubicBezTo>
                <a:cubicBezTo>
                  <a:pt x="700" y="518"/>
                  <a:pt x="701" y="517"/>
                  <a:pt x="702" y="517"/>
                </a:cubicBezTo>
                <a:cubicBezTo>
                  <a:pt x="704" y="518"/>
                  <a:pt x="702" y="520"/>
                  <a:pt x="703" y="521"/>
                </a:cubicBezTo>
                <a:cubicBezTo>
                  <a:pt x="704" y="522"/>
                  <a:pt x="707" y="521"/>
                  <a:pt x="706" y="523"/>
                </a:cubicBezTo>
                <a:cubicBezTo>
                  <a:pt x="706" y="524"/>
                  <a:pt x="704" y="524"/>
                  <a:pt x="704" y="524"/>
                </a:cubicBezTo>
                <a:cubicBezTo>
                  <a:pt x="703" y="524"/>
                  <a:pt x="702" y="525"/>
                  <a:pt x="701" y="525"/>
                </a:cubicBezTo>
                <a:cubicBezTo>
                  <a:pt x="699" y="526"/>
                  <a:pt x="698" y="528"/>
                  <a:pt x="697" y="529"/>
                </a:cubicBezTo>
                <a:cubicBezTo>
                  <a:pt x="696" y="530"/>
                  <a:pt x="695" y="530"/>
                  <a:pt x="694" y="531"/>
                </a:cubicBezTo>
                <a:cubicBezTo>
                  <a:pt x="693" y="532"/>
                  <a:pt x="692" y="533"/>
                  <a:pt x="691" y="533"/>
                </a:cubicBezTo>
                <a:cubicBezTo>
                  <a:pt x="691" y="533"/>
                  <a:pt x="690" y="533"/>
                  <a:pt x="690" y="534"/>
                </a:cubicBezTo>
                <a:cubicBezTo>
                  <a:pt x="690" y="534"/>
                  <a:pt x="690" y="534"/>
                  <a:pt x="691" y="535"/>
                </a:cubicBezTo>
                <a:cubicBezTo>
                  <a:pt x="691" y="535"/>
                  <a:pt x="692" y="534"/>
                  <a:pt x="692" y="535"/>
                </a:cubicBezTo>
                <a:cubicBezTo>
                  <a:pt x="693" y="535"/>
                  <a:pt x="693" y="536"/>
                  <a:pt x="693" y="536"/>
                </a:cubicBezTo>
                <a:cubicBezTo>
                  <a:pt x="694" y="537"/>
                  <a:pt x="695" y="536"/>
                  <a:pt x="696" y="537"/>
                </a:cubicBezTo>
                <a:cubicBezTo>
                  <a:pt x="697" y="537"/>
                  <a:pt x="698" y="536"/>
                  <a:pt x="699" y="537"/>
                </a:cubicBezTo>
                <a:cubicBezTo>
                  <a:pt x="700" y="538"/>
                  <a:pt x="699" y="539"/>
                  <a:pt x="698" y="539"/>
                </a:cubicBezTo>
                <a:cubicBezTo>
                  <a:pt x="697" y="539"/>
                  <a:pt x="696" y="539"/>
                  <a:pt x="695" y="540"/>
                </a:cubicBezTo>
                <a:cubicBezTo>
                  <a:pt x="695" y="541"/>
                  <a:pt x="695" y="543"/>
                  <a:pt x="694" y="543"/>
                </a:cubicBezTo>
                <a:cubicBezTo>
                  <a:pt x="692" y="546"/>
                  <a:pt x="691" y="540"/>
                  <a:pt x="688" y="541"/>
                </a:cubicBezTo>
                <a:cubicBezTo>
                  <a:pt x="688" y="542"/>
                  <a:pt x="686" y="550"/>
                  <a:pt x="684" y="547"/>
                </a:cubicBezTo>
                <a:cubicBezTo>
                  <a:pt x="684" y="546"/>
                  <a:pt x="685" y="546"/>
                  <a:pt x="685" y="545"/>
                </a:cubicBezTo>
                <a:cubicBezTo>
                  <a:pt x="685" y="544"/>
                  <a:pt x="685" y="544"/>
                  <a:pt x="685" y="543"/>
                </a:cubicBezTo>
                <a:cubicBezTo>
                  <a:pt x="685" y="543"/>
                  <a:pt x="686" y="542"/>
                  <a:pt x="686" y="542"/>
                </a:cubicBezTo>
                <a:cubicBezTo>
                  <a:pt x="686" y="541"/>
                  <a:pt x="686" y="540"/>
                  <a:pt x="685" y="540"/>
                </a:cubicBezTo>
                <a:cubicBezTo>
                  <a:pt x="683" y="540"/>
                  <a:pt x="683" y="541"/>
                  <a:pt x="683" y="542"/>
                </a:cubicBezTo>
                <a:cubicBezTo>
                  <a:pt x="681" y="544"/>
                  <a:pt x="678" y="542"/>
                  <a:pt x="678" y="545"/>
                </a:cubicBezTo>
                <a:cubicBezTo>
                  <a:pt x="678" y="546"/>
                  <a:pt x="679" y="547"/>
                  <a:pt x="679" y="548"/>
                </a:cubicBezTo>
                <a:cubicBezTo>
                  <a:pt x="679" y="549"/>
                  <a:pt x="678" y="550"/>
                  <a:pt x="678" y="551"/>
                </a:cubicBezTo>
                <a:cubicBezTo>
                  <a:pt x="677" y="552"/>
                  <a:pt x="678" y="552"/>
                  <a:pt x="679" y="552"/>
                </a:cubicBezTo>
                <a:cubicBezTo>
                  <a:pt x="681" y="553"/>
                  <a:pt x="681" y="553"/>
                  <a:pt x="682" y="554"/>
                </a:cubicBezTo>
                <a:cubicBezTo>
                  <a:pt x="682" y="555"/>
                  <a:pt x="683" y="555"/>
                  <a:pt x="684" y="556"/>
                </a:cubicBezTo>
                <a:cubicBezTo>
                  <a:pt x="685" y="557"/>
                  <a:pt x="685" y="558"/>
                  <a:pt x="685" y="558"/>
                </a:cubicBezTo>
                <a:cubicBezTo>
                  <a:pt x="686" y="559"/>
                  <a:pt x="687" y="558"/>
                  <a:pt x="688" y="558"/>
                </a:cubicBezTo>
                <a:cubicBezTo>
                  <a:pt x="690" y="557"/>
                  <a:pt x="689" y="558"/>
                  <a:pt x="690" y="558"/>
                </a:cubicBezTo>
                <a:cubicBezTo>
                  <a:pt x="693" y="560"/>
                  <a:pt x="692" y="555"/>
                  <a:pt x="692" y="554"/>
                </a:cubicBezTo>
                <a:cubicBezTo>
                  <a:pt x="692" y="553"/>
                  <a:pt x="693" y="553"/>
                  <a:pt x="693" y="552"/>
                </a:cubicBezTo>
                <a:cubicBezTo>
                  <a:pt x="693" y="552"/>
                  <a:pt x="693" y="551"/>
                  <a:pt x="693" y="551"/>
                </a:cubicBezTo>
                <a:cubicBezTo>
                  <a:pt x="693" y="549"/>
                  <a:pt x="694" y="549"/>
                  <a:pt x="695" y="550"/>
                </a:cubicBezTo>
                <a:cubicBezTo>
                  <a:pt x="696" y="551"/>
                  <a:pt x="697" y="551"/>
                  <a:pt x="698" y="550"/>
                </a:cubicBezTo>
                <a:cubicBezTo>
                  <a:pt x="699" y="550"/>
                  <a:pt x="700" y="549"/>
                  <a:pt x="701" y="549"/>
                </a:cubicBezTo>
                <a:cubicBezTo>
                  <a:pt x="703" y="550"/>
                  <a:pt x="705" y="550"/>
                  <a:pt x="707" y="549"/>
                </a:cubicBezTo>
                <a:cubicBezTo>
                  <a:pt x="708" y="548"/>
                  <a:pt x="708" y="547"/>
                  <a:pt x="709" y="546"/>
                </a:cubicBezTo>
                <a:cubicBezTo>
                  <a:pt x="710" y="546"/>
                  <a:pt x="711" y="546"/>
                  <a:pt x="712" y="546"/>
                </a:cubicBezTo>
                <a:cubicBezTo>
                  <a:pt x="713" y="546"/>
                  <a:pt x="714" y="547"/>
                  <a:pt x="713" y="547"/>
                </a:cubicBezTo>
                <a:cubicBezTo>
                  <a:pt x="712" y="548"/>
                  <a:pt x="710" y="548"/>
                  <a:pt x="710" y="549"/>
                </a:cubicBezTo>
                <a:cubicBezTo>
                  <a:pt x="709" y="549"/>
                  <a:pt x="709" y="550"/>
                  <a:pt x="707" y="551"/>
                </a:cubicBezTo>
                <a:cubicBezTo>
                  <a:pt x="706" y="551"/>
                  <a:pt x="705" y="551"/>
                  <a:pt x="704" y="551"/>
                </a:cubicBezTo>
                <a:cubicBezTo>
                  <a:pt x="702" y="551"/>
                  <a:pt x="700" y="552"/>
                  <a:pt x="700" y="554"/>
                </a:cubicBezTo>
                <a:cubicBezTo>
                  <a:pt x="700" y="556"/>
                  <a:pt x="701" y="555"/>
                  <a:pt x="702" y="556"/>
                </a:cubicBezTo>
                <a:cubicBezTo>
                  <a:pt x="703" y="556"/>
                  <a:pt x="703" y="557"/>
                  <a:pt x="704" y="557"/>
                </a:cubicBezTo>
                <a:cubicBezTo>
                  <a:pt x="705" y="557"/>
                  <a:pt x="708" y="555"/>
                  <a:pt x="709" y="557"/>
                </a:cubicBezTo>
                <a:cubicBezTo>
                  <a:pt x="710" y="558"/>
                  <a:pt x="710" y="559"/>
                  <a:pt x="709" y="559"/>
                </a:cubicBezTo>
                <a:cubicBezTo>
                  <a:pt x="708" y="560"/>
                  <a:pt x="707" y="559"/>
                  <a:pt x="706" y="560"/>
                </a:cubicBezTo>
                <a:cubicBezTo>
                  <a:pt x="705" y="560"/>
                  <a:pt x="704" y="561"/>
                  <a:pt x="704" y="562"/>
                </a:cubicBezTo>
                <a:cubicBezTo>
                  <a:pt x="702" y="564"/>
                  <a:pt x="700" y="564"/>
                  <a:pt x="699" y="566"/>
                </a:cubicBezTo>
                <a:cubicBezTo>
                  <a:pt x="697" y="567"/>
                  <a:pt x="696" y="570"/>
                  <a:pt x="699" y="570"/>
                </a:cubicBezTo>
                <a:cubicBezTo>
                  <a:pt x="701" y="570"/>
                  <a:pt x="701" y="569"/>
                  <a:pt x="703" y="570"/>
                </a:cubicBezTo>
                <a:cubicBezTo>
                  <a:pt x="704" y="570"/>
                  <a:pt x="704" y="571"/>
                  <a:pt x="706" y="570"/>
                </a:cubicBezTo>
                <a:cubicBezTo>
                  <a:pt x="707" y="570"/>
                  <a:pt x="708" y="570"/>
                  <a:pt x="707" y="572"/>
                </a:cubicBezTo>
                <a:cubicBezTo>
                  <a:pt x="707" y="573"/>
                  <a:pt x="706" y="572"/>
                  <a:pt x="705" y="574"/>
                </a:cubicBezTo>
                <a:cubicBezTo>
                  <a:pt x="705" y="575"/>
                  <a:pt x="706" y="576"/>
                  <a:pt x="705" y="577"/>
                </a:cubicBezTo>
                <a:cubicBezTo>
                  <a:pt x="705" y="578"/>
                  <a:pt x="703" y="578"/>
                  <a:pt x="703" y="577"/>
                </a:cubicBezTo>
                <a:cubicBezTo>
                  <a:pt x="702" y="577"/>
                  <a:pt x="702" y="577"/>
                  <a:pt x="702" y="576"/>
                </a:cubicBezTo>
                <a:cubicBezTo>
                  <a:pt x="701" y="576"/>
                  <a:pt x="701" y="576"/>
                  <a:pt x="700" y="576"/>
                </a:cubicBezTo>
                <a:cubicBezTo>
                  <a:pt x="699" y="576"/>
                  <a:pt x="698" y="576"/>
                  <a:pt x="697" y="575"/>
                </a:cubicBezTo>
                <a:cubicBezTo>
                  <a:pt x="695" y="574"/>
                  <a:pt x="694" y="575"/>
                  <a:pt x="692" y="575"/>
                </a:cubicBezTo>
                <a:cubicBezTo>
                  <a:pt x="691" y="574"/>
                  <a:pt x="691" y="574"/>
                  <a:pt x="691" y="573"/>
                </a:cubicBezTo>
                <a:cubicBezTo>
                  <a:pt x="690" y="572"/>
                  <a:pt x="687" y="570"/>
                  <a:pt x="687" y="572"/>
                </a:cubicBezTo>
                <a:cubicBezTo>
                  <a:pt x="688" y="573"/>
                  <a:pt x="689" y="573"/>
                  <a:pt x="689" y="574"/>
                </a:cubicBezTo>
                <a:cubicBezTo>
                  <a:pt x="689" y="575"/>
                  <a:pt x="687" y="575"/>
                  <a:pt x="687" y="576"/>
                </a:cubicBezTo>
                <a:cubicBezTo>
                  <a:pt x="686" y="577"/>
                  <a:pt x="686" y="578"/>
                  <a:pt x="686" y="579"/>
                </a:cubicBezTo>
                <a:cubicBezTo>
                  <a:pt x="686" y="581"/>
                  <a:pt x="686" y="581"/>
                  <a:pt x="685" y="582"/>
                </a:cubicBezTo>
                <a:cubicBezTo>
                  <a:pt x="685" y="585"/>
                  <a:pt x="688" y="586"/>
                  <a:pt x="689" y="587"/>
                </a:cubicBezTo>
                <a:cubicBezTo>
                  <a:pt x="690" y="589"/>
                  <a:pt x="690" y="592"/>
                  <a:pt x="692" y="593"/>
                </a:cubicBezTo>
                <a:cubicBezTo>
                  <a:pt x="694" y="594"/>
                  <a:pt x="696" y="594"/>
                  <a:pt x="698" y="596"/>
                </a:cubicBezTo>
                <a:cubicBezTo>
                  <a:pt x="700" y="597"/>
                  <a:pt x="701" y="599"/>
                  <a:pt x="704" y="600"/>
                </a:cubicBezTo>
                <a:cubicBezTo>
                  <a:pt x="706" y="601"/>
                  <a:pt x="708" y="601"/>
                  <a:pt x="710" y="602"/>
                </a:cubicBezTo>
                <a:cubicBezTo>
                  <a:pt x="712" y="603"/>
                  <a:pt x="714" y="604"/>
                  <a:pt x="716" y="604"/>
                </a:cubicBezTo>
                <a:cubicBezTo>
                  <a:pt x="717" y="604"/>
                  <a:pt x="722" y="603"/>
                  <a:pt x="722" y="605"/>
                </a:cubicBezTo>
                <a:cubicBezTo>
                  <a:pt x="722" y="606"/>
                  <a:pt x="720" y="607"/>
                  <a:pt x="720" y="607"/>
                </a:cubicBezTo>
                <a:cubicBezTo>
                  <a:pt x="719" y="608"/>
                  <a:pt x="717" y="608"/>
                  <a:pt x="717" y="609"/>
                </a:cubicBezTo>
                <a:cubicBezTo>
                  <a:pt x="716" y="612"/>
                  <a:pt x="721" y="611"/>
                  <a:pt x="722" y="611"/>
                </a:cubicBezTo>
                <a:cubicBezTo>
                  <a:pt x="723" y="611"/>
                  <a:pt x="724" y="611"/>
                  <a:pt x="725" y="612"/>
                </a:cubicBezTo>
                <a:cubicBezTo>
                  <a:pt x="726" y="612"/>
                  <a:pt x="727" y="612"/>
                  <a:pt x="728" y="612"/>
                </a:cubicBezTo>
                <a:cubicBezTo>
                  <a:pt x="730" y="612"/>
                  <a:pt x="730" y="613"/>
                  <a:pt x="731" y="614"/>
                </a:cubicBezTo>
                <a:cubicBezTo>
                  <a:pt x="732" y="614"/>
                  <a:pt x="732" y="614"/>
                  <a:pt x="733" y="614"/>
                </a:cubicBezTo>
                <a:cubicBezTo>
                  <a:pt x="735" y="614"/>
                  <a:pt x="735" y="613"/>
                  <a:pt x="737" y="613"/>
                </a:cubicBezTo>
                <a:cubicBezTo>
                  <a:pt x="738" y="613"/>
                  <a:pt x="739" y="613"/>
                  <a:pt x="740" y="613"/>
                </a:cubicBezTo>
                <a:cubicBezTo>
                  <a:pt x="743" y="614"/>
                  <a:pt x="745" y="613"/>
                  <a:pt x="747" y="612"/>
                </a:cubicBezTo>
                <a:cubicBezTo>
                  <a:pt x="748" y="612"/>
                  <a:pt x="749" y="612"/>
                  <a:pt x="750" y="611"/>
                </a:cubicBezTo>
                <a:cubicBezTo>
                  <a:pt x="751" y="611"/>
                  <a:pt x="751" y="610"/>
                  <a:pt x="752" y="610"/>
                </a:cubicBezTo>
                <a:cubicBezTo>
                  <a:pt x="752" y="610"/>
                  <a:pt x="753" y="610"/>
                  <a:pt x="754" y="610"/>
                </a:cubicBezTo>
                <a:cubicBezTo>
                  <a:pt x="758" y="609"/>
                  <a:pt x="762" y="609"/>
                  <a:pt x="766" y="607"/>
                </a:cubicBezTo>
                <a:cubicBezTo>
                  <a:pt x="769" y="606"/>
                  <a:pt x="771" y="605"/>
                  <a:pt x="773" y="603"/>
                </a:cubicBezTo>
                <a:cubicBezTo>
                  <a:pt x="777" y="599"/>
                  <a:pt x="783" y="597"/>
                  <a:pt x="785" y="593"/>
                </a:cubicBezTo>
                <a:cubicBezTo>
                  <a:pt x="787" y="591"/>
                  <a:pt x="787" y="589"/>
                  <a:pt x="790" y="588"/>
                </a:cubicBezTo>
                <a:cubicBezTo>
                  <a:pt x="791" y="587"/>
                  <a:pt x="792" y="587"/>
                  <a:pt x="793" y="586"/>
                </a:cubicBezTo>
                <a:cubicBezTo>
                  <a:pt x="794" y="586"/>
                  <a:pt x="795" y="585"/>
                  <a:pt x="795" y="585"/>
                </a:cubicBezTo>
                <a:cubicBezTo>
                  <a:pt x="795" y="584"/>
                  <a:pt x="795" y="584"/>
                  <a:pt x="795" y="583"/>
                </a:cubicBezTo>
                <a:cubicBezTo>
                  <a:pt x="796" y="581"/>
                  <a:pt x="798" y="582"/>
                  <a:pt x="799" y="581"/>
                </a:cubicBezTo>
                <a:cubicBezTo>
                  <a:pt x="800" y="580"/>
                  <a:pt x="799" y="578"/>
                  <a:pt x="799" y="577"/>
                </a:cubicBezTo>
                <a:cubicBezTo>
                  <a:pt x="800" y="576"/>
                  <a:pt x="801" y="576"/>
                  <a:pt x="802" y="575"/>
                </a:cubicBezTo>
                <a:cubicBezTo>
                  <a:pt x="803" y="575"/>
                  <a:pt x="804" y="575"/>
                  <a:pt x="805" y="575"/>
                </a:cubicBezTo>
                <a:cubicBezTo>
                  <a:pt x="806" y="574"/>
                  <a:pt x="806" y="574"/>
                  <a:pt x="807" y="573"/>
                </a:cubicBezTo>
                <a:cubicBezTo>
                  <a:pt x="808" y="573"/>
                  <a:pt x="809" y="572"/>
                  <a:pt x="809" y="571"/>
                </a:cubicBezTo>
                <a:cubicBezTo>
                  <a:pt x="809" y="570"/>
                  <a:pt x="807" y="570"/>
                  <a:pt x="807" y="569"/>
                </a:cubicBezTo>
                <a:cubicBezTo>
                  <a:pt x="806" y="568"/>
                  <a:pt x="806" y="567"/>
                  <a:pt x="807" y="567"/>
                </a:cubicBezTo>
                <a:cubicBezTo>
                  <a:pt x="808" y="566"/>
                  <a:pt x="809" y="567"/>
                  <a:pt x="810" y="568"/>
                </a:cubicBezTo>
                <a:cubicBezTo>
                  <a:pt x="812" y="569"/>
                  <a:pt x="813" y="569"/>
                  <a:pt x="816" y="569"/>
                </a:cubicBezTo>
                <a:cubicBezTo>
                  <a:pt x="818" y="569"/>
                  <a:pt x="820" y="569"/>
                  <a:pt x="822" y="569"/>
                </a:cubicBezTo>
                <a:cubicBezTo>
                  <a:pt x="825" y="568"/>
                  <a:pt x="826" y="566"/>
                  <a:pt x="827" y="564"/>
                </a:cubicBezTo>
                <a:cubicBezTo>
                  <a:pt x="827" y="563"/>
                  <a:pt x="828" y="562"/>
                  <a:pt x="828" y="561"/>
                </a:cubicBezTo>
                <a:cubicBezTo>
                  <a:pt x="830" y="560"/>
                  <a:pt x="830" y="561"/>
                  <a:pt x="830" y="562"/>
                </a:cubicBezTo>
                <a:cubicBezTo>
                  <a:pt x="833" y="564"/>
                  <a:pt x="833" y="560"/>
                  <a:pt x="833" y="558"/>
                </a:cubicBezTo>
                <a:cubicBezTo>
                  <a:pt x="833" y="556"/>
                  <a:pt x="833" y="553"/>
                  <a:pt x="831" y="552"/>
                </a:cubicBezTo>
                <a:cubicBezTo>
                  <a:pt x="830" y="551"/>
                  <a:pt x="826" y="549"/>
                  <a:pt x="828" y="547"/>
                </a:cubicBezTo>
                <a:cubicBezTo>
                  <a:pt x="829" y="546"/>
                  <a:pt x="831" y="547"/>
                  <a:pt x="832" y="546"/>
                </a:cubicBezTo>
                <a:cubicBezTo>
                  <a:pt x="833" y="546"/>
                  <a:pt x="833" y="545"/>
                  <a:pt x="834" y="545"/>
                </a:cubicBezTo>
                <a:cubicBezTo>
                  <a:pt x="835" y="544"/>
                  <a:pt x="837" y="545"/>
                  <a:pt x="836" y="543"/>
                </a:cubicBezTo>
                <a:cubicBezTo>
                  <a:pt x="836" y="542"/>
                  <a:pt x="835" y="541"/>
                  <a:pt x="835" y="541"/>
                </a:cubicBezTo>
                <a:cubicBezTo>
                  <a:pt x="834" y="539"/>
                  <a:pt x="833" y="537"/>
                  <a:pt x="834" y="535"/>
                </a:cubicBezTo>
                <a:cubicBezTo>
                  <a:pt x="835" y="533"/>
                  <a:pt x="835" y="531"/>
                  <a:pt x="838" y="531"/>
                </a:cubicBezTo>
                <a:cubicBezTo>
                  <a:pt x="838" y="531"/>
                  <a:pt x="838" y="531"/>
                  <a:pt x="839" y="531"/>
                </a:cubicBezTo>
                <a:cubicBezTo>
                  <a:pt x="839" y="531"/>
                  <a:pt x="840" y="530"/>
                  <a:pt x="840" y="530"/>
                </a:cubicBezTo>
                <a:cubicBezTo>
                  <a:pt x="842" y="531"/>
                  <a:pt x="839" y="532"/>
                  <a:pt x="839" y="532"/>
                </a:cubicBezTo>
                <a:cubicBezTo>
                  <a:pt x="838" y="533"/>
                  <a:pt x="838" y="534"/>
                  <a:pt x="838" y="535"/>
                </a:cubicBezTo>
                <a:cubicBezTo>
                  <a:pt x="838" y="536"/>
                  <a:pt x="838" y="536"/>
                  <a:pt x="837" y="537"/>
                </a:cubicBezTo>
                <a:cubicBezTo>
                  <a:pt x="835" y="539"/>
                  <a:pt x="836" y="541"/>
                  <a:pt x="837" y="542"/>
                </a:cubicBezTo>
                <a:cubicBezTo>
                  <a:pt x="839" y="546"/>
                  <a:pt x="838" y="550"/>
                  <a:pt x="838" y="554"/>
                </a:cubicBezTo>
                <a:cubicBezTo>
                  <a:pt x="838" y="555"/>
                  <a:pt x="838" y="557"/>
                  <a:pt x="838" y="557"/>
                </a:cubicBezTo>
                <a:cubicBezTo>
                  <a:pt x="839" y="558"/>
                  <a:pt x="841" y="557"/>
                  <a:pt x="841" y="558"/>
                </a:cubicBezTo>
                <a:cubicBezTo>
                  <a:pt x="842" y="560"/>
                  <a:pt x="841" y="563"/>
                  <a:pt x="844" y="564"/>
                </a:cubicBezTo>
                <a:cubicBezTo>
                  <a:pt x="845" y="564"/>
                  <a:pt x="855" y="562"/>
                  <a:pt x="854" y="566"/>
                </a:cubicBezTo>
                <a:cubicBezTo>
                  <a:pt x="854" y="567"/>
                  <a:pt x="853" y="568"/>
                  <a:pt x="853" y="568"/>
                </a:cubicBezTo>
                <a:cubicBezTo>
                  <a:pt x="852" y="569"/>
                  <a:pt x="852" y="570"/>
                  <a:pt x="852" y="571"/>
                </a:cubicBezTo>
                <a:cubicBezTo>
                  <a:pt x="852" y="573"/>
                  <a:pt x="853" y="575"/>
                  <a:pt x="853" y="577"/>
                </a:cubicBezTo>
                <a:cubicBezTo>
                  <a:pt x="853" y="579"/>
                  <a:pt x="852" y="582"/>
                  <a:pt x="853" y="584"/>
                </a:cubicBezTo>
                <a:cubicBezTo>
                  <a:pt x="853" y="585"/>
                  <a:pt x="854" y="587"/>
                  <a:pt x="854" y="588"/>
                </a:cubicBezTo>
                <a:cubicBezTo>
                  <a:pt x="854" y="590"/>
                  <a:pt x="854" y="592"/>
                  <a:pt x="854" y="593"/>
                </a:cubicBezTo>
                <a:cubicBezTo>
                  <a:pt x="854" y="595"/>
                  <a:pt x="855" y="596"/>
                  <a:pt x="856" y="598"/>
                </a:cubicBezTo>
                <a:cubicBezTo>
                  <a:pt x="857" y="599"/>
                  <a:pt x="859" y="600"/>
                  <a:pt x="860" y="601"/>
                </a:cubicBezTo>
                <a:cubicBezTo>
                  <a:pt x="861" y="602"/>
                  <a:pt x="861" y="603"/>
                  <a:pt x="862" y="603"/>
                </a:cubicBezTo>
                <a:cubicBezTo>
                  <a:pt x="864" y="603"/>
                  <a:pt x="866" y="602"/>
                  <a:pt x="866" y="600"/>
                </a:cubicBezTo>
                <a:cubicBezTo>
                  <a:pt x="865" y="599"/>
                  <a:pt x="864" y="598"/>
                  <a:pt x="865" y="597"/>
                </a:cubicBezTo>
                <a:cubicBezTo>
                  <a:pt x="865" y="596"/>
                  <a:pt x="867" y="596"/>
                  <a:pt x="867" y="597"/>
                </a:cubicBezTo>
                <a:cubicBezTo>
                  <a:pt x="868" y="598"/>
                  <a:pt x="867" y="599"/>
                  <a:pt x="867" y="600"/>
                </a:cubicBezTo>
                <a:cubicBezTo>
                  <a:pt x="866" y="601"/>
                  <a:pt x="867" y="602"/>
                  <a:pt x="867" y="603"/>
                </a:cubicBezTo>
                <a:cubicBezTo>
                  <a:pt x="866" y="605"/>
                  <a:pt x="864" y="605"/>
                  <a:pt x="862" y="606"/>
                </a:cubicBezTo>
                <a:cubicBezTo>
                  <a:pt x="861" y="608"/>
                  <a:pt x="860" y="610"/>
                  <a:pt x="863" y="609"/>
                </a:cubicBezTo>
                <a:cubicBezTo>
                  <a:pt x="864" y="609"/>
                  <a:pt x="865" y="608"/>
                  <a:pt x="866" y="609"/>
                </a:cubicBezTo>
                <a:cubicBezTo>
                  <a:pt x="867" y="609"/>
                  <a:pt x="867" y="609"/>
                  <a:pt x="869" y="609"/>
                </a:cubicBezTo>
                <a:cubicBezTo>
                  <a:pt x="870" y="609"/>
                  <a:pt x="870" y="609"/>
                  <a:pt x="871" y="608"/>
                </a:cubicBezTo>
                <a:cubicBezTo>
                  <a:pt x="872" y="607"/>
                  <a:pt x="873" y="607"/>
                  <a:pt x="873" y="606"/>
                </a:cubicBezTo>
                <a:cubicBezTo>
                  <a:pt x="875" y="603"/>
                  <a:pt x="870" y="604"/>
                  <a:pt x="870" y="602"/>
                </a:cubicBezTo>
                <a:cubicBezTo>
                  <a:pt x="871" y="601"/>
                  <a:pt x="872" y="601"/>
                  <a:pt x="873" y="602"/>
                </a:cubicBezTo>
                <a:cubicBezTo>
                  <a:pt x="874" y="602"/>
                  <a:pt x="874" y="604"/>
                  <a:pt x="874" y="604"/>
                </a:cubicBezTo>
                <a:cubicBezTo>
                  <a:pt x="874" y="607"/>
                  <a:pt x="873" y="608"/>
                  <a:pt x="872" y="609"/>
                </a:cubicBezTo>
                <a:cubicBezTo>
                  <a:pt x="870" y="611"/>
                  <a:pt x="871" y="613"/>
                  <a:pt x="871" y="615"/>
                </a:cubicBezTo>
                <a:cubicBezTo>
                  <a:pt x="871" y="617"/>
                  <a:pt x="871" y="617"/>
                  <a:pt x="870" y="618"/>
                </a:cubicBezTo>
                <a:cubicBezTo>
                  <a:pt x="869" y="618"/>
                  <a:pt x="870" y="619"/>
                  <a:pt x="869" y="620"/>
                </a:cubicBezTo>
                <a:cubicBezTo>
                  <a:pt x="869" y="621"/>
                  <a:pt x="869" y="622"/>
                  <a:pt x="869" y="623"/>
                </a:cubicBezTo>
                <a:cubicBezTo>
                  <a:pt x="870" y="624"/>
                  <a:pt x="870" y="624"/>
                  <a:pt x="871" y="625"/>
                </a:cubicBezTo>
                <a:cubicBezTo>
                  <a:pt x="871" y="627"/>
                  <a:pt x="870" y="628"/>
                  <a:pt x="872" y="630"/>
                </a:cubicBezTo>
                <a:cubicBezTo>
                  <a:pt x="874" y="632"/>
                  <a:pt x="876" y="633"/>
                  <a:pt x="875" y="637"/>
                </a:cubicBezTo>
                <a:cubicBezTo>
                  <a:pt x="875" y="639"/>
                  <a:pt x="874" y="642"/>
                  <a:pt x="876" y="643"/>
                </a:cubicBezTo>
                <a:cubicBezTo>
                  <a:pt x="878" y="645"/>
                  <a:pt x="879" y="646"/>
                  <a:pt x="880" y="648"/>
                </a:cubicBezTo>
                <a:cubicBezTo>
                  <a:pt x="881" y="650"/>
                  <a:pt x="881" y="651"/>
                  <a:pt x="883" y="653"/>
                </a:cubicBezTo>
                <a:cubicBezTo>
                  <a:pt x="886" y="656"/>
                  <a:pt x="886" y="660"/>
                  <a:pt x="890" y="663"/>
                </a:cubicBezTo>
                <a:cubicBezTo>
                  <a:pt x="892" y="664"/>
                  <a:pt x="893" y="664"/>
                  <a:pt x="894" y="666"/>
                </a:cubicBezTo>
                <a:cubicBezTo>
                  <a:pt x="895" y="668"/>
                  <a:pt x="896" y="670"/>
                  <a:pt x="898" y="671"/>
                </a:cubicBezTo>
                <a:cubicBezTo>
                  <a:pt x="898" y="671"/>
                  <a:pt x="899" y="672"/>
                  <a:pt x="900" y="673"/>
                </a:cubicBezTo>
                <a:cubicBezTo>
                  <a:pt x="901" y="673"/>
                  <a:pt x="901" y="674"/>
                  <a:pt x="902" y="674"/>
                </a:cubicBezTo>
                <a:cubicBezTo>
                  <a:pt x="904" y="675"/>
                  <a:pt x="905" y="677"/>
                  <a:pt x="904" y="679"/>
                </a:cubicBezTo>
                <a:cubicBezTo>
                  <a:pt x="904" y="681"/>
                  <a:pt x="901" y="680"/>
                  <a:pt x="899" y="680"/>
                </a:cubicBezTo>
                <a:cubicBezTo>
                  <a:pt x="898" y="681"/>
                  <a:pt x="897" y="681"/>
                  <a:pt x="896" y="682"/>
                </a:cubicBezTo>
                <a:cubicBezTo>
                  <a:pt x="896" y="683"/>
                  <a:pt x="898" y="683"/>
                  <a:pt x="898" y="683"/>
                </a:cubicBezTo>
                <a:cubicBezTo>
                  <a:pt x="900" y="684"/>
                  <a:pt x="901" y="687"/>
                  <a:pt x="900" y="688"/>
                </a:cubicBezTo>
                <a:cubicBezTo>
                  <a:pt x="898" y="690"/>
                  <a:pt x="895" y="688"/>
                  <a:pt x="893" y="687"/>
                </a:cubicBezTo>
                <a:cubicBezTo>
                  <a:pt x="892" y="687"/>
                  <a:pt x="891" y="687"/>
                  <a:pt x="892" y="689"/>
                </a:cubicBezTo>
                <a:cubicBezTo>
                  <a:pt x="893" y="691"/>
                  <a:pt x="895" y="691"/>
                  <a:pt x="896" y="693"/>
                </a:cubicBezTo>
                <a:cubicBezTo>
                  <a:pt x="897" y="695"/>
                  <a:pt x="896" y="697"/>
                  <a:pt x="898" y="699"/>
                </a:cubicBezTo>
                <a:cubicBezTo>
                  <a:pt x="899" y="701"/>
                  <a:pt x="900" y="702"/>
                  <a:pt x="901" y="704"/>
                </a:cubicBezTo>
                <a:cubicBezTo>
                  <a:pt x="902" y="705"/>
                  <a:pt x="902" y="708"/>
                  <a:pt x="903" y="709"/>
                </a:cubicBezTo>
                <a:cubicBezTo>
                  <a:pt x="904" y="709"/>
                  <a:pt x="904" y="710"/>
                  <a:pt x="905" y="710"/>
                </a:cubicBezTo>
                <a:cubicBezTo>
                  <a:pt x="906" y="711"/>
                  <a:pt x="906" y="711"/>
                  <a:pt x="907" y="712"/>
                </a:cubicBezTo>
                <a:cubicBezTo>
                  <a:pt x="908" y="712"/>
                  <a:pt x="908" y="713"/>
                  <a:pt x="908" y="714"/>
                </a:cubicBezTo>
                <a:cubicBezTo>
                  <a:pt x="908" y="715"/>
                  <a:pt x="907" y="715"/>
                  <a:pt x="906" y="716"/>
                </a:cubicBezTo>
                <a:cubicBezTo>
                  <a:pt x="905" y="718"/>
                  <a:pt x="907" y="722"/>
                  <a:pt x="905" y="724"/>
                </a:cubicBezTo>
                <a:cubicBezTo>
                  <a:pt x="904" y="724"/>
                  <a:pt x="902" y="725"/>
                  <a:pt x="902" y="726"/>
                </a:cubicBezTo>
                <a:cubicBezTo>
                  <a:pt x="901" y="727"/>
                  <a:pt x="904" y="727"/>
                  <a:pt x="904" y="727"/>
                </a:cubicBezTo>
                <a:cubicBezTo>
                  <a:pt x="905" y="726"/>
                  <a:pt x="906" y="726"/>
                  <a:pt x="907" y="726"/>
                </a:cubicBezTo>
                <a:cubicBezTo>
                  <a:pt x="909" y="726"/>
                  <a:pt x="910" y="727"/>
                  <a:pt x="913" y="727"/>
                </a:cubicBezTo>
                <a:cubicBezTo>
                  <a:pt x="914" y="728"/>
                  <a:pt x="916" y="728"/>
                  <a:pt x="918" y="729"/>
                </a:cubicBezTo>
                <a:cubicBezTo>
                  <a:pt x="920" y="729"/>
                  <a:pt x="923" y="729"/>
                  <a:pt x="925" y="729"/>
                </a:cubicBezTo>
                <a:cubicBezTo>
                  <a:pt x="927" y="728"/>
                  <a:pt x="928" y="727"/>
                  <a:pt x="930" y="727"/>
                </a:cubicBezTo>
                <a:cubicBezTo>
                  <a:pt x="932" y="726"/>
                  <a:pt x="934" y="725"/>
                  <a:pt x="936" y="726"/>
                </a:cubicBezTo>
                <a:cubicBezTo>
                  <a:pt x="938" y="727"/>
                  <a:pt x="939" y="728"/>
                  <a:pt x="942" y="727"/>
                </a:cubicBezTo>
                <a:cubicBezTo>
                  <a:pt x="943" y="727"/>
                  <a:pt x="944" y="725"/>
                  <a:pt x="945" y="723"/>
                </a:cubicBezTo>
                <a:cubicBezTo>
                  <a:pt x="946" y="721"/>
                  <a:pt x="948" y="718"/>
                  <a:pt x="947" y="716"/>
                </a:cubicBezTo>
                <a:cubicBezTo>
                  <a:pt x="947" y="715"/>
                  <a:pt x="946" y="715"/>
                  <a:pt x="945" y="714"/>
                </a:cubicBezTo>
                <a:cubicBezTo>
                  <a:pt x="945" y="713"/>
                  <a:pt x="946" y="712"/>
                  <a:pt x="945" y="711"/>
                </a:cubicBezTo>
                <a:cubicBezTo>
                  <a:pt x="945" y="708"/>
                  <a:pt x="944" y="707"/>
                  <a:pt x="945" y="704"/>
                </a:cubicBezTo>
                <a:cubicBezTo>
                  <a:pt x="946" y="703"/>
                  <a:pt x="946" y="703"/>
                  <a:pt x="947" y="702"/>
                </a:cubicBezTo>
                <a:cubicBezTo>
                  <a:pt x="948" y="702"/>
                  <a:pt x="948" y="701"/>
                  <a:pt x="949" y="700"/>
                </a:cubicBezTo>
                <a:cubicBezTo>
                  <a:pt x="950" y="698"/>
                  <a:pt x="953" y="698"/>
                  <a:pt x="955" y="697"/>
                </a:cubicBezTo>
                <a:cubicBezTo>
                  <a:pt x="956" y="697"/>
                  <a:pt x="957" y="696"/>
                  <a:pt x="958" y="696"/>
                </a:cubicBezTo>
                <a:cubicBezTo>
                  <a:pt x="960" y="695"/>
                  <a:pt x="961" y="696"/>
                  <a:pt x="963" y="696"/>
                </a:cubicBezTo>
                <a:cubicBezTo>
                  <a:pt x="967" y="696"/>
                  <a:pt x="970" y="693"/>
                  <a:pt x="974" y="693"/>
                </a:cubicBezTo>
                <a:cubicBezTo>
                  <a:pt x="975" y="693"/>
                  <a:pt x="976" y="693"/>
                  <a:pt x="978" y="693"/>
                </a:cubicBezTo>
                <a:cubicBezTo>
                  <a:pt x="978" y="692"/>
                  <a:pt x="979" y="692"/>
                  <a:pt x="980" y="692"/>
                </a:cubicBezTo>
                <a:cubicBezTo>
                  <a:pt x="982" y="691"/>
                  <a:pt x="985" y="691"/>
                  <a:pt x="987" y="692"/>
                </a:cubicBezTo>
                <a:cubicBezTo>
                  <a:pt x="988" y="693"/>
                  <a:pt x="989" y="694"/>
                  <a:pt x="991" y="695"/>
                </a:cubicBezTo>
                <a:cubicBezTo>
                  <a:pt x="992" y="696"/>
                  <a:pt x="992" y="696"/>
                  <a:pt x="993" y="695"/>
                </a:cubicBezTo>
                <a:cubicBezTo>
                  <a:pt x="994" y="695"/>
                  <a:pt x="994" y="694"/>
                  <a:pt x="995" y="693"/>
                </a:cubicBezTo>
                <a:cubicBezTo>
                  <a:pt x="996" y="691"/>
                  <a:pt x="996" y="689"/>
                  <a:pt x="997" y="688"/>
                </a:cubicBezTo>
                <a:cubicBezTo>
                  <a:pt x="999" y="685"/>
                  <a:pt x="1001" y="682"/>
                  <a:pt x="1003" y="679"/>
                </a:cubicBezTo>
                <a:cubicBezTo>
                  <a:pt x="1004" y="677"/>
                  <a:pt x="1005" y="676"/>
                  <a:pt x="1006" y="674"/>
                </a:cubicBezTo>
                <a:cubicBezTo>
                  <a:pt x="1007" y="672"/>
                  <a:pt x="1008" y="670"/>
                  <a:pt x="1009" y="669"/>
                </a:cubicBezTo>
                <a:cubicBezTo>
                  <a:pt x="1010" y="667"/>
                  <a:pt x="1010" y="665"/>
                  <a:pt x="1010" y="663"/>
                </a:cubicBezTo>
                <a:cubicBezTo>
                  <a:pt x="1009" y="661"/>
                  <a:pt x="1009" y="659"/>
                  <a:pt x="1010" y="657"/>
                </a:cubicBezTo>
                <a:cubicBezTo>
                  <a:pt x="1011" y="656"/>
                  <a:pt x="1014" y="655"/>
                  <a:pt x="1013" y="653"/>
                </a:cubicBezTo>
                <a:cubicBezTo>
                  <a:pt x="1013" y="652"/>
                  <a:pt x="1012" y="652"/>
                  <a:pt x="1011" y="651"/>
                </a:cubicBezTo>
                <a:cubicBezTo>
                  <a:pt x="1011" y="650"/>
                  <a:pt x="1011" y="649"/>
                  <a:pt x="1011" y="648"/>
                </a:cubicBezTo>
                <a:cubicBezTo>
                  <a:pt x="1011" y="645"/>
                  <a:pt x="1011" y="644"/>
                  <a:pt x="1013" y="642"/>
                </a:cubicBezTo>
                <a:cubicBezTo>
                  <a:pt x="1015" y="641"/>
                  <a:pt x="1016" y="639"/>
                  <a:pt x="1016" y="637"/>
                </a:cubicBezTo>
                <a:cubicBezTo>
                  <a:pt x="1016" y="634"/>
                  <a:pt x="1013" y="634"/>
                  <a:pt x="1014" y="631"/>
                </a:cubicBezTo>
                <a:cubicBezTo>
                  <a:pt x="1014" y="631"/>
                  <a:pt x="1015" y="630"/>
                  <a:pt x="1015" y="629"/>
                </a:cubicBezTo>
                <a:cubicBezTo>
                  <a:pt x="1016" y="628"/>
                  <a:pt x="1017" y="628"/>
                  <a:pt x="1017" y="627"/>
                </a:cubicBezTo>
                <a:cubicBezTo>
                  <a:pt x="1018" y="626"/>
                  <a:pt x="1017" y="623"/>
                  <a:pt x="1016" y="622"/>
                </a:cubicBezTo>
                <a:cubicBezTo>
                  <a:pt x="1015" y="621"/>
                  <a:pt x="1013" y="621"/>
                  <a:pt x="1013" y="620"/>
                </a:cubicBezTo>
                <a:cubicBezTo>
                  <a:pt x="1013" y="619"/>
                  <a:pt x="1014" y="618"/>
                  <a:pt x="1014" y="618"/>
                </a:cubicBezTo>
                <a:cubicBezTo>
                  <a:pt x="1015" y="618"/>
                  <a:pt x="1015" y="619"/>
                  <a:pt x="1016" y="619"/>
                </a:cubicBezTo>
                <a:cubicBezTo>
                  <a:pt x="1016" y="620"/>
                  <a:pt x="1019" y="620"/>
                  <a:pt x="1019" y="619"/>
                </a:cubicBezTo>
                <a:cubicBezTo>
                  <a:pt x="1021" y="617"/>
                  <a:pt x="1014" y="615"/>
                  <a:pt x="1017" y="612"/>
                </a:cubicBezTo>
                <a:cubicBezTo>
                  <a:pt x="1018" y="612"/>
                  <a:pt x="1019" y="612"/>
                  <a:pt x="1020" y="611"/>
                </a:cubicBezTo>
                <a:cubicBezTo>
                  <a:pt x="1021" y="610"/>
                  <a:pt x="1021" y="609"/>
                  <a:pt x="1021" y="608"/>
                </a:cubicBezTo>
                <a:cubicBezTo>
                  <a:pt x="1021" y="605"/>
                  <a:pt x="1020" y="604"/>
                  <a:pt x="1019" y="602"/>
                </a:cubicBezTo>
                <a:cubicBezTo>
                  <a:pt x="1017" y="600"/>
                  <a:pt x="1018" y="598"/>
                  <a:pt x="1016" y="597"/>
                </a:cubicBezTo>
                <a:cubicBezTo>
                  <a:pt x="1015" y="596"/>
                  <a:pt x="1014" y="596"/>
                  <a:pt x="1013" y="596"/>
                </a:cubicBezTo>
                <a:cubicBezTo>
                  <a:pt x="1011" y="595"/>
                  <a:pt x="1012" y="594"/>
                  <a:pt x="1013" y="595"/>
                </a:cubicBezTo>
                <a:cubicBezTo>
                  <a:pt x="1014" y="595"/>
                  <a:pt x="1015" y="596"/>
                  <a:pt x="1016" y="596"/>
                </a:cubicBezTo>
                <a:cubicBezTo>
                  <a:pt x="1017" y="596"/>
                  <a:pt x="1018" y="597"/>
                  <a:pt x="1019" y="597"/>
                </a:cubicBezTo>
                <a:cubicBezTo>
                  <a:pt x="1020" y="597"/>
                  <a:pt x="1021" y="597"/>
                  <a:pt x="1022" y="596"/>
                </a:cubicBezTo>
                <a:cubicBezTo>
                  <a:pt x="1022" y="596"/>
                  <a:pt x="1024" y="596"/>
                  <a:pt x="1024" y="595"/>
                </a:cubicBezTo>
                <a:cubicBezTo>
                  <a:pt x="1026" y="593"/>
                  <a:pt x="1022" y="592"/>
                  <a:pt x="1021" y="591"/>
                </a:cubicBezTo>
                <a:cubicBezTo>
                  <a:pt x="1020" y="591"/>
                  <a:pt x="1020" y="590"/>
                  <a:pt x="1019" y="589"/>
                </a:cubicBezTo>
                <a:cubicBezTo>
                  <a:pt x="1018" y="589"/>
                  <a:pt x="1017" y="589"/>
                  <a:pt x="1016" y="589"/>
                </a:cubicBezTo>
                <a:cubicBezTo>
                  <a:pt x="1015" y="589"/>
                  <a:pt x="1014" y="589"/>
                  <a:pt x="1015" y="588"/>
                </a:cubicBezTo>
                <a:cubicBezTo>
                  <a:pt x="1015" y="587"/>
                  <a:pt x="1017" y="588"/>
                  <a:pt x="1017" y="588"/>
                </a:cubicBezTo>
                <a:cubicBezTo>
                  <a:pt x="1019" y="588"/>
                  <a:pt x="1021" y="588"/>
                  <a:pt x="1023" y="588"/>
                </a:cubicBezTo>
                <a:cubicBezTo>
                  <a:pt x="1024" y="588"/>
                  <a:pt x="1025" y="588"/>
                  <a:pt x="1026" y="588"/>
                </a:cubicBezTo>
                <a:cubicBezTo>
                  <a:pt x="1027" y="588"/>
                  <a:pt x="1027" y="586"/>
                  <a:pt x="1028" y="586"/>
                </a:cubicBezTo>
                <a:cubicBezTo>
                  <a:pt x="1029" y="585"/>
                  <a:pt x="1030" y="585"/>
                  <a:pt x="1032" y="585"/>
                </a:cubicBezTo>
                <a:cubicBezTo>
                  <a:pt x="1034" y="585"/>
                  <a:pt x="1036" y="584"/>
                  <a:pt x="1038" y="583"/>
                </a:cubicBezTo>
                <a:cubicBezTo>
                  <a:pt x="1039" y="582"/>
                  <a:pt x="1040" y="582"/>
                  <a:pt x="1040" y="582"/>
                </a:cubicBezTo>
                <a:cubicBezTo>
                  <a:pt x="1041" y="581"/>
                  <a:pt x="1042" y="580"/>
                  <a:pt x="1042" y="579"/>
                </a:cubicBezTo>
                <a:cubicBezTo>
                  <a:pt x="1043" y="578"/>
                  <a:pt x="1043" y="577"/>
                  <a:pt x="1044" y="576"/>
                </a:cubicBezTo>
                <a:cubicBezTo>
                  <a:pt x="1044" y="575"/>
                  <a:pt x="1045" y="575"/>
                  <a:pt x="1046" y="575"/>
                </a:cubicBezTo>
                <a:cubicBezTo>
                  <a:pt x="1047" y="574"/>
                  <a:pt x="1047" y="573"/>
                  <a:pt x="1047" y="572"/>
                </a:cubicBezTo>
                <a:cubicBezTo>
                  <a:pt x="1047" y="571"/>
                  <a:pt x="1047" y="569"/>
                  <a:pt x="1047" y="569"/>
                </a:cubicBezTo>
                <a:cubicBezTo>
                  <a:pt x="1048" y="568"/>
                  <a:pt x="1048" y="572"/>
                  <a:pt x="1048" y="572"/>
                </a:cubicBezTo>
                <a:cubicBezTo>
                  <a:pt x="1049" y="573"/>
                  <a:pt x="1048" y="575"/>
                  <a:pt x="1048" y="576"/>
                </a:cubicBezTo>
                <a:cubicBezTo>
                  <a:pt x="1049" y="578"/>
                  <a:pt x="1049" y="577"/>
                  <a:pt x="1050" y="578"/>
                </a:cubicBezTo>
                <a:cubicBezTo>
                  <a:pt x="1051" y="578"/>
                  <a:pt x="1050" y="580"/>
                  <a:pt x="1052" y="579"/>
                </a:cubicBezTo>
                <a:cubicBezTo>
                  <a:pt x="1054" y="579"/>
                  <a:pt x="1054" y="575"/>
                  <a:pt x="1055" y="574"/>
                </a:cubicBezTo>
                <a:cubicBezTo>
                  <a:pt x="1056" y="573"/>
                  <a:pt x="1057" y="573"/>
                  <a:pt x="1058" y="572"/>
                </a:cubicBezTo>
                <a:cubicBezTo>
                  <a:pt x="1060" y="572"/>
                  <a:pt x="1060" y="571"/>
                  <a:pt x="1061" y="570"/>
                </a:cubicBezTo>
                <a:cubicBezTo>
                  <a:pt x="1062" y="569"/>
                  <a:pt x="1063" y="568"/>
                  <a:pt x="1064" y="568"/>
                </a:cubicBezTo>
                <a:cubicBezTo>
                  <a:pt x="1065" y="567"/>
                  <a:pt x="1066" y="567"/>
                  <a:pt x="1067" y="567"/>
                </a:cubicBezTo>
                <a:cubicBezTo>
                  <a:pt x="1068" y="566"/>
                  <a:pt x="1069" y="565"/>
                  <a:pt x="1069" y="564"/>
                </a:cubicBezTo>
                <a:cubicBezTo>
                  <a:pt x="1069" y="563"/>
                  <a:pt x="1068" y="562"/>
                  <a:pt x="1067" y="562"/>
                </a:cubicBezTo>
                <a:cubicBezTo>
                  <a:pt x="1067" y="561"/>
                  <a:pt x="1066" y="560"/>
                  <a:pt x="1067" y="559"/>
                </a:cubicBezTo>
                <a:cubicBezTo>
                  <a:pt x="1069" y="558"/>
                  <a:pt x="1069" y="559"/>
                  <a:pt x="1070" y="560"/>
                </a:cubicBezTo>
                <a:cubicBezTo>
                  <a:pt x="1071" y="562"/>
                  <a:pt x="1072" y="562"/>
                  <a:pt x="1073" y="561"/>
                </a:cubicBezTo>
                <a:cubicBezTo>
                  <a:pt x="1074" y="560"/>
                  <a:pt x="1077" y="559"/>
                  <a:pt x="1076" y="557"/>
                </a:cubicBezTo>
                <a:cubicBezTo>
                  <a:pt x="1075" y="557"/>
                  <a:pt x="1074" y="557"/>
                  <a:pt x="1074" y="556"/>
                </a:cubicBezTo>
                <a:cubicBezTo>
                  <a:pt x="1073" y="556"/>
                  <a:pt x="1073" y="555"/>
                  <a:pt x="1072" y="555"/>
                </a:cubicBezTo>
                <a:cubicBezTo>
                  <a:pt x="1071" y="554"/>
                  <a:pt x="1069" y="552"/>
                  <a:pt x="1068" y="553"/>
                </a:cubicBezTo>
                <a:cubicBezTo>
                  <a:pt x="1068" y="553"/>
                  <a:pt x="1069" y="554"/>
                  <a:pt x="1068" y="555"/>
                </a:cubicBezTo>
                <a:cubicBezTo>
                  <a:pt x="1067" y="555"/>
                  <a:pt x="1066" y="555"/>
                  <a:pt x="1065" y="554"/>
                </a:cubicBezTo>
                <a:cubicBezTo>
                  <a:pt x="1063" y="554"/>
                  <a:pt x="1062" y="557"/>
                  <a:pt x="1060" y="557"/>
                </a:cubicBezTo>
                <a:cubicBezTo>
                  <a:pt x="1059" y="555"/>
                  <a:pt x="1062" y="554"/>
                  <a:pt x="1063" y="554"/>
                </a:cubicBezTo>
                <a:cubicBezTo>
                  <a:pt x="1065" y="553"/>
                  <a:pt x="1065" y="553"/>
                  <a:pt x="1065" y="552"/>
                </a:cubicBezTo>
                <a:cubicBezTo>
                  <a:pt x="1065" y="550"/>
                  <a:pt x="1069" y="548"/>
                  <a:pt x="1070" y="546"/>
                </a:cubicBezTo>
                <a:cubicBezTo>
                  <a:pt x="1072" y="545"/>
                  <a:pt x="1074" y="544"/>
                  <a:pt x="1076" y="543"/>
                </a:cubicBezTo>
                <a:cubicBezTo>
                  <a:pt x="1077" y="542"/>
                  <a:pt x="1079" y="541"/>
                  <a:pt x="1081" y="540"/>
                </a:cubicBezTo>
                <a:cubicBezTo>
                  <a:pt x="1081" y="540"/>
                  <a:pt x="1082" y="539"/>
                  <a:pt x="1083" y="539"/>
                </a:cubicBezTo>
                <a:cubicBezTo>
                  <a:pt x="1084" y="539"/>
                  <a:pt x="1085" y="539"/>
                  <a:pt x="1086" y="539"/>
                </a:cubicBezTo>
                <a:cubicBezTo>
                  <a:pt x="1087" y="538"/>
                  <a:pt x="1088" y="538"/>
                  <a:pt x="1088" y="537"/>
                </a:cubicBezTo>
                <a:cubicBezTo>
                  <a:pt x="1088" y="536"/>
                  <a:pt x="1086" y="535"/>
                  <a:pt x="1086" y="534"/>
                </a:cubicBezTo>
                <a:cubicBezTo>
                  <a:pt x="1085" y="533"/>
                  <a:pt x="1084" y="531"/>
                  <a:pt x="1084" y="529"/>
                </a:cubicBezTo>
                <a:cubicBezTo>
                  <a:pt x="1083" y="528"/>
                  <a:pt x="1083" y="527"/>
                  <a:pt x="1082" y="526"/>
                </a:cubicBezTo>
                <a:cubicBezTo>
                  <a:pt x="1082" y="525"/>
                  <a:pt x="1082" y="524"/>
                  <a:pt x="1081" y="523"/>
                </a:cubicBezTo>
                <a:cubicBezTo>
                  <a:pt x="1080" y="521"/>
                  <a:pt x="1077" y="521"/>
                  <a:pt x="1075" y="521"/>
                </a:cubicBezTo>
                <a:cubicBezTo>
                  <a:pt x="1073" y="521"/>
                  <a:pt x="1072" y="520"/>
                  <a:pt x="1072" y="517"/>
                </a:cubicBezTo>
                <a:cubicBezTo>
                  <a:pt x="1072" y="515"/>
                  <a:pt x="1072" y="513"/>
                  <a:pt x="1070" y="512"/>
                </a:cubicBezTo>
                <a:cubicBezTo>
                  <a:pt x="1067" y="509"/>
                  <a:pt x="1062" y="508"/>
                  <a:pt x="1059" y="505"/>
                </a:cubicBezTo>
                <a:cubicBezTo>
                  <a:pt x="1057" y="502"/>
                  <a:pt x="1055" y="497"/>
                  <a:pt x="1051" y="501"/>
                </a:cubicBezTo>
                <a:cubicBezTo>
                  <a:pt x="1049" y="503"/>
                  <a:pt x="1048" y="504"/>
                  <a:pt x="1046" y="504"/>
                </a:cubicBezTo>
                <a:cubicBezTo>
                  <a:pt x="1044" y="503"/>
                  <a:pt x="1043" y="501"/>
                  <a:pt x="1041" y="500"/>
                </a:cubicBezTo>
                <a:cubicBezTo>
                  <a:pt x="1040" y="498"/>
                  <a:pt x="1038" y="497"/>
                  <a:pt x="1036" y="497"/>
                </a:cubicBezTo>
                <a:cubicBezTo>
                  <a:pt x="1035" y="497"/>
                  <a:pt x="1031" y="495"/>
                  <a:pt x="1034" y="495"/>
                </a:cubicBezTo>
                <a:cubicBezTo>
                  <a:pt x="1035" y="495"/>
                  <a:pt x="1036" y="495"/>
                  <a:pt x="1036" y="493"/>
                </a:cubicBezTo>
                <a:cubicBezTo>
                  <a:pt x="1035" y="492"/>
                  <a:pt x="1035" y="492"/>
                  <a:pt x="1034" y="491"/>
                </a:cubicBezTo>
                <a:cubicBezTo>
                  <a:pt x="1033" y="490"/>
                  <a:pt x="1033" y="489"/>
                  <a:pt x="1032" y="488"/>
                </a:cubicBezTo>
                <a:cubicBezTo>
                  <a:pt x="1032" y="487"/>
                  <a:pt x="1032" y="486"/>
                  <a:pt x="1031" y="485"/>
                </a:cubicBezTo>
                <a:cubicBezTo>
                  <a:pt x="1031" y="484"/>
                  <a:pt x="1030" y="483"/>
                  <a:pt x="1029" y="482"/>
                </a:cubicBezTo>
                <a:cubicBezTo>
                  <a:pt x="1028" y="480"/>
                  <a:pt x="1029" y="476"/>
                  <a:pt x="1029" y="473"/>
                </a:cubicBezTo>
                <a:cubicBezTo>
                  <a:pt x="1029" y="473"/>
                  <a:pt x="1029" y="471"/>
                  <a:pt x="1029" y="470"/>
                </a:cubicBezTo>
                <a:cubicBezTo>
                  <a:pt x="1030" y="469"/>
                  <a:pt x="1031" y="470"/>
                  <a:pt x="1032" y="470"/>
                </a:cubicBezTo>
                <a:cubicBezTo>
                  <a:pt x="1033" y="469"/>
                  <a:pt x="1032" y="468"/>
                  <a:pt x="1032" y="467"/>
                </a:cubicBezTo>
                <a:cubicBezTo>
                  <a:pt x="1030" y="467"/>
                  <a:pt x="1030" y="467"/>
                  <a:pt x="1029" y="465"/>
                </a:cubicBezTo>
                <a:cubicBezTo>
                  <a:pt x="1029" y="464"/>
                  <a:pt x="1029" y="463"/>
                  <a:pt x="1029" y="462"/>
                </a:cubicBezTo>
                <a:cubicBezTo>
                  <a:pt x="1029" y="461"/>
                  <a:pt x="1028" y="459"/>
                  <a:pt x="1029" y="459"/>
                </a:cubicBezTo>
                <a:cubicBezTo>
                  <a:pt x="1029" y="458"/>
                  <a:pt x="1031" y="458"/>
                  <a:pt x="1031" y="457"/>
                </a:cubicBezTo>
                <a:cubicBezTo>
                  <a:pt x="1033" y="455"/>
                  <a:pt x="1029" y="454"/>
                  <a:pt x="1030" y="452"/>
                </a:cubicBezTo>
                <a:cubicBezTo>
                  <a:pt x="1031" y="450"/>
                  <a:pt x="1033" y="449"/>
                  <a:pt x="1035" y="450"/>
                </a:cubicBezTo>
                <a:cubicBezTo>
                  <a:pt x="1036" y="450"/>
                  <a:pt x="1036" y="451"/>
                  <a:pt x="1037" y="452"/>
                </a:cubicBezTo>
                <a:cubicBezTo>
                  <a:pt x="1038" y="452"/>
                  <a:pt x="1038" y="453"/>
                  <a:pt x="1039" y="454"/>
                </a:cubicBezTo>
                <a:cubicBezTo>
                  <a:pt x="1040" y="455"/>
                  <a:pt x="1040" y="454"/>
                  <a:pt x="1040" y="453"/>
                </a:cubicBezTo>
                <a:cubicBezTo>
                  <a:pt x="1040" y="452"/>
                  <a:pt x="1039" y="451"/>
                  <a:pt x="1038" y="450"/>
                </a:cubicBezTo>
                <a:cubicBezTo>
                  <a:pt x="1038" y="449"/>
                  <a:pt x="1038" y="449"/>
                  <a:pt x="1037" y="448"/>
                </a:cubicBezTo>
                <a:cubicBezTo>
                  <a:pt x="1037" y="447"/>
                  <a:pt x="1037" y="446"/>
                  <a:pt x="1036" y="446"/>
                </a:cubicBezTo>
                <a:cubicBezTo>
                  <a:pt x="1035" y="444"/>
                  <a:pt x="1035" y="442"/>
                  <a:pt x="1036" y="440"/>
                </a:cubicBezTo>
                <a:cubicBezTo>
                  <a:pt x="1036" y="439"/>
                  <a:pt x="1037" y="438"/>
                  <a:pt x="1038" y="438"/>
                </a:cubicBezTo>
                <a:cubicBezTo>
                  <a:pt x="1039" y="437"/>
                  <a:pt x="1038" y="436"/>
                  <a:pt x="1039" y="435"/>
                </a:cubicBezTo>
                <a:cubicBezTo>
                  <a:pt x="1039" y="433"/>
                  <a:pt x="1041" y="431"/>
                  <a:pt x="1041" y="429"/>
                </a:cubicBezTo>
                <a:cubicBezTo>
                  <a:pt x="1041" y="427"/>
                  <a:pt x="1041" y="425"/>
                  <a:pt x="1040" y="423"/>
                </a:cubicBezTo>
                <a:cubicBezTo>
                  <a:pt x="1040" y="422"/>
                  <a:pt x="1039" y="422"/>
                  <a:pt x="1038" y="421"/>
                </a:cubicBezTo>
                <a:cubicBezTo>
                  <a:pt x="1037" y="421"/>
                  <a:pt x="1038" y="419"/>
                  <a:pt x="1038" y="418"/>
                </a:cubicBezTo>
                <a:cubicBezTo>
                  <a:pt x="1038" y="417"/>
                  <a:pt x="1037" y="416"/>
                  <a:pt x="1038" y="415"/>
                </a:cubicBezTo>
                <a:cubicBezTo>
                  <a:pt x="1039" y="414"/>
                  <a:pt x="1040" y="415"/>
                  <a:pt x="1041" y="416"/>
                </a:cubicBezTo>
                <a:cubicBezTo>
                  <a:pt x="1042" y="417"/>
                  <a:pt x="1044" y="417"/>
                  <a:pt x="1046" y="417"/>
                </a:cubicBezTo>
                <a:cubicBezTo>
                  <a:pt x="1048" y="416"/>
                  <a:pt x="1050" y="415"/>
                  <a:pt x="1051" y="413"/>
                </a:cubicBezTo>
                <a:cubicBezTo>
                  <a:pt x="1051" y="412"/>
                  <a:pt x="1051" y="411"/>
                  <a:pt x="1051" y="410"/>
                </a:cubicBezTo>
                <a:cubicBezTo>
                  <a:pt x="1051" y="409"/>
                  <a:pt x="1052" y="408"/>
                  <a:pt x="1052" y="407"/>
                </a:cubicBezTo>
                <a:cubicBezTo>
                  <a:pt x="1053" y="405"/>
                  <a:pt x="1055" y="403"/>
                  <a:pt x="1055" y="401"/>
                </a:cubicBezTo>
                <a:cubicBezTo>
                  <a:pt x="1054" y="400"/>
                  <a:pt x="1053" y="400"/>
                  <a:pt x="1053" y="399"/>
                </a:cubicBezTo>
                <a:cubicBezTo>
                  <a:pt x="1052" y="398"/>
                  <a:pt x="1053" y="397"/>
                  <a:pt x="1052" y="396"/>
                </a:cubicBezTo>
                <a:cubicBezTo>
                  <a:pt x="1052" y="395"/>
                  <a:pt x="1051" y="393"/>
                  <a:pt x="1050" y="393"/>
                </a:cubicBezTo>
                <a:cubicBezTo>
                  <a:pt x="1049" y="392"/>
                  <a:pt x="1047" y="391"/>
                  <a:pt x="1047" y="390"/>
                </a:cubicBezTo>
                <a:cubicBezTo>
                  <a:pt x="1048" y="390"/>
                  <a:pt x="1050" y="392"/>
                  <a:pt x="1051" y="393"/>
                </a:cubicBezTo>
                <a:cubicBezTo>
                  <a:pt x="1052" y="394"/>
                  <a:pt x="1052" y="394"/>
                  <a:pt x="1053" y="395"/>
                </a:cubicBezTo>
                <a:cubicBezTo>
                  <a:pt x="1053" y="396"/>
                  <a:pt x="1053" y="397"/>
                  <a:pt x="1053" y="398"/>
                </a:cubicBezTo>
                <a:cubicBezTo>
                  <a:pt x="1054" y="399"/>
                  <a:pt x="1055" y="399"/>
                  <a:pt x="1056" y="399"/>
                </a:cubicBezTo>
                <a:cubicBezTo>
                  <a:pt x="1058" y="399"/>
                  <a:pt x="1057" y="400"/>
                  <a:pt x="1058" y="401"/>
                </a:cubicBezTo>
                <a:cubicBezTo>
                  <a:pt x="1059" y="402"/>
                  <a:pt x="1059" y="402"/>
                  <a:pt x="1060" y="400"/>
                </a:cubicBezTo>
                <a:cubicBezTo>
                  <a:pt x="1061" y="400"/>
                  <a:pt x="1060" y="398"/>
                  <a:pt x="1061" y="397"/>
                </a:cubicBezTo>
                <a:cubicBezTo>
                  <a:pt x="1061" y="396"/>
                  <a:pt x="1062" y="396"/>
                  <a:pt x="1063" y="395"/>
                </a:cubicBezTo>
                <a:cubicBezTo>
                  <a:pt x="1064" y="395"/>
                  <a:pt x="1063" y="394"/>
                  <a:pt x="1063" y="392"/>
                </a:cubicBezTo>
                <a:cubicBezTo>
                  <a:pt x="1064" y="390"/>
                  <a:pt x="1066" y="389"/>
                  <a:pt x="1068" y="389"/>
                </a:cubicBezTo>
                <a:cubicBezTo>
                  <a:pt x="1070" y="388"/>
                  <a:pt x="1072" y="387"/>
                  <a:pt x="1074" y="386"/>
                </a:cubicBezTo>
                <a:cubicBezTo>
                  <a:pt x="1076" y="384"/>
                  <a:pt x="1078" y="384"/>
                  <a:pt x="1080" y="383"/>
                </a:cubicBezTo>
                <a:cubicBezTo>
                  <a:pt x="1081" y="382"/>
                  <a:pt x="1082" y="381"/>
                  <a:pt x="1083" y="381"/>
                </a:cubicBezTo>
                <a:cubicBezTo>
                  <a:pt x="1084" y="381"/>
                  <a:pt x="1085" y="381"/>
                  <a:pt x="1086" y="381"/>
                </a:cubicBezTo>
                <a:cubicBezTo>
                  <a:pt x="1087" y="381"/>
                  <a:pt x="1087" y="381"/>
                  <a:pt x="1088" y="380"/>
                </a:cubicBezTo>
                <a:cubicBezTo>
                  <a:pt x="1088" y="379"/>
                  <a:pt x="1088" y="379"/>
                  <a:pt x="1088" y="378"/>
                </a:cubicBezTo>
                <a:cubicBezTo>
                  <a:pt x="1089" y="377"/>
                  <a:pt x="1090" y="375"/>
                  <a:pt x="1091" y="374"/>
                </a:cubicBezTo>
                <a:cubicBezTo>
                  <a:pt x="1092" y="373"/>
                  <a:pt x="1092" y="372"/>
                  <a:pt x="1093" y="371"/>
                </a:cubicBezTo>
                <a:cubicBezTo>
                  <a:pt x="1093" y="370"/>
                  <a:pt x="1094" y="369"/>
                  <a:pt x="1095" y="369"/>
                </a:cubicBezTo>
                <a:cubicBezTo>
                  <a:pt x="1096" y="369"/>
                  <a:pt x="1096" y="369"/>
                  <a:pt x="1098" y="369"/>
                </a:cubicBezTo>
                <a:cubicBezTo>
                  <a:pt x="1098" y="370"/>
                  <a:pt x="1098" y="369"/>
                  <a:pt x="1099" y="370"/>
                </a:cubicBezTo>
                <a:cubicBezTo>
                  <a:pt x="1099" y="370"/>
                  <a:pt x="1100" y="371"/>
                  <a:pt x="1100" y="371"/>
                </a:cubicBezTo>
                <a:cubicBezTo>
                  <a:pt x="1101" y="371"/>
                  <a:pt x="1101" y="370"/>
                  <a:pt x="1100" y="369"/>
                </a:cubicBezTo>
                <a:cubicBezTo>
                  <a:pt x="1100" y="368"/>
                  <a:pt x="1099" y="367"/>
                  <a:pt x="1099" y="366"/>
                </a:cubicBezTo>
                <a:cubicBezTo>
                  <a:pt x="1100" y="365"/>
                  <a:pt x="1101" y="368"/>
                  <a:pt x="1101" y="368"/>
                </a:cubicBezTo>
                <a:cubicBezTo>
                  <a:pt x="1102" y="369"/>
                  <a:pt x="1103" y="368"/>
                  <a:pt x="1104" y="369"/>
                </a:cubicBezTo>
                <a:cubicBezTo>
                  <a:pt x="1105" y="369"/>
                  <a:pt x="1106" y="370"/>
                  <a:pt x="1107" y="370"/>
                </a:cubicBezTo>
                <a:cubicBezTo>
                  <a:pt x="1109" y="369"/>
                  <a:pt x="1110" y="367"/>
                  <a:pt x="1111" y="365"/>
                </a:cubicBezTo>
                <a:cubicBezTo>
                  <a:pt x="1112" y="365"/>
                  <a:pt x="1113" y="364"/>
                  <a:pt x="1114" y="364"/>
                </a:cubicBezTo>
                <a:cubicBezTo>
                  <a:pt x="1116" y="363"/>
                  <a:pt x="1116" y="362"/>
                  <a:pt x="1117" y="361"/>
                </a:cubicBezTo>
                <a:cubicBezTo>
                  <a:pt x="1119" y="360"/>
                  <a:pt x="1121" y="360"/>
                  <a:pt x="1123" y="359"/>
                </a:cubicBezTo>
                <a:cubicBezTo>
                  <a:pt x="1123" y="358"/>
                  <a:pt x="1124" y="358"/>
                  <a:pt x="1124" y="358"/>
                </a:cubicBezTo>
                <a:cubicBezTo>
                  <a:pt x="1125" y="357"/>
                  <a:pt x="1126" y="358"/>
                  <a:pt x="1127" y="358"/>
                </a:cubicBezTo>
                <a:cubicBezTo>
                  <a:pt x="1128" y="358"/>
                  <a:pt x="1130" y="357"/>
                  <a:pt x="1131" y="356"/>
                </a:cubicBezTo>
                <a:cubicBezTo>
                  <a:pt x="1134" y="354"/>
                  <a:pt x="1137" y="351"/>
                  <a:pt x="1140" y="348"/>
                </a:cubicBezTo>
                <a:cubicBezTo>
                  <a:pt x="1142" y="346"/>
                  <a:pt x="1142" y="344"/>
                  <a:pt x="1143" y="342"/>
                </a:cubicBezTo>
                <a:cubicBezTo>
                  <a:pt x="1146" y="337"/>
                  <a:pt x="1149" y="333"/>
                  <a:pt x="1153" y="330"/>
                </a:cubicBezTo>
                <a:cubicBezTo>
                  <a:pt x="1155" y="329"/>
                  <a:pt x="1157" y="327"/>
                  <a:pt x="1158" y="326"/>
                </a:cubicBezTo>
                <a:cubicBezTo>
                  <a:pt x="1159" y="325"/>
                  <a:pt x="1160" y="325"/>
                  <a:pt x="1161" y="324"/>
                </a:cubicBezTo>
                <a:cubicBezTo>
                  <a:pt x="1161" y="324"/>
                  <a:pt x="1163" y="324"/>
                  <a:pt x="1163" y="323"/>
                </a:cubicBezTo>
                <a:cubicBezTo>
                  <a:pt x="1163" y="321"/>
                  <a:pt x="1158" y="323"/>
                  <a:pt x="1159" y="320"/>
                </a:cubicBezTo>
                <a:cubicBezTo>
                  <a:pt x="1159" y="319"/>
                  <a:pt x="1161" y="320"/>
                  <a:pt x="1161" y="318"/>
                </a:cubicBezTo>
                <a:cubicBezTo>
                  <a:pt x="1161" y="317"/>
                  <a:pt x="1160" y="317"/>
                  <a:pt x="1159" y="316"/>
                </a:cubicBezTo>
                <a:cubicBezTo>
                  <a:pt x="1157" y="315"/>
                  <a:pt x="1152" y="316"/>
                  <a:pt x="1153" y="313"/>
                </a:cubicBezTo>
                <a:cubicBezTo>
                  <a:pt x="1153" y="312"/>
                  <a:pt x="1153" y="312"/>
                  <a:pt x="1153" y="311"/>
                </a:cubicBezTo>
                <a:cubicBezTo>
                  <a:pt x="1153" y="310"/>
                  <a:pt x="1153" y="310"/>
                  <a:pt x="1152" y="309"/>
                </a:cubicBezTo>
                <a:cubicBezTo>
                  <a:pt x="1152" y="309"/>
                  <a:pt x="1152" y="308"/>
                  <a:pt x="1152" y="307"/>
                </a:cubicBezTo>
                <a:cubicBezTo>
                  <a:pt x="1151" y="305"/>
                  <a:pt x="1146" y="308"/>
                  <a:pt x="1146" y="304"/>
                </a:cubicBezTo>
                <a:cubicBezTo>
                  <a:pt x="1146" y="302"/>
                  <a:pt x="1149" y="302"/>
                  <a:pt x="1151" y="301"/>
                </a:cubicBezTo>
                <a:cubicBezTo>
                  <a:pt x="1152" y="299"/>
                  <a:pt x="1152" y="297"/>
                  <a:pt x="1155" y="296"/>
                </a:cubicBezTo>
                <a:cubicBezTo>
                  <a:pt x="1157" y="295"/>
                  <a:pt x="1159" y="295"/>
                  <a:pt x="1160" y="293"/>
                </a:cubicBezTo>
                <a:cubicBezTo>
                  <a:pt x="1162" y="292"/>
                  <a:pt x="1163" y="290"/>
                  <a:pt x="1163" y="288"/>
                </a:cubicBezTo>
                <a:cubicBezTo>
                  <a:pt x="1162" y="286"/>
                  <a:pt x="1161" y="284"/>
                  <a:pt x="1163" y="283"/>
                </a:cubicBezTo>
                <a:cubicBezTo>
                  <a:pt x="1164" y="282"/>
                  <a:pt x="1168" y="281"/>
                  <a:pt x="1165" y="280"/>
                </a:cubicBezTo>
                <a:cubicBezTo>
                  <a:pt x="1164" y="279"/>
                  <a:pt x="1163" y="279"/>
                  <a:pt x="1163" y="279"/>
                </a:cubicBezTo>
                <a:cubicBezTo>
                  <a:pt x="1162" y="278"/>
                  <a:pt x="1160" y="279"/>
                  <a:pt x="1159" y="278"/>
                </a:cubicBezTo>
                <a:cubicBezTo>
                  <a:pt x="1158" y="276"/>
                  <a:pt x="1163" y="276"/>
                  <a:pt x="1164" y="275"/>
                </a:cubicBezTo>
                <a:cubicBezTo>
                  <a:pt x="1166" y="274"/>
                  <a:pt x="1167" y="272"/>
                  <a:pt x="1168" y="271"/>
                </a:cubicBezTo>
                <a:cubicBezTo>
                  <a:pt x="1171" y="271"/>
                  <a:pt x="1172" y="270"/>
                  <a:pt x="1174" y="268"/>
                </a:cubicBezTo>
                <a:cubicBezTo>
                  <a:pt x="1175" y="267"/>
                  <a:pt x="1175" y="266"/>
                  <a:pt x="1176" y="266"/>
                </a:cubicBezTo>
                <a:cubicBezTo>
                  <a:pt x="1178" y="266"/>
                  <a:pt x="1178" y="267"/>
                  <a:pt x="1179" y="267"/>
                </a:cubicBezTo>
                <a:cubicBezTo>
                  <a:pt x="1181" y="268"/>
                  <a:pt x="1183" y="269"/>
                  <a:pt x="1185" y="269"/>
                </a:cubicBezTo>
                <a:cubicBezTo>
                  <a:pt x="1186" y="268"/>
                  <a:pt x="1188" y="265"/>
                  <a:pt x="1186" y="264"/>
                </a:cubicBezTo>
                <a:cubicBezTo>
                  <a:pt x="1185" y="263"/>
                  <a:pt x="1182" y="262"/>
                  <a:pt x="1183" y="261"/>
                </a:cubicBezTo>
                <a:cubicBezTo>
                  <a:pt x="1184" y="260"/>
                  <a:pt x="1185" y="260"/>
                  <a:pt x="1185" y="259"/>
                </a:cubicBezTo>
                <a:cubicBezTo>
                  <a:pt x="1185" y="258"/>
                  <a:pt x="1183" y="257"/>
                  <a:pt x="1185" y="256"/>
                </a:cubicBezTo>
                <a:cubicBezTo>
                  <a:pt x="1186" y="254"/>
                  <a:pt x="1188" y="256"/>
                  <a:pt x="1189" y="257"/>
                </a:cubicBezTo>
                <a:cubicBezTo>
                  <a:pt x="1190" y="257"/>
                  <a:pt x="1191" y="258"/>
                  <a:pt x="1192" y="258"/>
                </a:cubicBezTo>
                <a:cubicBezTo>
                  <a:pt x="1193" y="258"/>
                  <a:pt x="1194" y="258"/>
                  <a:pt x="1195" y="257"/>
                </a:cubicBezTo>
                <a:cubicBezTo>
                  <a:pt x="1195" y="256"/>
                  <a:pt x="1195" y="255"/>
                  <a:pt x="1196" y="255"/>
                </a:cubicBezTo>
                <a:cubicBezTo>
                  <a:pt x="1197" y="254"/>
                  <a:pt x="1198" y="255"/>
                  <a:pt x="1199" y="256"/>
                </a:cubicBezTo>
                <a:cubicBezTo>
                  <a:pt x="1200" y="257"/>
                  <a:pt x="1202" y="257"/>
                  <a:pt x="1203" y="258"/>
                </a:cubicBezTo>
                <a:cubicBezTo>
                  <a:pt x="1204" y="259"/>
                  <a:pt x="1204" y="260"/>
                  <a:pt x="1205" y="261"/>
                </a:cubicBezTo>
                <a:cubicBezTo>
                  <a:pt x="1206" y="261"/>
                  <a:pt x="1207" y="261"/>
                  <a:pt x="1207" y="260"/>
                </a:cubicBezTo>
                <a:cubicBezTo>
                  <a:pt x="1208" y="260"/>
                  <a:pt x="1208" y="260"/>
                  <a:pt x="1208" y="259"/>
                </a:cubicBezTo>
                <a:cubicBezTo>
                  <a:pt x="1208" y="259"/>
                  <a:pt x="1209" y="259"/>
                  <a:pt x="1209" y="258"/>
                </a:cubicBezTo>
                <a:cubicBezTo>
                  <a:pt x="1210" y="257"/>
                  <a:pt x="1209" y="256"/>
                  <a:pt x="1211" y="255"/>
                </a:cubicBezTo>
                <a:cubicBezTo>
                  <a:pt x="1212" y="255"/>
                  <a:pt x="1213" y="255"/>
                  <a:pt x="1214" y="255"/>
                </a:cubicBezTo>
                <a:cubicBezTo>
                  <a:pt x="1216" y="256"/>
                  <a:pt x="1218" y="256"/>
                  <a:pt x="1220" y="256"/>
                </a:cubicBezTo>
                <a:cubicBezTo>
                  <a:pt x="1222" y="256"/>
                  <a:pt x="1225" y="256"/>
                  <a:pt x="1227" y="255"/>
                </a:cubicBezTo>
                <a:cubicBezTo>
                  <a:pt x="1229" y="255"/>
                  <a:pt x="1231" y="256"/>
                  <a:pt x="1233" y="256"/>
                </a:cubicBezTo>
                <a:cubicBezTo>
                  <a:pt x="1235" y="257"/>
                  <a:pt x="1237" y="256"/>
                  <a:pt x="1239" y="257"/>
                </a:cubicBezTo>
                <a:cubicBezTo>
                  <a:pt x="1241" y="257"/>
                  <a:pt x="1243" y="258"/>
                  <a:pt x="1245" y="259"/>
                </a:cubicBezTo>
                <a:cubicBezTo>
                  <a:pt x="1247" y="259"/>
                  <a:pt x="1248" y="261"/>
                  <a:pt x="1250" y="262"/>
                </a:cubicBezTo>
                <a:cubicBezTo>
                  <a:pt x="1252" y="264"/>
                  <a:pt x="1254" y="264"/>
                  <a:pt x="1256" y="264"/>
                </a:cubicBezTo>
                <a:cubicBezTo>
                  <a:pt x="1259" y="265"/>
                  <a:pt x="1261" y="266"/>
                  <a:pt x="1263" y="267"/>
                </a:cubicBezTo>
                <a:cubicBezTo>
                  <a:pt x="1265" y="268"/>
                  <a:pt x="1268" y="268"/>
                  <a:pt x="1269" y="270"/>
                </a:cubicBezTo>
                <a:cubicBezTo>
                  <a:pt x="1271" y="271"/>
                  <a:pt x="1271" y="272"/>
                  <a:pt x="1271" y="274"/>
                </a:cubicBezTo>
                <a:cubicBezTo>
                  <a:pt x="1272" y="276"/>
                  <a:pt x="1272" y="277"/>
                  <a:pt x="1272" y="279"/>
                </a:cubicBezTo>
                <a:cubicBezTo>
                  <a:pt x="1272" y="280"/>
                  <a:pt x="1272" y="283"/>
                  <a:pt x="1271" y="284"/>
                </a:cubicBezTo>
                <a:cubicBezTo>
                  <a:pt x="1270" y="287"/>
                  <a:pt x="1269" y="289"/>
                  <a:pt x="1271" y="291"/>
                </a:cubicBezTo>
                <a:cubicBezTo>
                  <a:pt x="1272" y="292"/>
                  <a:pt x="1274" y="293"/>
                  <a:pt x="1275" y="295"/>
                </a:cubicBezTo>
                <a:cubicBezTo>
                  <a:pt x="1276" y="296"/>
                  <a:pt x="1276" y="297"/>
                  <a:pt x="1276" y="298"/>
                </a:cubicBezTo>
                <a:cubicBezTo>
                  <a:pt x="1275" y="298"/>
                  <a:pt x="1274" y="297"/>
                  <a:pt x="1274" y="297"/>
                </a:cubicBezTo>
                <a:cubicBezTo>
                  <a:pt x="1272" y="296"/>
                  <a:pt x="1269" y="296"/>
                  <a:pt x="1270" y="298"/>
                </a:cubicBezTo>
                <a:cubicBezTo>
                  <a:pt x="1271" y="298"/>
                  <a:pt x="1272" y="298"/>
                  <a:pt x="1272" y="299"/>
                </a:cubicBezTo>
                <a:cubicBezTo>
                  <a:pt x="1273" y="299"/>
                  <a:pt x="1273" y="301"/>
                  <a:pt x="1273" y="302"/>
                </a:cubicBezTo>
                <a:cubicBezTo>
                  <a:pt x="1273" y="303"/>
                  <a:pt x="1273" y="303"/>
                  <a:pt x="1272" y="304"/>
                </a:cubicBezTo>
                <a:cubicBezTo>
                  <a:pt x="1271" y="305"/>
                  <a:pt x="1271" y="304"/>
                  <a:pt x="1270" y="303"/>
                </a:cubicBezTo>
                <a:cubicBezTo>
                  <a:pt x="1269" y="302"/>
                  <a:pt x="1267" y="302"/>
                  <a:pt x="1266" y="301"/>
                </a:cubicBezTo>
                <a:cubicBezTo>
                  <a:pt x="1265" y="300"/>
                  <a:pt x="1265" y="300"/>
                  <a:pt x="1264" y="300"/>
                </a:cubicBezTo>
                <a:cubicBezTo>
                  <a:pt x="1261" y="300"/>
                  <a:pt x="1257" y="302"/>
                  <a:pt x="1255" y="303"/>
                </a:cubicBezTo>
                <a:cubicBezTo>
                  <a:pt x="1252" y="305"/>
                  <a:pt x="1251" y="306"/>
                  <a:pt x="1249" y="308"/>
                </a:cubicBezTo>
                <a:cubicBezTo>
                  <a:pt x="1247" y="310"/>
                  <a:pt x="1246" y="313"/>
                  <a:pt x="1244" y="315"/>
                </a:cubicBezTo>
                <a:cubicBezTo>
                  <a:pt x="1243" y="318"/>
                  <a:pt x="1242" y="320"/>
                  <a:pt x="1240" y="322"/>
                </a:cubicBezTo>
                <a:cubicBezTo>
                  <a:pt x="1238" y="324"/>
                  <a:pt x="1236" y="325"/>
                  <a:pt x="1234" y="327"/>
                </a:cubicBezTo>
                <a:cubicBezTo>
                  <a:pt x="1232" y="329"/>
                  <a:pt x="1229" y="330"/>
                  <a:pt x="1227" y="333"/>
                </a:cubicBezTo>
                <a:cubicBezTo>
                  <a:pt x="1226" y="335"/>
                  <a:pt x="1224" y="337"/>
                  <a:pt x="1223" y="339"/>
                </a:cubicBezTo>
                <a:cubicBezTo>
                  <a:pt x="1222" y="340"/>
                  <a:pt x="1222" y="342"/>
                  <a:pt x="1220" y="342"/>
                </a:cubicBezTo>
                <a:cubicBezTo>
                  <a:pt x="1219" y="342"/>
                  <a:pt x="1219" y="341"/>
                  <a:pt x="1218" y="341"/>
                </a:cubicBezTo>
                <a:cubicBezTo>
                  <a:pt x="1214" y="340"/>
                  <a:pt x="1215" y="343"/>
                  <a:pt x="1215" y="345"/>
                </a:cubicBezTo>
                <a:cubicBezTo>
                  <a:pt x="1215" y="348"/>
                  <a:pt x="1212" y="347"/>
                  <a:pt x="1211" y="348"/>
                </a:cubicBezTo>
                <a:cubicBezTo>
                  <a:pt x="1209" y="349"/>
                  <a:pt x="1207" y="351"/>
                  <a:pt x="1206" y="353"/>
                </a:cubicBezTo>
                <a:cubicBezTo>
                  <a:pt x="1204" y="354"/>
                  <a:pt x="1203" y="357"/>
                  <a:pt x="1201" y="358"/>
                </a:cubicBezTo>
                <a:cubicBezTo>
                  <a:pt x="1199" y="359"/>
                  <a:pt x="1197" y="359"/>
                  <a:pt x="1195" y="360"/>
                </a:cubicBezTo>
                <a:cubicBezTo>
                  <a:pt x="1193" y="361"/>
                  <a:pt x="1190" y="361"/>
                  <a:pt x="1188" y="362"/>
                </a:cubicBezTo>
                <a:cubicBezTo>
                  <a:pt x="1186" y="363"/>
                  <a:pt x="1184" y="364"/>
                  <a:pt x="1183" y="366"/>
                </a:cubicBezTo>
                <a:cubicBezTo>
                  <a:pt x="1181" y="368"/>
                  <a:pt x="1182" y="369"/>
                  <a:pt x="1183" y="371"/>
                </a:cubicBezTo>
                <a:cubicBezTo>
                  <a:pt x="1184" y="372"/>
                  <a:pt x="1184" y="376"/>
                  <a:pt x="1183" y="377"/>
                </a:cubicBezTo>
                <a:cubicBezTo>
                  <a:pt x="1182" y="378"/>
                  <a:pt x="1179" y="379"/>
                  <a:pt x="1178" y="380"/>
                </a:cubicBezTo>
                <a:cubicBezTo>
                  <a:pt x="1177" y="380"/>
                  <a:pt x="1175" y="384"/>
                  <a:pt x="1174" y="381"/>
                </a:cubicBezTo>
                <a:cubicBezTo>
                  <a:pt x="1173" y="380"/>
                  <a:pt x="1174" y="379"/>
                  <a:pt x="1173" y="378"/>
                </a:cubicBezTo>
                <a:cubicBezTo>
                  <a:pt x="1172" y="378"/>
                  <a:pt x="1171" y="378"/>
                  <a:pt x="1170" y="378"/>
                </a:cubicBezTo>
                <a:cubicBezTo>
                  <a:pt x="1167" y="378"/>
                  <a:pt x="1165" y="379"/>
                  <a:pt x="1163" y="381"/>
                </a:cubicBezTo>
                <a:cubicBezTo>
                  <a:pt x="1162" y="382"/>
                  <a:pt x="1160" y="382"/>
                  <a:pt x="1161" y="384"/>
                </a:cubicBezTo>
                <a:cubicBezTo>
                  <a:pt x="1162" y="384"/>
                  <a:pt x="1163" y="384"/>
                  <a:pt x="1163" y="385"/>
                </a:cubicBezTo>
                <a:cubicBezTo>
                  <a:pt x="1164" y="386"/>
                  <a:pt x="1164" y="388"/>
                  <a:pt x="1164" y="388"/>
                </a:cubicBezTo>
                <a:cubicBezTo>
                  <a:pt x="1163" y="389"/>
                  <a:pt x="1162" y="389"/>
                  <a:pt x="1161" y="389"/>
                </a:cubicBezTo>
                <a:cubicBezTo>
                  <a:pt x="1159" y="390"/>
                  <a:pt x="1157" y="391"/>
                  <a:pt x="1156" y="392"/>
                </a:cubicBezTo>
                <a:cubicBezTo>
                  <a:pt x="1152" y="395"/>
                  <a:pt x="1151" y="400"/>
                  <a:pt x="1149" y="403"/>
                </a:cubicBezTo>
                <a:cubicBezTo>
                  <a:pt x="1148" y="405"/>
                  <a:pt x="1148" y="408"/>
                  <a:pt x="1148" y="410"/>
                </a:cubicBezTo>
                <a:cubicBezTo>
                  <a:pt x="1148" y="411"/>
                  <a:pt x="1148" y="412"/>
                  <a:pt x="1149" y="413"/>
                </a:cubicBezTo>
                <a:cubicBezTo>
                  <a:pt x="1149" y="414"/>
                  <a:pt x="1149" y="415"/>
                  <a:pt x="1150" y="417"/>
                </a:cubicBezTo>
                <a:cubicBezTo>
                  <a:pt x="1150" y="419"/>
                  <a:pt x="1151" y="420"/>
                  <a:pt x="1153" y="421"/>
                </a:cubicBezTo>
                <a:cubicBezTo>
                  <a:pt x="1155" y="423"/>
                  <a:pt x="1156" y="424"/>
                  <a:pt x="1157" y="426"/>
                </a:cubicBezTo>
                <a:cubicBezTo>
                  <a:pt x="1157" y="427"/>
                  <a:pt x="1157" y="428"/>
                  <a:pt x="1157" y="429"/>
                </a:cubicBezTo>
                <a:cubicBezTo>
                  <a:pt x="1157" y="431"/>
                  <a:pt x="1155" y="433"/>
                  <a:pt x="1154" y="435"/>
                </a:cubicBezTo>
                <a:cubicBezTo>
                  <a:pt x="1154" y="438"/>
                  <a:pt x="1154" y="440"/>
                  <a:pt x="1155" y="442"/>
                </a:cubicBezTo>
                <a:cubicBezTo>
                  <a:pt x="1157" y="444"/>
                  <a:pt x="1158" y="446"/>
                  <a:pt x="1159" y="448"/>
                </a:cubicBezTo>
                <a:cubicBezTo>
                  <a:pt x="1160" y="450"/>
                  <a:pt x="1162" y="450"/>
                  <a:pt x="1163" y="452"/>
                </a:cubicBezTo>
                <a:cubicBezTo>
                  <a:pt x="1163" y="453"/>
                  <a:pt x="1164" y="454"/>
                  <a:pt x="1164" y="455"/>
                </a:cubicBezTo>
                <a:cubicBezTo>
                  <a:pt x="1164" y="456"/>
                  <a:pt x="1163" y="456"/>
                  <a:pt x="1162" y="456"/>
                </a:cubicBezTo>
                <a:cubicBezTo>
                  <a:pt x="1161" y="456"/>
                  <a:pt x="1160" y="456"/>
                  <a:pt x="1159" y="456"/>
                </a:cubicBezTo>
                <a:cubicBezTo>
                  <a:pt x="1157" y="456"/>
                  <a:pt x="1157" y="457"/>
                  <a:pt x="1158" y="458"/>
                </a:cubicBezTo>
                <a:cubicBezTo>
                  <a:pt x="1159" y="460"/>
                  <a:pt x="1158" y="462"/>
                  <a:pt x="1158" y="465"/>
                </a:cubicBezTo>
                <a:cubicBezTo>
                  <a:pt x="1159" y="466"/>
                  <a:pt x="1160" y="466"/>
                  <a:pt x="1160" y="468"/>
                </a:cubicBezTo>
                <a:cubicBezTo>
                  <a:pt x="1160" y="469"/>
                  <a:pt x="1161" y="469"/>
                  <a:pt x="1160" y="470"/>
                </a:cubicBezTo>
                <a:cubicBezTo>
                  <a:pt x="1160" y="472"/>
                  <a:pt x="1159" y="474"/>
                  <a:pt x="1157" y="475"/>
                </a:cubicBezTo>
                <a:cubicBezTo>
                  <a:pt x="1156" y="476"/>
                  <a:pt x="1154" y="478"/>
                  <a:pt x="1154" y="480"/>
                </a:cubicBezTo>
                <a:cubicBezTo>
                  <a:pt x="1154" y="482"/>
                  <a:pt x="1156" y="484"/>
                  <a:pt x="1156" y="486"/>
                </a:cubicBezTo>
                <a:cubicBezTo>
                  <a:pt x="1157" y="488"/>
                  <a:pt x="1157" y="490"/>
                  <a:pt x="1157" y="493"/>
                </a:cubicBezTo>
                <a:cubicBezTo>
                  <a:pt x="1157" y="495"/>
                  <a:pt x="1157" y="498"/>
                  <a:pt x="1157" y="500"/>
                </a:cubicBezTo>
                <a:cubicBezTo>
                  <a:pt x="1158" y="501"/>
                  <a:pt x="1158" y="501"/>
                  <a:pt x="1159" y="502"/>
                </a:cubicBezTo>
                <a:cubicBezTo>
                  <a:pt x="1160" y="503"/>
                  <a:pt x="1160" y="503"/>
                  <a:pt x="1161" y="504"/>
                </a:cubicBezTo>
                <a:cubicBezTo>
                  <a:pt x="1162" y="507"/>
                  <a:pt x="1165" y="505"/>
                  <a:pt x="1165" y="503"/>
                </a:cubicBezTo>
                <a:cubicBezTo>
                  <a:pt x="1165" y="500"/>
                  <a:pt x="1166" y="499"/>
                  <a:pt x="1168" y="501"/>
                </a:cubicBezTo>
                <a:cubicBezTo>
                  <a:pt x="1170" y="502"/>
                  <a:pt x="1172" y="503"/>
                  <a:pt x="1173" y="505"/>
                </a:cubicBezTo>
                <a:cubicBezTo>
                  <a:pt x="1175" y="506"/>
                  <a:pt x="1177" y="507"/>
                  <a:pt x="1179" y="507"/>
                </a:cubicBezTo>
                <a:cubicBezTo>
                  <a:pt x="1181" y="508"/>
                  <a:pt x="1182" y="509"/>
                  <a:pt x="1184" y="509"/>
                </a:cubicBezTo>
                <a:cubicBezTo>
                  <a:pt x="1185" y="510"/>
                  <a:pt x="1187" y="509"/>
                  <a:pt x="1188" y="510"/>
                </a:cubicBezTo>
                <a:cubicBezTo>
                  <a:pt x="1189" y="510"/>
                  <a:pt x="1189" y="511"/>
                  <a:pt x="1190" y="511"/>
                </a:cubicBezTo>
                <a:cubicBezTo>
                  <a:pt x="1191" y="512"/>
                  <a:pt x="1191" y="512"/>
                  <a:pt x="1191" y="513"/>
                </a:cubicBezTo>
                <a:cubicBezTo>
                  <a:pt x="1192" y="514"/>
                  <a:pt x="1191" y="515"/>
                  <a:pt x="1191" y="516"/>
                </a:cubicBezTo>
                <a:cubicBezTo>
                  <a:pt x="1190" y="517"/>
                  <a:pt x="1187" y="518"/>
                  <a:pt x="1187" y="519"/>
                </a:cubicBezTo>
                <a:cubicBezTo>
                  <a:pt x="1187" y="520"/>
                  <a:pt x="1187" y="521"/>
                  <a:pt x="1187" y="522"/>
                </a:cubicBezTo>
                <a:cubicBezTo>
                  <a:pt x="1187" y="523"/>
                  <a:pt x="1186" y="524"/>
                  <a:pt x="1186" y="524"/>
                </a:cubicBezTo>
                <a:cubicBezTo>
                  <a:pt x="1184" y="528"/>
                  <a:pt x="1189" y="527"/>
                  <a:pt x="1191" y="527"/>
                </a:cubicBezTo>
                <a:cubicBezTo>
                  <a:pt x="1193" y="527"/>
                  <a:pt x="1195" y="528"/>
                  <a:pt x="1197" y="526"/>
                </a:cubicBezTo>
                <a:cubicBezTo>
                  <a:pt x="1198" y="525"/>
                  <a:pt x="1198" y="523"/>
                  <a:pt x="1199" y="522"/>
                </a:cubicBezTo>
                <a:cubicBezTo>
                  <a:pt x="1200" y="521"/>
                  <a:pt x="1201" y="521"/>
                  <a:pt x="1202" y="521"/>
                </a:cubicBezTo>
                <a:cubicBezTo>
                  <a:pt x="1203" y="522"/>
                  <a:pt x="1202" y="523"/>
                  <a:pt x="1204" y="523"/>
                </a:cubicBezTo>
                <a:cubicBezTo>
                  <a:pt x="1206" y="524"/>
                  <a:pt x="1208" y="523"/>
                  <a:pt x="1209" y="525"/>
                </a:cubicBezTo>
                <a:cubicBezTo>
                  <a:pt x="1210" y="528"/>
                  <a:pt x="1208" y="529"/>
                  <a:pt x="1208" y="531"/>
                </a:cubicBezTo>
                <a:cubicBezTo>
                  <a:pt x="1209" y="534"/>
                  <a:pt x="1212" y="531"/>
                  <a:pt x="1213" y="531"/>
                </a:cubicBezTo>
                <a:cubicBezTo>
                  <a:pt x="1214" y="530"/>
                  <a:pt x="1214" y="529"/>
                  <a:pt x="1215" y="529"/>
                </a:cubicBezTo>
                <a:cubicBezTo>
                  <a:pt x="1216" y="528"/>
                  <a:pt x="1218" y="528"/>
                  <a:pt x="1219" y="528"/>
                </a:cubicBezTo>
                <a:cubicBezTo>
                  <a:pt x="1222" y="528"/>
                  <a:pt x="1225" y="529"/>
                  <a:pt x="1228" y="528"/>
                </a:cubicBezTo>
                <a:cubicBezTo>
                  <a:pt x="1230" y="528"/>
                  <a:pt x="1232" y="527"/>
                  <a:pt x="1234" y="527"/>
                </a:cubicBezTo>
                <a:cubicBezTo>
                  <a:pt x="1236" y="526"/>
                  <a:pt x="1239" y="527"/>
                  <a:pt x="1240" y="525"/>
                </a:cubicBezTo>
                <a:cubicBezTo>
                  <a:pt x="1241" y="525"/>
                  <a:pt x="1242" y="524"/>
                  <a:pt x="1243" y="524"/>
                </a:cubicBezTo>
                <a:cubicBezTo>
                  <a:pt x="1243" y="525"/>
                  <a:pt x="1244" y="525"/>
                  <a:pt x="1244" y="525"/>
                </a:cubicBezTo>
                <a:cubicBezTo>
                  <a:pt x="1244" y="526"/>
                  <a:pt x="1245" y="526"/>
                  <a:pt x="1245" y="526"/>
                </a:cubicBezTo>
                <a:cubicBezTo>
                  <a:pt x="1246" y="526"/>
                  <a:pt x="1246" y="528"/>
                  <a:pt x="1247" y="528"/>
                </a:cubicBezTo>
                <a:cubicBezTo>
                  <a:pt x="1249" y="529"/>
                  <a:pt x="1248" y="527"/>
                  <a:pt x="1249" y="526"/>
                </a:cubicBezTo>
                <a:cubicBezTo>
                  <a:pt x="1249" y="525"/>
                  <a:pt x="1250" y="525"/>
                  <a:pt x="1250" y="524"/>
                </a:cubicBezTo>
                <a:cubicBezTo>
                  <a:pt x="1250" y="523"/>
                  <a:pt x="1250" y="522"/>
                  <a:pt x="1250" y="521"/>
                </a:cubicBezTo>
                <a:cubicBezTo>
                  <a:pt x="1251" y="519"/>
                  <a:pt x="1253" y="519"/>
                  <a:pt x="1255" y="519"/>
                </a:cubicBezTo>
                <a:cubicBezTo>
                  <a:pt x="1258" y="519"/>
                  <a:pt x="1260" y="518"/>
                  <a:pt x="1262" y="518"/>
                </a:cubicBezTo>
                <a:cubicBezTo>
                  <a:pt x="1264" y="518"/>
                  <a:pt x="1266" y="519"/>
                  <a:pt x="1269" y="518"/>
                </a:cubicBezTo>
                <a:cubicBezTo>
                  <a:pt x="1271" y="517"/>
                  <a:pt x="1273" y="517"/>
                  <a:pt x="1275" y="517"/>
                </a:cubicBezTo>
                <a:cubicBezTo>
                  <a:pt x="1278" y="517"/>
                  <a:pt x="1280" y="516"/>
                  <a:pt x="1280" y="513"/>
                </a:cubicBezTo>
                <a:cubicBezTo>
                  <a:pt x="1281" y="511"/>
                  <a:pt x="1283" y="511"/>
                  <a:pt x="1285" y="513"/>
                </a:cubicBezTo>
                <a:cubicBezTo>
                  <a:pt x="1285" y="514"/>
                  <a:pt x="1286" y="514"/>
                  <a:pt x="1287" y="514"/>
                </a:cubicBezTo>
                <a:cubicBezTo>
                  <a:pt x="1288" y="514"/>
                  <a:pt x="1288" y="514"/>
                  <a:pt x="1289" y="515"/>
                </a:cubicBezTo>
                <a:cubicBezTo>
                  <a:pt x="1289" y="515"/>
                  <a:pt x="1289" y="516"/>
                  <a:pt x="1290" y="516"/>
                </a:cubicBezTo>
                <a:cubicBezTo>
                  <a:pt x="1292" y="517"/>
                  <a:pt x="1290" y="510"/>
                  <a:pt x="1292" y="511"/>
                </a:cubicBezTo>
                <a:cubicBezTo>
                  <a:pt x="1293" y="513"/>
                  <a:pt x="1297" y="513"/>
                  <a:pt x="1295" y="511"/>
                </a:cubicBezTo>
                <a:cubicBezTo>
                  <a:pt x="1295" y="510"/>
                  <a:pt x="1294" y="509"/>
                  <a:pt x="1294" y="508"/>
                </a:cubicBezTo>
                <a:cubicBezTo>
                  <a:pt x="1293" y="506"/>
                  <a:pt x="1295" y="507"/>
                  <a:pt x="1296" y="508"/>
                </a:cubicBezTo>
                <a:cubicBezTo>
                  <a:pt x="1297" y="509"/>
                  <a:pt x="1297" y="509"/>
                  <a:pt x="1298" y="509"/>
                </a:cubicBezTo>
                <a:cubicBezTo>
                  <a:pt x="1300" y="509"/>
                  <a:pt x="1301" y="508"/>
                  <a:pt x="1302" y="508"/>
                </a:cubicBezTo>
                <a:cubicBezTo>
                  <a:pt x="1304" y="508"/>
                  <a:pt x="1305" y="507"/>
                  <a:pt x="1308" y="505"/>
                </a:cubicBezTo>
                <a:cubicBezTo>
                  <a:pt x="1310" y="504"/>
                  <a:pt x="1312" y="504"/>
                  <a:pt x="1315" y="504"/>
                </a:cubicBezTo>
                <a:cubicBezTo>
                  <a:pt x="1318" y="504"/>
                  <a:pt x="1321" y="504"/>
                  <a:pt x="1325" y="504"/>
                </a:cubicBezTo>
                <a:cubicBezTo>
                  <a:pt x="1329" y="505"/>
                  <a:pt x="1334" y="505"/>
                  <a:pt x="1338" y="505"/>
                </a:cubicBezTo>
                <a:cubicBezTo>
                  <a:pt x="1339" y="505"/>
                  <a:pt x="1341" y="505"/>
                  <a:pt x="1342" y="505"/>
                </a:cubicBezTo>
                <a:cubicBezTo>
                  <a:pt x="1344" y="504"/>
                  <a:pt x="1345" y="503"/>
                  <a:pt x="1346" y="503"/>
                </a:cubicBezTo>
                <a:cubicBezTo>
                  <a:pt x="1349" y="502"/>
                  <a:pt x="1352" y="502"/>
                  <a:pt x="1355" y="501"/>
                </a:cubicBezTo>
                <a:cubicBezTo>
                  <a:pt x="1357" y="501"/>
                  <a:pt x="1359" y="501"/>
                  <a:pt x="1361" y="500"/>
                </a:cubicBezTo>
                <a:cubicBezTo>
                  <a:pt x="1363" y="499"/>
                  <a:pt x="1364" y="498"/>
                  <a:pt x="1366" y="497"/>
                </a:cubicBezTo>
                <a:cubicBezTo>
                  <a:pt x="1367" y="497"/>
                  <a:pt x="1369" y="497"/>
                  <a:pt x="1370" y="496"/>
                </a:cubicBezTo>
                <a:cubicBezTo>
                  <a:pt x="1370" y="496"/>
                  <a:pt x="1371" y="495"/>
                  <a:pt x="1372" y="494"/>
                </a:cubicBezTo>
                <a:cubicBezTo>
                  <a:pt x="1373" y="497"/>
                  <a:pt x="1371" y="498"/>
                  <a:pt x="1369" y="499"/>
                </a:cubicBezTo>
                <a:cubicBezTo>
                  <a:pt x="1368" y="499"/>
                  <a:pt x="1368" y="500"/>
                  <a:pt x="1368" y="500"/>
                </a:cubicBezTo>
                <a:cubicBezTo>
                  <a:pt x="1368" y="501"/>
                  <a:pt x="1369" y="501"/>
                  <a:pt x="1369" y="501"/>
                </a:cubicBezTo>
                <a:cubicBezTo>
                  <a:pt x="1369" y="502"/>
                  <a:pt x="1369" y="502"/>
                  <a:pt x="1369" y="502"/>
                </a:cubicBezTo>
                <a:cubicBezTo>
                  <a:pt x="1370" y="503"/>
                  <a:pt x="1370" y="505"/>
                  <a:pt x="1370" y="505"/>
                </a:cubicBezTo>
                <a:cubicBezTo>
                  <a:pt x="1369" y="506"/>
                  <a:pt x="1369" y="504"/>
                  <a:pt x="1368" y="504"/>
                </a:cubicBezTo>
                <a:cubicBezTo>
                  <a:pt x="1367" y="503"/>
                  <a:pt x="1367" y="503"/>
                  <a:pt x="1366" y="502"/>
                </a:cubicBezTo>
                <a:cubicBezTo>
                  <a:pt x="1365" y="502"/>
                  <a:pt x="1365" y="501"/>
                  <a:pt x="1364" y="501"/>
                </a:cubicBezTo>
                <a:cubicBezTo>
                  <a:pt x="1364" y="502"/>
                  <a:pt x="1365" y="502"/>
                  <a:pt x="1366" y="503"/>
                </a:cubicBezTo>
                <a:cubicBezTo>
                  <a:pt x="1366" y="504"/>
                  <a:pt x="1366" y="505"/>
                  <a:pt x="1367" y="506"/>
                </a:cubicBezTo>
                <a:cubicBezTo>
                  <a:pt x="1367" y="507"/>
                  <a:pt x="1368" y="506"/>
                  <a:pt x="1369" y="507"/>
                </a:cubicBezTo>
                <a:cubicBezTo>
                  <a:pt x="1370" y="508"/>
                  <a:pt x="1370" y="509"/>
                  <a:pt x="1371" y="510"/>
                </a:cubicBezTo>
                <a:cubicBezTo>
                  <a:pt x="1372" y="511"/>
                  <a:pt x="1374" y="511"/>
                  <a:pt x="1376" y="512"/>
                </a:cubicBezTo>
                <a:cubicBezTo>
                  <a:pt x="1378" y="513"/>
                  <a:pt x="1379" y="515"/>
                  <a:pt x="1381" y="515"/>
                </a:cubicBezTo>
                <a:cubicBezTo>
                  <a:pt x="1383" y="516"/>
                  <a:pt x="1385" y="516"/>
                  <a:pt x="1387" y="517"/>
                </a:cubicBezTo>
                <a:cubicBezTo>
                  <a:pt x="1389" y="518"/>
                  <a:pt x="1390" y="519"/>
                  <a:pt x="1393" y="519"/>
                </a:cubicBezTo>
                <a:cubicBezTo>
                  <a:pt x="1395" y="519"/>
                  <a:pt x="1397" y="521"/>
                  <a:pt x="1400" y="522"/>
                </a:cubicBezTo>
                <a:cubicBezTo>
                  <a:pt x="1401" y="522"/>
                  <a:pt x="1402" y="523"/>
                  <a:pt x="1403" y="523"/>
                </a:cubicBezTo>
                <a:cubicBezTo>
                  <a:pt x="1406" y="523"/>
                  <a:pt x="1408" y="524"/>
                  <a:pt x="1410" y="526"/>
                </a:cubicBezTo>
                <a:cubicBezTo>
                  <a:pt x="1411" y="526"/>
                  <a:pt x="1412" y="527"/>
                  <a:pt x="1413" y="527"/>
                </a:cubicBezTo>
                <a:cubicBezTo>
                  <a:pt x="1414" y="528"/>
                  <a:pt x="1414" y="528"/>
                  <a:pt x="1415" y="529"/>
                </a:cubicBezTo>
                <a:cubicBezTo>
                  <a:pt x="1416" y="530"/>
                  <a:pt x="1417" y="533"/>
                  <a:pt x="1414" y="532"/>
                </a:cubicBezTo>
                <a:cubicBezTo>
                  <a:pt x="1413" y="532"/>
                  <a:pt x="1412" y="532"/>
                  <a:pt x="1412" y="531"/>
                </a:cubicBezTo>
                <a:cubicBezTo>
                  <a:pt x="1411" y="531"/>
                  <a:pt x="1410" y="531"/>
                  <a:pt x="1409" y="531"/>
                </a:cubicBezTo>
                <a:cubicBezTo>
                  <a:pt x="1407" y="530"/>
                  <a:pt x="1406" y="529"/>
                  <a:pt x="1404" y="529"/>
                </a:cubicBezTo>
                <a:cubicBezTo>
                  <a:pt x="1403" y="529"/>
                  <a:pt x="1402" y="529"/>
                  <a:pt x="1401" y="529"/>
                </a:cubicBezTo>
                <a:cubicBezTo>
                  <a:pt x="1400" y="529"/>
                  <a:pt x="1400" y="529"/>
                  <a:pt x="1399" y="528"/>
                </a:cubicBezTo>
                <a:cubicBezTo>
                  <a:pt x="1398" y="528"/>
                  <a:pt x="1397" y="528"/>
                  <a:pt x="1396" y="528"/>
                </a:cubicBezTo>
                <a:cubicBezTo>
                  <a:pt x="1395" y="528"/>
                  <a:pt x="1394" y="527"/>
                  <a:pt x="1394" y="527"/>
                </a:cubicBezTo>
                <a:cubicBezTo>
                  <a:pt x="1388" y="525"/>
                  <a:pt x="1382" y="529"/>
                  <a:pt x="1379" y="534"/>
                </a:cubicBezTo>
                <a:cubicBezTo>
                  <a:pt x="1377" y="535"/>
                  <a:pt x="1376" y="536"/>
                  <a:pt x="1374" y="536"/>
                </a:cubicBezTo>
                <a:cubicBezTo>
                  <a:pt x="1372" y="535"/>
                  <a:pt x="1370" y="534"/>
                  <a:pt x="1368" y="534"/>
                </a:cubicBezTo>
                <a:cubicBezTo>
                  <a:pt x="1366" y="533"/>
                  <a:pt x="1365" y="534"/>
                  <a:pt x="1363" y="535"/>
                </a:cubicBezTo>
                <a:cubicBezTo>
                  <a:pt x="1362" y="535"/>
                  <a:pt x="1361" y="536"/>
                  <a:pt x="1359" y="537"/>
                </a:cubicBezTo>
                <a:cubicBezTo>
                  <a:pt x="1358" y="538"/>
                  <a:pt x="1357" y="537"/>
                  <a:pt x="1355" y="536"/>
                </a:cubicBezTo>
                <a:cubicBezTo>
                  <a:pt x="1353" y="536"/>
                  <a:pt x="1353" y="538"/>
                  <a:pt x="1353" y="539"/>
                </a:cubicBezTo>
                <a:cubicBezTo>
                  <a:pt x="1352" y="541"/>
                  <a:pt x="1352" y="543"/>
                  <a:pt x="1352" y="545"/>
                </a:cubicBezTo>
                <a:cubicBezTo>
                  <a:pt x="1352" y="546"/>
                  <a:pt x="1352" y="547"/>
                  <a:pt x="1351" y="548"/>
                </a:cubicBezTo>
                <a:cubicBezTo>
                  <a:pt x="1351" y="548"/>
                  <a:pt x="1352" y="550"/>
                  <a:pt x="1351" y="550"/>
                </a:cubicBezTo>
                <a:cubicBezTo>
                  <a:pt x="1350" y="551"/>
                  <a:pt x="1349" y="551"/>
                  <a:pt x="1348" y="552"/>
                </a:cubicBezTo>
                <a:cubicBezTo>
                  <a:pt x="1347" y="552"/>
                  <a:pt x="1347" y="553"/>
                  <a:pt x="1346" y="553"/>
                </a:cubicBezTo>
                <a:cubicBezTo>
                  <a:pt x="1344" y="553"/>
                  <a:pt x="1341" y="552"/>
                  <a:pt x="1340" y="551"/>
                </a:cubicBezTo>
                <a:cubicBezTo>
                  <a:pt x="1335" y="550"/>
                  <a:pt x="1330" y="552"/>
                  <a:pt x="1325" y="552"/>
                </a:cubicBezTo>
                <a:cubicBezTo>
                  <a:pt x="1323" y="552"/>
                  <a:pt x="1321" y="552"/>
                  <a:pt x="1319" y="551"/>
                </a:cubicBezTo>
                <a:cubicBezTo>
                  <a:pt x="1317" y="550"/>
                  <a:pt x="1315" y="549"/>
                  <a:pt x="1313" y="548"/>
                </a:cubicBezTo>
                <a:cubicBezTo>
                  <a:pt x="1311" y="548"/>
                  <a:pt x="1309" y="548"/>
                  <a:pt x="1307" y="548"/>
                </a:cubicBezTo>
                <a:cubicBezTo>
                  <a:pt x="1305" y="548"/>
                  <a:pt x="1303" y="547"/>
                  <a:pt x="1300" y="547"/>
                </a:cubicBezTo>
                <a:cubicBezTo>
                  <a:pt x="1298" y="546"/>
                  <a:pt x="1296" y="546"/>
                  <a:pt x="1294" y="546"/>
                </a:cubicBezTo>
                <a:cubicBezTo>
                  <a:pt x="1292" y="546"/>
                  <a:pt x="1290" y="546"/>
                  <a:pt x="1287" y="546"/>
                </a:cubicBezTo>
                <a:cubicBezTo>
                  <a:pt x="1285" y="545"/>
                  <a:pt x="1284" y="546"/>
                  <a:pt x="1282" y="545"/>
                </a:cubicBezTo>
                <a:cubicBezTo>
                  <a:pt x="1280" y="545"/>
                  <a:pt x="1279" y="543"/>
                  <a:pt x="1278" y="542"/>
                </a:cubicBezTo>
                <a:cubicBezTo>
                  <a:pt x="1276" y="540"/>
                  <a:pt x="1276" y="541"/>
                  <a:pt x="1276" y="543"/>
                </a:cubicBezTo>
                <a:cubicBezTo>
                  <a:pt x="1277" y="543"/>
                  <a:pt x="1276" y="544"/>
                  <a:pt x="1277" y="544"/>
                </a:cubicBezTo>
                <a:cubicBezTo>
                  <a:pt x="1277" y="545"/>
                  <a:pt x="1278" y="545"/>
                  <a:pt x="1278" y="546"/>
                </a:cubicBezTo>
                <a:cubicBezTo>
                  <a:pt x="1278" y="547"/>
                  <a:pt x="1277" y="547"/>
                  <a:pt x="1276" y="548"/>
                </a:cubicBezTo>
                <a:cubicBezTo>
                  <a:pt x="1274" y="548"/>
                  <a:pt x="1273" y="549"/>
                  <a:pt x="1272" y="549"/>
                </a:cubicBezTo>
                <a:cubicBezTo>
                  <a:pt x="1271" y="550"/>
                  <a:pt x="1269" y="549"/>
                  <a:pt x="1268" y="549"/>
                </a:cubicBezTo>
                <a:cubicBezTo>
                  <a:pt x="1266" y="549"/>
                  <a:pt x="1265" y="549"/>
                  <a:pt x="1263" y="549"/>
                </a:cubicBezTo>
                <a:cubicBezTo>
                  <a:pt x="1261" y="549"/>
                  <a:pt x="1258" y="549"/>
                  <a:pt x="1256" y="549"/>
                </a:cubicBezTo>
                <a:cubicBezTo>
                  <a:pt x="1254" y="550"/>
                  <a:pt x="1252" y="550"/>
                  <a:pt x="1249" y="550"/>
                </a:cubicBezTo>
                <a:cubicBezTo>
                  <a:pt x="1247" y="551"/>
                  <a:pt x="1245" y="552"/>
                  <a:pt x="1243" y="553"/>
                </a:cubicBezTo>
                <a:cubicBezTo>
                  <a:pt x="1241" y="553"/>
                  <a:pt x="1239" y="554"/>
                  <a:pt x="1237" y="556"/>
                </a:cubicBezTo>
                <a:cubicBezTo>
                  <a:pt x="1235" y="557"/>
                  <a:pt x="1233" y="558"/>
                  <a:pt x="1231" y="559"/>
                </a:cubicBezTo>
                <a:cubicBezTo>
                  <a:pt x="1229" y="560"/>
                  <a:pt x="1227" y="560"/>
                  <a:pt x="1225" y="560"/>
                </a:cubicBezTo>
                <a:cubicBezTo>
                  <a:pt x="1223" y="560"/>
                  <a:pt x="1221" y="561"/>
                  <a:pt x="1219" y="562"/>
                </a:cubicBezTo>
                <a:cubicBezTo>
                  <a:pt x="1218" y="563"/>
                  <a:pt x="1217" y="563"/>
                  <a:pt x="1216" y="564"/>
                </a:cubicBezTo>
                <a:cubicBezTo>
                  <a:pt x="1215" y="565"/>
                  <a:pt x="1216" y="566"/>
                  <a:pt x="1216" y="567"/>
                </a:cubicBezTo>
                <a:cubicBezTo>
                  <a:pt x="1215" y="567"/>
                  <a:pt x="1215" y="569"/>
                  <a:pt x="1215" y="570"/>
                </a:cubicBezTo>
                <a:cubicBezTo>
                  <a:pt x="1215" y="570"/>
                  <a:pt x="1217" y="571"/>
                  <a:pt x="1218" y="570"/>
                </a:cubicBezTo>
                <a:cubicBezTo>
                  <a:pt x="1218" y="570"/>
                  <a:pt x="1221" y="570"/>
                  <a:pt x="1221" y="571"/>
                </a:cubicBezTo>
                <a:cubicBezTo>
                  <a:pt x="1221" y="572"/>
                  <a:pt x="1219" y="573"/>
                  <a:pt x="1218" y="574"/>
                </a:cubicBezTo>
                <a:cubicBezTo>
                  <a:pt x="1218" y="575"/>
                  <a:pt x="1218" y="577"/>
                  <a:pt x="1217" y="578"/>
                </a:cubicBezTo>
                <a:cubicBezTo>
                  <a:pt x="1217" y="579"/>
                  <a:pt x="1215" y="579"/>
                  <a:pt x="1216" y="581"/>
                </a:cubicBezTo>
                <a:cubicBezTo>
                  <a:pt x="1217" y="582"/>
                  <a:pt x="1220" y="581"/>
                  <a:pt x="1222" y="581"/>
                </a:cubicBezTo>
                <a:cubicBezTo>
                  <a:pt x="1223" y="581"/>
                  <a:pt x="1225" y="580"/>
                  <a:pt x="1225" y="581"/>
                </a:cubicBezTo>
                <a:cubicBezTo>
                  <a:pt x="1224" y="582"/>
                  <a:pt x="1222" y="582"/>
                  <a:pt x="1222" y="582"/>
                </a:cubicBezTo>
                <a:cubicBezTo>
                  <a:pt x="1221" y="582"/>
                  <a:pt x="1219" y="582"/>
                  <a:pt x="1218" y="582"/>
                </a:cubicBezTo>
                <a:cubicBezTo>
                  <a:pt x="1218" y="583"/>
                  <a:pt x="1219" y="584"/>
                  <a:pt x="1219" y="585"/>
                </a:cubicBezTo>
                <a:cubicBezTo>
                  <a:pt x="1219" y="587"/>
                  <a:pt x="1218" y="586"/>
                  <a:pt x="1217" y="587"/>
                </a:cubicBezTo>
                <a:cubicBezTo>
                  <a:pt x="1217" y="588"/>
                  <a:pt x="1218" y="589"/>
                  <a:pt x="1218" y="590"/>
                </a:cubicBezTo>
                <a:cubicBezTo>
                  <a:pt x="1219" y="591"/>
                  <a:pt x="1220" y="591"/>
                  <a:pt x="1221" y="593"/>
                </a:cubicBezTo>
                <a:cubicBezTo>
                  <a:pt x="1223" y="594"/>
                  <a:pt x="1223" y="595"/>
                  <a:pt x="1225" y="596"/>
                </a:cubicBezTo>
                <a:cubicBezTo>
                  <a:pt x="1226" y="597"/>
                  <a:pt x="1227" y="598"/>
                  <a:pt x="1228" y="599"/>
                </a:cubicBezTo>
                <a:cubicBezTo>
                  <a:pt x="1230" y="600"/>
                  <a:pt x="1232" y="601"/>
                  <a:pt x="1234" y="601"/>
                </a:cubicBezTo>
                <a:cubicBezTo>
                  <a:pt x="1236" y="602"/>
                  <a:pt x="1237" y="603"/>
                  <a:pt x="1240" y="602"/>
                </a:cubicBezTo>
                <a:cubicBezTo>
                  <a:pt x="1242" y="602"/>
                  <a:pt x="1243" y="601"/>
                  <a:pt x="1244" y="599"/>
                </a:cubicBezTo>
                <a:cubicBezTo>
                  <a:pt x="1246" y="598"/>
                  <a:pt x="1249" y="599"/>
                  <a:pt x="1248" y="601"/>
                </a:cubicBezTo>
                <a:cubicBezTo>
                  <a:pt x="1248" y="603"/>
                  <a:pt x="1246" y="605"/>
                  <a:pt x="1246" y="607"/>
                </a:cubicBezTo>
                <a:cubicBezTo>
                  <a:pt x="1245" y="609"/>
                  <a:pt x="1246" y="611"/>
                  <a:pt x="1245" y="613"/>
                </a:cubicBezTo>
                <a:cubicBezTo>
                  <a:pt x="1244" y="615"/>
                  <a:pt x="1243" y="617"/>
                  <a:pt x="1242" y="619"/>
                </a:cubicBezTo>
                <a:cubicBezTo>
                  <a:pt x="1242" y="622"/>
                  <a:pt x="1240" y="628"/>
                  <a:pt x="1242" y="630"/>
                </a:cubicBezTo>
                <a:cubicBezTo>
                  <a:pt x="1243" y="632"/>
                  <a:pt x="1244" y="634"/>
                  <a:pt x="1244" y="637"/>
                </a:cubicBezTo>
                <a:cubicBezTo>
                  <a:pt x="1244" y="639"/>
                  <a:pt x="1245" y="641"/>
                  <a:pt x="1244" y="643"/>
                </a:cubicBezTo>
                <a:cubicBezTo>
                  <a:pt x="1244" y="645"/>
                  <a:pt x="1242" y="647"/>
                  <a:pt x="1241" y="649"/>
                </a:cubicBezTo>
                <a:cubicBezTo>
                  <a:pt x="1239" y="650"/>
                  <a:pt x="1238" y="651"/>
                  <a:pt x="1236" y="652"/>
                </a:cubicBezTo>
                <a:cubicBezTo>
                  <a:pt x="1235" y="653"/>
                  <a:pt x="1235" y="654"/>
                  <a:pt x="1234" y="654"/>
                </a:cubicBezTo>
                <a:cubicBezTo>
                  <a:pt x="1233" y="655"/>
                  <a:pt x="1232" y="656"/>
                  <a:pt x="1231" y="656"/>
                </a:cubicBezTo>
                <a:cubicBezTo>
                  <a:pt x="1228" y="658"/>
                  <a:pt x="1221" y="657"/>
                  <a:pt x="1218" y="656"/>
                </a:cubicBezTo>
                <a:cubicBezTo>
                  <a:pt x="1216" y="655"/>
                  <a:pt x="1215" y="654"/>
                  <a:pt x="1213" y="652"/>
                </a:cubicBezTo>
                <a:cubicBezTo>
                  <a:pt x="1212" y="652"/>
                  <a:pt x="1212" y="651"/>
                  <a:pt x="1211" y="650"/>
                </a:cubicBezTo>
                <a:cubicBezTo>
                  <a:pt x="1211" y="650"/>
                  <a:pt x="1211" y="648"/>
                  <a:pt x="1210" y="647"/>
                </a:cubicBezTo>
                <a:cubicBezTo>
                  <a:pt x="1209" y="643"/>
                  <a:pt x="1205" y="640"/>
                  <a:pt x="1201" y="638"/>
                </a:cubicBezTo>
                <a:cubicBezTo>
                  <a:pt x="1200" y="637"/>
                  <a:pt x="1199" y="636"/>
                  <a:pt x="1197" y="634"/>
                </a:cubicBezTo>
                <a:cubicBezTo>
                  <a:pt x="1196" y="632"/>
                  <a:pt x="1195" y="631"/>
                  <a:pt x="1193" y="630"/>
                </a:cubicBezTo>
                <a:cubicBezTo>
                  <a:pt x="1190" y="627"/>
                  <a:pt x="1185" y="627"/>
                  <a:pt x="1181" y="629"/>
                </a:cubicBezTo>
                <a:cubicBezTo>
                  <a:pt x="1178" y="630"/>
                  <a:pt x="1175" y="630"/>
                  <a:pt x="1171" y="630"/>
                </a:cubicBezTo>
                <a:cubicBezTo>
                  <a:pt x="1169" y="631"/>
                  <a:pt x="1167" y="631"/>
                  <a:pt x="1166" y="632"/>
                </a:cubicBezTo>
                <a:cubicBezTo>
                  <a:pt x="1164" y="633"/>
                  <a:pt x="1163" y="634"/>
                  <a:pt x="1162" y="636"/>
                </a:cubicBezTo>
                <a:cubicBezTo>
                  <a:pt x="1161" y="637"/>
                  <a:pt x="1160" y="638"/>
                  <a:pt x="1159" y="640"/>
                </a:cubicBezTo>
                <a:cubicBezTo>
                  <a:pt x="1158" y="642"/>
                  <a:pt x="1156" y="644"/>
                  <a:pt x="1156" y="646"/>
                </a:cubicBezTo>
                <a:cubicBezTo>
                  <a:pt x="1156" y="648"/>
                  <a:pt x="1156" y="651"/>
                  <a:pt x="1156" y="653"/>
                </a:cubicBezTo>
                <a:cubicBezTo>
                  <a:pt x="1156" y="656"/>
                  <a:pt x="1154" y="657"/>
                  <a:pt x="1152" y="659"/>
                </a:cubicBezTo>
                <a:cubicBezTo>
                  <a:pt x="1149" y="661"/>
                  <a:pt x="1145" y="664"/>
                  <a:pt x="1145" y="668"/>
                </a:cubicBezTo>
                <a:cubicBezTo>
                  <a:pt x="1145" y="670"/>
                  <a:pt x="1145" y="673"/>
                  <a:pt x="1145" y="675"/>
                </a:cubicBezTo>
                <a:cubicBezTo>
                  <a:pt x="1145" y="678"/>
                  <a:pt x="1145" y="679"/>
                  <a:pt x="1144" y="682"/>
                </a:cubicBezTo>
                <a:cubicBezTo>
                  <a:pt x="1144" y="684"/>
                  <a:pt x="1144" y="686"/>
                  <a:pt x="1144" y="688"/>
                </a:cubicBezTo>
                <a:cubicBezTo>
                  <a:pt x="1144" y="690"/>
                  <a:pt x="1145" y="692"/>
                  <a:pt x="1145" y="694"/>
                </a:cubicBezTo>
                <a:cubicBezTo>
                  <a:pt x="1145" y="696"/>
                  <a:pt x="1145" y="699"/>
                  <a:pt x="1145" y="701"/>
                </a:cubicBezTo>
                <a:cubicBezTo>
                  <a:pt x="1145" y="704"/>
                  <a:pt x="1145" y="706"/>
                  <a:pt x="1145" y="708"/>
                </a:cubicBezTo>
                <a:cubicBezTo>
                  <a:pt x="1146" y="713"/>
                  <a:pt x="1149" y="716"/>
                  <a:pt x="1147" y="721"/>
                </a:cubicBezTo>
                <a:cubicBezTo>
                  <a:pt x="1145" y="725"/>
                  <a:pt x="1142" y="727"/>
                  <a:pt x="1139" y="730"/>
                </a:cubicBezTo>
                <a:cubicBezTo>
                  <a:pt x="1136" y="733"/>
                  <a:pt x="1133" y="736"/>
                  <a:pt x="1129" y="738"/>
                </a:cubicBezTo>
                <a:cubicBezTo>
                  <a:pt x="1126" y="741"/>
                  <a:pt x="1122" y="741"/>
                  <a:pt x="1118" y="742"/>
                </a:cubicBezTo>
                <a:cubicBezTo>
                  <a:pt x="1116" y="743"/>
                  <a:pt x="1113" y="744"/>
                  <a:pt x="1112" y="746"/>
                </a:cubicBezTo>
                <a:cubicBezTo>
                  <a:pt x="1111" y="748"/>
                  <a:pt x="1112" y="750"/>
                  <a:pt x="1111" y="752"/>
                </a:cubicBezTo>
                <a:cubicBezTo>
                  <a:pt x="1110" y="754"/>
                  <a:pt x="1108" y="756"/>
                  <a:pt x="1107" y="758"/>
                </a:cubicBezTo>
                <a:cubicBezTo>
                  <a:pt x="1106" y="759"/>
                  <a:pt x="1105" y="761"/>
                  <a:pt x="1103" y="762"/>
                </a:cubicBezTo>
                <a:cubicBezTo>
                  <a:pt x="1102" y="763"/>
                  <a:pt x="1099" y="763"/>
                  <a:pt x="1098" y="764"/>
                </a:cubicBezTo>
                <a:cubicBezTo>
                  <a:pt x="1095" y="764"/>
                  <a:pt x="1093" y="764"/>
                  <a:pt x="1091" y="765"/>
                </a:cubicBezTo>
                <a:cubicBezTo>
                  <a:pt x="1090" y="765"/>
                  <a:pt x="1089" y="765"/>
                  <a:pt x="1088" y="766"/>
                </a:cubicBezTo>
                <a:cubicBezTo>
                  <a:pt x="1087" y="766"/>
                  <a:pt x="1086" y="767"/>
                  <a:pt x="1085" y="767"/>
                </a:cubicBezTo>
                <a:cubicBezTo>
                  <a:pt x="1083" y="768"/>
                  <a:pt x="1081" y="768"/>
                  <a:pt x="1079" y="767"/>
                </a:cubicBezTo>
                <a:cubicBezTo>
                  <a:pt x="1076" y="766"/>
                  <a:pt x="1072" y="764"/>
                  <a:pt x="1071" y="761"/>
                </a:cubicBezTo>
                <a:cubicBezTo>
                  <a:pt x="1070" y="759"/>
                  <a:pt x="1070" y="757"/>
                  <a:pt x="1069" y="755"/>
                </a:cubicBezTo>
                <a:cubicBezTo>
                  <a:pt x="1068" y="754"/>
                  <a:pt x="1066" y="751"/>
                  <a:pt x="1069" y="750"/>
                </a:cubicBezTo>
                <a:cubicBezTo>
                  <a:pt x="1071" y="750"/>
                  <a:pt x="1073" y="753"/>
                  <a:pt x="1075" y="754"/>
                </a:cubicBezTo>
                <a:cubicBezTo>
                  <a:pt x="1076" y="755"/>
                  <a:pt x="1077" y="756"/>
                  <a:pt x="1078" y="756"/>
                </a:cubicBezTo>
                <a:cubicBezTo>
                  <a:pt x="1079" y="757"/>
                  <a:pt x="1078" y="755"/>
                  <a:pt x="1078" y="755"/>
                </a:cubicBezTo>
                <a:cubicBezTo>
                  <a:pt x="1076" y="753"/>
                  <a:pt x="1074" y="751"/>
                  <a:pt x="1072" y="750"/>
                </a:cubicBezTo>
                <a:cubicBezTo>
                  <a:pt x="1070" y="749"/>
                  <a:pt x="1068" y="748"/>
                  <a:pt x="1066" y="748"/>
                </a:cubicBezTo>
                <a:cubicBezTo>
                  <a:pt x="1064" y="747"/>
                  <a:pt x="1062" y="747"/>
                  <a:pt x="1060" y="747"/>
                </a:cubicBezTo>
                <a:cubicBezTo>
                  <a:pt x="1059" y="747"/>
                  <a:pt x="1058" y="747"/>
                  <a:pt x="1056" y="747"/>
                </a:cubicBezTo>
                <a:cubicBezTo>
                  <a:pt x="1054" y="747"/>
                  <a:pt x="1051" y="748"/>
                  <a:pt x="1048" y="748"/>
                </a:cubicBezTo>
                <a:cubicBezTo>
                  <a:pt x="1046" y="749"/>
                  <a:pt x="1044" y="749"/>
                  <a:pt x="1042" y="750"/>
                </a:cubicBezTo>
                <a:cubicBezTo>
                  <a:pt x="1040" y="751"/>
                  <a:pt x="1038" y="752"/>
                  <a:pt x="1036" y="753"/>
                </a:cubicBezTo>
                <a:cubicBezTo>
                  <a:pt x="1034" y="754"/>
                  <a:pt x="1031" y="754"/>
                  <a:pt x="1029" y="755"/>
                </a:cubicBezTo>
                <a:cubicBezTo>
                  <a:pt x="1027" y="755"/>
                  <a:pt x="1025" y="756"/>
                  <a:pt x="1023" y="757"/>
                </a:cubicBezTo>
                <a:cubicBezTo>
                  <a:pt x="1021" y="757"/>
                  <a:pt x="1019" y="758"/>
                  <a:pt x="1017" y="759"/>
                </a:cubicBezTo>
                <a:cubicBezTo>
                  <a:pt x="1014" y="759"/>
                  <a:pt x="1012" y="759"/>
                  <a:pt x="1010" y="760"/>
                </a:cubicBezTo>
                <a:cubicBezTo>
                  <a:pt x="1008" y="761"/>
                  <a:pt x="1007" y="763"/>
                  <a:pt x="1005" y="765"/>
                </a:cubicBezTo>
                <a:cubicBezTo>
                  <a:pt x="1004" y="767"/>
                  <a:pt x="1002" y="770"/>
                  <a:pt x="1000" y="771"/>
                </a:cubicBezTo>
                <a:cubicBezTo>
                  <a:pt x="999" y="772"/>
                  <a:pt x="997" y="773"/>
                  <a:pt x="995" y="773"/>
                </a:cubicBezTo>
                <a:cubicBezTo>
                  <a:pt x="990" y="774"/>
                  <a:pt x="986" y="774"/>
                  <a:pt x="981" y="775"/>
                </a:cubicBezTo>
                <a:cubicBezTo>
                  <a:pt x="972" y="776"/>
                  <a:pt x="964" y="779"/>
                  <a:pt x="955" y="781"/>
                </a:cubicBezTo>
                <a:cubicBezTo>
                  <a:pt x="951" y="782"/>
                  <a:pt x="947" y="784"/>
                  <a:pt x="942" y="784"/>
                </a:cubicBezTo>
                <a:cubicBezTo>
                  <a:pt x="940" y="784"/>
                  <a:pt x="939" y="784"/>
                  <a:pt x="938" y="782"/>
                </a:cubicBezTo>
                <a:cubicBezTo>
                  <a:pt x="937" y="781"/>
                  <a:pt x="936" y="780"/>
                  <a:pt x="935" y="781"/>
                </a:cubicBezTo>
                <a:cubicBezTo>
                  <a:pt x="935" y="782"/>
                  <a:pt x="935" y="782"/>
                  <a:pt x="935" y="783"/>
                </a:cubicBezTo>
                <a:cubicBezTo>
                  <a:pt x="935" y="783"/>
                  <a:pt x="934" y="784"/>
                  <a:pt x="934" y="784"/>
                </a:cubicBezTo>
                <a:cubicBezTo>
                  <a:pt x="933" y="784"/>
                  <a:pt x="932" y="786"/>
                  <a:pt x="931" y="786"/>
                </a:cubicBezTo>
                <a:cubicBezTo>
                  <a:pt x="930" y="786"/>
                  <a:pt x="930" y="785"/>
                  <a:pt x="930" y="784"/>
                </a:cubicBezTo>
                <a:cubicBezTo>
                  <a:pt x="930" y="782"/>
                  <a:pt x="931" y="782"/>
                  <a:pt x="930" y="781"/>
                </a:cubicBezTo>
                <a:cubicBezTo>
                  <a:pt x="929" y="778"/>
                  <a:pt x="930" y="776"/>
                  <a:pt x="927" y="776"/>
                </a:cubicBezTo>
                <a:cubicBezTo>
                  <a:pt x="925" y="776"/>
                  <a:pt x="924" y="776"/>
                  <a:pt x="922" y="776"/>
                </a:cubicBezTo>
                <a:cubicBezTo>
                  <a:pt x="921" y="775"/>
                  <a:pt x="920" y="776"/>
                  <a:pt x="919" y="775"/>
                </a:cubicBezTo>
                <a:cubicBezTo>
                  <a:pt x="918" y="775"/>
                  <a:pt x="918" y="774"/>
                  <a:pt x="917" y="774"/>
                </a:cubicBezTo>
                <a:cubicBezTo>
                  <a:pt x="915" y="774"/>
                  <a:pt x="915" y="774"/>
                  <a:pt x="915" y="773"/>
                </a:cubicBezTo>
                <a:cubicBezTo>
                  <a:pt x="915" y="772"/>
                  <a:pt x="914" y="772"/>
                  <a:pt x="914" y="771"/>
                </a:cubicBezTo>
                <a:cubicBezTo>
                  <a:pt x="915" y="770"/>
                  <a:pt x="916" y="774"/>
                  <a:pt x="919" y="773"/>
                </a:cubicBezTo>
                <a:cubicBezTo>
                  <a:pt x="920" y="772"/>
                  <a:pt x="919" y="771"/>
                  <a:pt x="919" y="770"/>
                </a:cubicBezTo>
                <a:cubicBezTo>
                  <a:pt x="920" y="769"/>
                  <a:pt x="921" y="770"/>
                  <a:pt x="922" y="770"/>
                </a:cubicBezTo>
                <a:cubicBezTo>
                  <a:pt x="923" y="769"/>
                  <a:pt x="924" y="768"/>
                  <a:pt x="925" y="768"/>
                </a:cubicBezTo>
                <a:cubicBezTo>
                  <a:pt x="926" y="768"/>
                  <a:pt x="926" y="768"/>
                  <a:pt x="927" y="769"/>
                </a:cubicBezTo>
                <a:cubicBezTo>
                  <a:pt x="927" y="770"/>
                  <a:pt x="928" y="772"/>
                  <a:pt x="929" y="770"/>
                </a:cubicBezTo>
                <a:cubicBezTo>
                  <a:pt x="929" y="769"/>
                  <a:pt x="928" y="769"/>
                  <a:pt x="928" y="768"/>
                </a:cubicBezTo>
                <a:cubicBezTo>
                  <a:pt x="927" y="767"/>
                  <a:pt x="927" y="767"/>
                  <a:pt x="926" y="766"/>
                </a:cubicBezTo>
                <a:cubicBezTo>
                  <a:pt x="926" y="765"/>
                  <a:pt x="924" y="765"/>
                  <a:pt x="924" y="764"/>
                </a:cubicBezTo>
                <a:cubicBezTo>
                  <a:pt x="923" y="763"/>
                  <a:pt x="924" y="762"/>
                  <a:pt x="925" y="761"/>
                </a:cubicBezTo>
                <a:cubicBezTo>
                  <a:pt x="926" y="761"/>
                  <a:pt x="927" y="761"/>
                  <a:pt x="927" y="760"/>
                </a:cubicBezTo>
                <a:cubicBezTo>
                  <a:pt x="926" y="758"/>
                  <a:pt x="923" y="759"/>
                  <a:pt x="921" y="759"/>
                </a:cubicBezTo>
                <a:cubicBezTo>
                  <a:pt x="921" y="759"/>
                  <a:pt x="920" y="759"/>
                  <a:pt x="920" y="759"/>
                </a:cubicBezTo>
                <a:cubicBezTo>
                  <a:pt x="919" y="759"/>
                  <a:pt x="919" y="759"/>
                  <a:pt x="918" y="759"/>
                </a:cubicBezTo>
                <a:cubicBezTo>
                  <a:pt x="917" y="760"/>
                  <a:pt x="917" y="759"/>
                  <a:pt x="917" y="757"/>
                </a:cubicBezTo>
                <a:cubicBezTo>
                  <a:pt x="917" y="756"/>
                  <a:pt x="918" y="755"/>
                  <a:pt x="919" y="755"/>
                </a:cubicBezTo>
                <a:cubicBezTo>
                  <a:pt x="919" y="755"/>
                  <a:pt x="920" y="755"/>
                  <a:pt x="920" y="755"/>
                </a:cubicBezTo>
                <a:cubicBezTo>
                  <a:pt x="921" y="754"/>
                  <a:pt x="920" y="754"/>
                  <a:pt x="919" y="754"/>
                </a:cubicBezTo>
                <a:cubicBezTo>
                  <a:pt x="918" y="754"/>
                  <a:pt x="918" y="754"/>
                  <a:pt x="917" y="754"/>
                </a:cubicBezTo>
                <a:cubicBezTo>
                  <a:pt x="916" y="754"/>
                  <a:pt x="916" y="754"/>
                  <a:pt x="915" y="754"/>
                </a:cubicBezTo>
                <a:cubicBezTo>
                  <a:pt x="914" y="755"/>
                  <a:pt x="913" y="755"/>
                  <a:pt x="913" y="756"/>
                </a:cubicBezTo>
                <a:cubicBezTo>
                  <a:pt x="913" y="756"/>
                  <a:pt x="915" y="757"/>
                  <a:pt x="915" y="757"/>
                </a:cubicBezTo>
                <a:cubicBezTo>
                  <a:pt x="916" y="758"/>
                  <a:pt x="916" y="759"/>
                  <a:pt x="915" y="760"/>
                </a:cubicBezTo>
                <a:cubicBezTo>
                  <a:pt x="913" y="760"/>
                  <a:pt x="913" y="758"/>
                  <a:pt x="912" y="759"/>
                </a:cubicBezTo>
                <a:cubicBezTo>
                  <a:pt x="910" y="759"/>
                  <a:pt x="910" y="760"/>
                  <a:pt x="911" y="761"/>
                </a:cubicBezTo>
                <a:cubicBezTo>
                  <a:pt x="911" y="762"/>
                  <a:pt x="911" y="763"/>
                  <a:pt x="910" y="764"/>
                </a:cubicBezTo>
                <a:cubicBezTo>
                  <a:pt x="910" y="765"/>
                  <a:pt x="910" y="764"/>
                  <a:pt x="910" y="765"/>
                </a:cubicBezTo>
                <a:cubicBezTo>
                  <a:pt x="910" y="766"/>
                  <a:pt x="910" y="766"/>
                  <a:pt x="910" y="766"/>
                </a:cubicBezTo>
                <a:cubicBezTo>
                  <a:pt x="911" y="768"/>
                  <a:pt x="909" y="767"/>
                  <a:pt x="909" y="766"/>
                </a:cubicBezTo>
                <a:cubicBezTo>
                  <a:pt x="908" y="765"/>
                  <a:pt x="908" y="763"/>
                  <a:pt x="907" y="764"/>
                </a:cubicBezTo>
                <a:cubicBezTo>
                  <a:pt x="906" y="764"/>
                  <a:pt x="905" y="765"/>
                  <a:pt x="905" y="765"/>
                </a:cubicBezTo>
                <a:cubicBezTo>
                  <a:pt x="904" y="766"/>
                  <a:pt x="903" y="766"/>
                  <a:pt x="902" y="766"/>
                </a:cubicBezTo>
                <a:cubicBezTo>
                  <a:pt x="900" y="766"/>
                  <a:pt x="900" y="767"/>
                  <a:pt x="899" y="767"/>
                </a:cubicBezTo>
                <a:cubicBezTo>
                  <a:pt x="898" y="768"/>
                  <a:pt x="896" y="768"/>
                  <a:pt x="895" y="767"/>
                </a:cubicBezTo>
                <a:cubicBezTo>
                  <a:pt x="893" y="767"/>
                  <a:pt x="892" y="768"/>
                  <a:pt x="891" y="768"/>
                </a:cubicBezTo>
                <a:cubicBezTo>
                  <a:pt x="890" y="766"/>
                  <a:pt x="892" y="766"/>
                  <a:pt x="893" y="766"/>
                </a:cubicBezTo>
                <a:cubicBezTo>
                  <a:pt x="894" y="766"/>
                  <a:pt x="894" y="766"/>
                  <a:pt x="895" y="766"/>
                </a:cubicBezTo>
                <a:cubicBezTo>
                  <a:pt x="896" y="765"/>
                  <a:pt x="897" y="765"/>
                  <a:pt x="898" y="765"/>
                </a:cubicBezTo>
                <a:cubicBezTo>
                  <a:pt x="899" y="765"/>
                  <a:pt x="900" y="765"/>
                  <a:pt x="901" y="764"/>
                </a:cubicBezTo>
                <a:cubicBezTo>
                  <a:pt x="902" y="764"/>
                  <a:pt x="902" y="763"/>
                  <a:pt x="901" y="763"/>
                </a:cubicBezTo>
                <a:cubicBezTo>
                  <a:pt x="900" y="763"/>
                  <a:pt x="899" y="764"/>
                  <a:pt x="898" y="764"/>
                </a:cubicBezTo>
                <a:cubicBezTo>
                  <a:pt x="896" y="763"/>
                  <a:pt x="894" y="761"/>
                  <a:pt x="892" y="763"/>
                </a:cubicBezTo>
                <a:cubicBezTo>
                  <a:pt x="891" y="763"/>
                  <a:pt x="891" y="764"/>
                  <a:pt x="891" y="765"/>
                </a:cubicBezTo>
                <a:cubicBezTo>
                  <a:pt x="890" y="765"/>
                  <a:pt x="889" y="766"/>
                  <a:pt x="888" y="766"/>
                </a:cubicBezTo>
                <a:cubicBezTo>
                  <a:pt x="887" y="767"/>
                  <a:pt x="887" y="769"/>
                  <a:pt x="885" y="771"/>
                </a:cubicBezTo>
                <a:cubicBezTo>
                  <a:pt x="884" y="772"/>
                  <a:pt x="883" y="774"/>
                  <a:pt x="882" y="775"/>
                </a:cubicBezTo>
                <a:cubicBezTo>
                  <a:pt x="882" y="776"/>
                  <a:pt x="881" y="777"/>
                  <a:pt x="880" y="777"/>
                </a:cubicBezTo>
                <a:cubicBezTo>
                  <a:pt x="880" y="777"/>
                  <a:pt x="878" y="778"/>
                  <a:pt x="878" y="777"/>
                </a:cubicBezTo>
                <a:cubicBezTo>
                  <a:pt x="877" y="777"/>
                  <a:pt x="877" y="777"/>
                  <a:pt x="876" y="776"/>
                </a:cubicBezTo>
                <a:cubicBezTo>
                  <a:pt x="875" y="775"/>
                  <a:pt x="873" y="776"/>
                  <a:pt x="871" y="776"/>
                </a:cubicBezTo>
                <a:cubicBezTo>
                  <a:pt x="870" y="777"/>
                  <a:pt x="870" y="778"/>
                  <a:pt x="869" y="778"/>
                </a:cubicBezTo>
                <a:cubicBezTo>
                  <a:pt x="867" y="779"/>
                  <a:pt x="865" y="780"/>
                  <a:pt x="863" y="781"/>
                </a:cubicBezTo>
                <a:cubicBezTo>
                  <a:pt x="861" y="782"/>
                  <a:pt x="860" y="783"/>
                  <a:pt x="857" y="784"/>
                </a:cubicBezTo>
                <a:cubicBezTo>
                  <a:pt x="856" y="785"/>
                  <a:pt x="853" y="785"/>
                  <a:pt x="851" y="784"/>
                </a:cubicBezTo>
                <a:cubicBezTo>
                  <a:pt x="850" y="784"/>
                  <a:pt x="844" y="785"/>
                  <a:pt x="845" y="783"/>
                </a:cubicBezTo>
                <a:cubicBezTo>
                  <a:pt x="842" y="782"/>
                  <a:pt x="844" y="779"/>
                  <a:pt x="845" y="778"/>
                </a:cubicBezTo>
                <a:cubicBezTo>
                  <a:pt x="847" y="776"/>
                  <a:pt x="847" y="775"/>
                  <a:pt x="847" y="773"/>
                </a:cubicBezTo>
                <a:cubicBezTo>
                  <a:pt x="848" y="772"/>
                  <a:pt x="848" y="771"/>
                  <a:pt x="849" y="771"/>
                </a:cubicBezTo>
                <a:cubicBezTo>
                  <a:pt x="849" y="770"/>
                  <a:pt x="850" y="769"/>
                  <a:pt x="851" y="769"/>
                </a:cubicBezTo>
                <a:cubicBezTo>
                  <a:pt x="853" y="766"/>
                  <a:pt x="847" y="767"/>
                  <a:pt x="845" y="766"/>
                </a:cubicBezTo>
                <a:cubicBezTo>
                  <a:pt x="844" y="766"/>
                  <a:pt x="843" y="767"/>
                  <a:pt x="843" y="767"/>
                </a:cubicBezTo>
                <a:cubicBezTo>
                  <a:pt x="841" y="769"/>
                  <a:pt x="839" y="770"/>
                  <a:pt x="837" y="769"/>
                </a:cubicBezTo>
                <a:cubicBezTo>
                  <a:pt x="836" y="769"/>
                  <a:pt x="835" y="768"/>
                  <a:pt x="834" y="768"/>
                </a:cubicBezTo>
                <a:cubicBezTo>
                  <a:pt x="833" y="768"/>
                  <a:pt x="833" y="767"/>
                  <a:pt x="832" y="767"/>
                </a:cubicBezTo>
                <a:cubicBezTo>
                  <a:pt x="831" y="766"/>
                  <a:pt x="828" y="763"/>
                  <a:pt x="827" y="763"/>
                </a:cubicBezTo>
                <a:cubicBezTo>
                  <a:pt x="826" y="764"/>
                  <a:pt x="825" y="766"/>
                  <a:pt x="824" y="766"/>
                </a:cubicBezTo>
                <a:cubicBezTo>
                  <a:pt x="822" y="766"/>
                  <a:pt x="823" y="765"/>
                  <a:pt x="822" y="764"/>
                </a:cubicBezTo>
                <a:cubicBezTo>
                  <a:pt x="821" y="763"/>
                  <a:pt x="818" y="764"/>
                  <a:pt x="817" y="763"/>
                </a:cubicBezTo>
                <a:cubicBezTo>
                  <a:pt x="815" y="761"/>
                  <a:pt x="818" y="759"/>
                  <a:pt x="818" y="758"/>
                </a:cubicBezTo>
                <a:cubicBezTo>
                  <a:pt x="818" y="756"/>
                  <a:pt x="816" y="755"/>
                  <a:pt x="817" y="753"/>
                </a:cubicBezTo>
                <a:cubicBezTo>
                  <a:pt x="817" y="752"/>
                  <a:pt x="818" y="751"/>
                  <a:pt x="817" y="750"/>
                </a:cubicBezTo>
                <a:cubicBezTo>
                  <a:pt x="816" y="748"/>
                  <a:pt x="816" y="750"/>
                  <a:pt x="815" y="751"/>
                </a:cubicBezTo>
                <a:cubicBezTo>
                  <a:pt x="813" y="752"/>
                  <a:pt x="813" y="750"/>
                  <a:pt x="812" y="749"/>
                </a:cubicBezTo>
                <a:cubicBezTo>
                  <a:pt x="810" y="748"/>
                  <a:pt x="806" y="750"/>
                  <a:pt x="804" y="749"/>
                </a:cubicBezTo>
                <a:cubicBezTo>
                  <a:pt x="803" y="749"/>
                  <a:pt x="804" y="748"/>
                  <a:pt x="804" y="748"/>
                </a:cubicBezTo>
                <a:cubicBezTo>
                  <a:pt x="805" y="747"/>
                  <a:pt x="804" y="747"/>
                  <a:pt x="805" y="746"/>
                </a:cubicBezTo>
                <a:cubicBezTo>
                  <a:pt x="805" y="745"/>
                  <a:pt x="807" y="744"/>
                  <a:pt x="808" y="744"/>
                </a:cubicBezTo>
                <a:cubicBezTo>
                  <a:pt x="809" y="747"/>
                  <a:pt x="811" y="744"/>
                  <a:pt x="809" y="742"/>
                </a:cubicBezTo>
                <a:cubicBezTo>
                  <a:pt x="809" y="742"/>
                  <a:pt x="807" y="742"/>
                  <a:pt x="807" y="741"/>
                </a:cubicBezTo>
                <a:cubicBezTo>
                  <a:pt x="807" y="740"/>
                  <a:pt x="809" y="739"/>
                  <a:pt x="809" y="739"/>
                </a:cubicBezTo>
                <a:cubicBezTo>
                  <a:pt x="810" y="740"/>
                  <a:pt x="810" y="741"/>
                  <a:pt x="811" y="742"/>
                </a:cubicBezTo>
                <a:cubicBezTo>
                  <a:pt x="812" y="742"/>
                  <a:pt x="813" y="743"/>
                  <a:pt x="813" y="744"/>
                </a:cubicBezTo>
                <a:cubicBezTo>
                  <a:pt x="814" y="745"/>
                  <a:pt x="815" y="748"/>
                  <a:pt x="817" y="747"/>
                </a:cubicBezTo>
                <a:cubicBezTo>
                  <a:pt x="817" y="746"/>
                  <a:pt x="817" y="746"/>
                  <a:pt x="817" y="746"/>
                </a:cubicBezTo>
                <a:cubicBezTo>
                  <a:pt x="817" y="745"/>
                  <a:pt x="817" y="744"/>
                  <a:pt x="818" y="744"/>
                </a:cubicBezTo>
                <a:cubicBezTo>
                  <a:pt x="818" y="743"/>
                  <a:pt x="819" y="743"/>
                  <a:pt x="818" y="742"/>
                </a:cubicBezTo>
                <a:cubicBezTo>
                  <a:pt x="818" y="741"/>
                  <a:pt x="816" y="741"/>
                  <a:pt x="815" y="741"/>
                </a:cubicBezTo>
                <a:cubicBezTo>
                  <a:pt x="815" y="740"/>
                  <a:pt x="815" y="739"/>
                  <a:pt x="814" y="739"/>
                </a:cubicBezTo>
                <a:cubicBezTo>
                  <a:pt x="813" y="738"/>
                  <a:pt x="812" y="738"/>
                  <a:pt x="811" y="738"/>
                </a:cubicBezTo>
                <a:cubicBezTo>
                  <a:pt x="810" y="738"/>
                  <a:pt x="809" y="737"/>
                  <a:pt x="808" y="738"/>
                </a:cubicBezTo>
                <a:cubicBezTo>
                  <a:pt x="807" y="738"/>
                  <a:pt x="807" y="739"/>
                  <a:pt x="806" y="739"/>
                </a:cubicBezTo>
                <a:cubicBezTo>
                  <a:pt x="805" y="741"/>
                  <a:pt x="805" y="740"/>
                  <a:pt x="804" y="739"/>
                </a:cubicBezTo>
                <a:cubicBezTo>
                  <a:pt x="803" y="739"/>
                  <a:pt x="802" y="739"/>
                  <a:pt x="802" y="738"/>
                </a:cubicBezTo>
                <a:cubicBezTo>
                  <a:pt x="801" y="737"/>
                  <a:pt x="802" y="736"/>
                  <a:pt x="803" y="735"/>
                </a:cubicBezTo>
                <a:cubicBezTo>
                  <a:pt x="804" y="735"/>
                  <a:pt x="804" y="734"/>
                  <a:pt x="805" y="734"/>
                </a:cubicBezTo>
                <a:cubicBezTo>
                  <a:pt x="806" y="734"/>
                  <a:pt x="807" y="735"/>
                  <a:pt x="808" y="734"/>
                </a:cubicBezTo>
                <a:cubicBezTo>
                  <a:pt x="810" y="733"/>
                  <a:pt x="809" y="731"/>
                  <a:pt x="808" y="729"/>
                </a:cubicBezTo>
                <a:cubicBezTo>
                  <a:pt x="807" y="729"/>
                  <a:pt x="807" y="728"/>
                  <a:pt x="806" y="727"/>
                </a:cubicBezTo>
                <a:cubicBezTo>
                  <a:pt x="805" y="726"/>
                  <a:pt x="806" y="724"/>
                  <a:pt x="805" y="722"/>
                </a:cubicBezTo>
                <a:cubicBezTo>
                  <a:pt x="805" y="721"/>
                  <a:pt x="804" y="720"/>
                  <a:pt x="805" y="719"/>
                </a:cubicBezTo>
                <a:cubicBezTo>
                  <a:pt x="806" y="718"/>
                  <a:pt x="807" y="718"/>
                  <a:pt x="807" y="718"/>
                </a:cubicBezTo>
                <a:cubicBezTo>
                  <a:pt x="808" y="717"/>
                  <a:pt x="809" y="716"/>
                  <a:pt x="809" y="715"/>
                </a:cubicBezTo>
                <a:cubicBezTo>
                  <a:pt x="810" y="714"/>
                  <a:pt x="809" y="714"/>
                  <a:pt x="808" y="713"/>
                </a:cubicBezTo>
                <a:cubicBezTo>
                  <a:pt x="807" y="713"/>
                  <a:pt x="806" y="712"/>
                  <a:pt x="808" y="712"/>
                </a:cubicBezTo>
                <a:cubicBezTo>
                  <a:pt x="809" y="711"/>
                  <a:pt x="810" y="712"/>
                  <a:pt x="811" y="712"/>
                </a:cubicBezTo>
                <a:cubicBezTo>
                  <a:pt x="812" y="712"/>
                  <a:pt x="813" y="712"/>
                  <a:pt x="814" y="712"/>
                </a:cubicBezTo>
                <a:cubicBezTo>
                  <a:pt x="817" y="712"/>
                  <a:pt x="819" y="712"/>
                  <a:pt x="818" y="709"/>
                </a:cubicBezTo>
                <a:cubicBezTo>
                  <a:pt x="818" y="707"/>
                  <a:pt x="816" y="703"/>
                  <a:pt x="819" y="705"/>
                </a:cubicBezTo>
                <a:cubicBezTo>
                  <a:pt x="821" y="706"/>
                  <a:pt x="822" y="708"/>
                  <a:pt x="824" y="705"/>
                </a:cubicBezTo>
                <a:cubicBezTo>
                  <a:pt x="825" y="704"/>
                  <a:pt x="824" y="703"/>
                  <a:pt x="824" y="702"/>
                </a:cubicBezTo>
                <a:cubicBezTo>
                  <a:pt x="824" y="701"/>
                  <a:pt x="825" y="700"/>
                  <a:pt x="825" y="699"/>
                </a:cubicBezTo>
                <a:cubicBezTo>
                  <a:pt x="827" y="697"/>
                  <a:pt x="826" y="695"/>
                  <a:pt x="826" y="693"/>
                </a:cubicBezTo>
                <a:cubicBezTo>
                  <a:pt x="827" y="692"/>
                  <a:pt x="827" y="691"/>
                  <a:pt x="828" y="691"/>
                </a:cubicBezTo>
                <a:cubicBezTo>
                  <a:pt x="828" y="690"/>
                  <a:pt x="828" y="688"/>
                  <a:pt x="829" y="688"/>
                </a:cubicBezTo>
                <a:cubicBezTo>
                  <a:pt x="830" y="688"/>
                  <a:pt x="832" y="688"/>
                  <a:pt x="831" y="689"/>
                </a:cubicBezTo>
                <a:cubicBezTo>
                  <a:pt x="830" y="690"/>
                  <a:pt x="829" y="690"/>
                  <a:pt x="829" y="691"/>
                </a:cubicBezTo>
                <a:cubicBezTo>
                  <a:pt x="829" y="692"/>
                  <a:pt x="830" y="693"/>
                  <a:pt x="831" y="693"/>
                </a:cubicBezTo>
                <a:cubicBezTo>
                  <a:pt x="832" y="694"/>
                  <a:pt x="832" y="695"/>
                  <a:pt x="832" y="695"/>
                </a:cubicBezTo>
                <a:cubicBezTo>
                  <a:pt x="834" y="697"/>
                  <a:pt x="836" y="694"/>
                  <a:pt x="836" y="692"/>
                </a:cubicBezTo>
                <a:cubicBezTo>
                  <a:pt x="838" y="691"/>
                  <a:pt x="840" y="690"/>
                  <a:pt x="842" y="688"/>
                </a:cubicBezTo>
                <a:cubicBezTo>
                  <a:pt x="842" y="687"/>
                  <a:pt x="842" y="686"/>
                  <a:pt x="843" y="685"/>
                </a:cubicBezTo>
                <a:cubicBezTo>
                  <a:pt x="843" y="684"/>
                  <a:pt x="844" y="684"/>
                  <a:pt x="844" y="683"/>
                </a:cubicBezTo>
                <a:cubicBezTo>
                  <a:pt x="846" y="680"/>
                  <a:pt x="843" y="680"/>
                  <a:pt x="841" y="679"/>
                </a:cubicBezTo>
                <a:cubicBezTo>
                  <a:pt x="840" y="678"/>
                  <a:pt x="839" y="678"/>
                  <a:pt x="838" y="677"/>
                </a:cubicBezTo>
                <a:cubicBezTo>
                  <a:pt x="836" y="677"/>
                  <a:pt x="833" y="679"/>
                  <a:pt x="832" y="677"/>
                </a:cubicBezTo>
                <a:cubicBezTo>
                  <a:pt x="831" y="675"/>
                  <a:pt x="831" y="675"/>
                  <a:pt x="829" y="675"/>
                </a:cubicBezTo>
                <a:cubicBezTo>
                  <a:pt x="828" y="675"/>
                  <a:pt x="827" y="676"/>
                  <a:pt x="827" y="675"/>
                </a:cubicBezTo>
                <a:cubicBezTo>
                  <a:pt x="826" y="673"/>
                  <a:pt x="827" y="672"/>
                  <a:pt x="827" y="671"/>
                </a:cubicBezTo>
                <a:cubicBezTo>
                  <a:pt x="826" y="670"/>
                  <a:pt x="825" y="671"/>
                  <a:pt x="824" y="670"/>
                </a:cubicBezTo>
                <a:cubicBezTo>
                  <a:pt x="823" y="669"/>
                  <a:pt x="825" y="669"/>
                  <a:pt x="826" y="668"/>
                </a:cubicBezTo>
                <a:cubicBezTo>
                  <a:pt x="827" y="667"/>
                  <a:pt x="827" y="664"/>
                  <a:pt x="827" y="663"/>
                </a:cubicBezTo>
                <a:cubicBezTo>
                  <a:pt x="827" y="661"/>
                  <a:pt x="827" y="659"/>
                  <a:pt x="826" y="657"/>
                </a:cubicBezTo>
                <a:cubicBezTo>
                  <a:pt x="825" y="657"/>
                  <a:pt x="824" y="657"/>
                  <a:pt x="823" y="657"/>
                </a:cubicBezTo>
                <a:cubicBezTo>
                  <a:pt x="820" y="656"/>
                  <a:pt x="817" y="656"/>
                  <a:pt x="815" y="656"/>
                </a:cubicBezTo>
                <a:cubicBezTo>
                  <a:pt x="813" y="656"/>
                  <a:pt x="812" y="656"/>
                  <a:pt x="811" y="656"/>
                </a:cubicBezTo>
                <a:cubicBezTo>
                  <a:pt x="810" y="657"/>
                  <a:pt x="810" y="657"/>
                  <a:pt x="808" y="657"/>
                </a:cubicBezTo>
                <a:cubicBezTo>
                  <a:pt x="807" y="657"/>
                  <a:pt x="805" y="657"/>
                  <a:pt x="804" y="655"/>
                </a:cubicBezTo>
                <a:cubicBezTo>
                  <a:pt x="802" y="653"/>
                  <a:pt x="807" y="655"/>
                  <a:pt x="808" y="655"/>
                </a:cubicBezTo>
                <a:cubicBezTo>
                  <a:pt x="810" y="655"/>
                  <a:pt x="812" y="655"/>
                  <a:pt x="814" y="655"/>
                </a:cubicBezTo>
                <a:cubicBezTo>
                  <a:pt x="816" y="654"/>
                  <a:pt x="818" y="654"/>
                  <a:pt x="821" y="654"/>
                </a:cubicBezTo>
                <a:cubicBezTo>
                  <a:pt x="823" y="654"/>
                  <a:pt x="825" y="655"/>
                  <a:pt x="827" y="654"/>
                </a:cubicBezTo>
                <a:cubicBezTo>
                  <a:pt x="829" y="654"/>
                  <a:pt x="830" y="651"/>
                  <a:pt x="831" y="649"/>
                </a:cubicBezTo>
                <a:cubicBezTo>
                  <a:pt x="831" y="648"/>
                  <a:pt x="833" y="646"/>
                  <a:pt x="833" y="644"/>
                </a:cubicBezTo>
                <a:cubicBezTo>
                  <a:pt x="833" y="641"/>
                  <a:pt x="833" y="639"/>
                  <a:pt x="832" y="637"/>
                </a:cubicBezTo>
                <a:cubicBezTo>
                  <a:pt x="831" y="635"/>
                  <a:pt x="829" y="633"/>
                  <a:pt x="831" y="631"/>
                </a:cubicBezTo>
                <a:cubicBezTo>
                  <a:pt x="832" y="631"/>
                  <a:pt x="833" y="631"/>
                  <a:pt x="834" y="630"/>
                </a:cubicBezTo>
                <a:cubicBezTo>
                  <a:pt x="834" y="629"/>
                  <a:pt x="834" y="628"/>
                  <a:pt x="835" y="628"/>
                </a:cubicBezTo>
                <a:cubicBezTo>
                  <a:pt x="836" y="627"/>
                  <a:pt x="837" y="627"/>
                  <a:pt x="837" y="626"/>
                </a:cubicBezTo>
                <a:cubicBezTo>
                  <a:pt x="836" y="624"/>
                  <a:pt x="835" y="626"/>
                  <a:pt x="834" y="626"/>
                </a:cubicBezTo>
                <a:cubicBezTo>
                  <a:pt x="832" y="627"/>
                  <a:pt x="831" y="629"/>
                  <a:pt x="829" y="630"/>
                </a:cubicBezTo>
                <a:cubicBezTo>
                  <a:pt x="827" y="631"/>
                  <a:pt x="825" y="631"/>
                  <a:pt x="823" y="632"/>
                </a:cubicBezTo>
                <a:cubicBezTo>
                  <a:pt x="821" y="633"/>
                  <a:pt x="819" y="634"/>
                  <a:pt x="817" y="634"/>
                </a:cubicBezTo>
                <a:cubicBezTo>
                  <a:pt x="816" y="635"/>
                  <a:pt x="814" y="635"/>
                  <a:pt x="813" y="635"/>
                </a:cubicBezTo>
                <a:cubicBezTo>
                  <a:pt x="811" y="636"/>
                  <a:pt x="810" y="638"/>
                  <a:pt x="808" y="640"/>
                </a:cubicBezTo>
                <a:cubicBezTo>
                  <a:pt x="807" y="642"/>
                  <a:pt x="807" y="644"/>
                  <a:pt x="805" y="646"/>
                </a:cubicBezTo>
                <a:cubicBezTo>
                  <a:pt x="804" y="647"/>
                  <a:pt x="803" y="649"/>
                  <a:pt x="801" y="650"/>
                </a:cubicBezTo>
                <a:cubicBezTo>
                  <a:pt x="800" y="651"/>
                  <a:pt x="798" y="651"/>
                  <a:pt x="797" y="651"/>
                </a:cubicBezTo>
                <a:cubicBezTo>
                  <a:pt x="796" y="651"/>
                  <a:pt x="795" y="651"/>
                  <a:pt x="794" y="651"/>
                </a:cubicBezTo>
                <a:cubicBezTo>
                  <a:pt x="791" y="651"/>
                  <a:pt x="788" y="652"/>
                  <a:pt x="786" y="651"/>
                </a:cubicBezTo>
                <a:cubicBezTo>
                  <a:pt x="783" y="651"/>
                  <a:pt x="780" y="650"/>
                  <a:pt x="777" y="652"/>
                </a:cubicBezTo>
                <a:cubicBezTo>
                  <a:pt x="774" y="654"/>
                  <a:pt x="771" y="658"/>
                  <a:pt x="769" y="661"/>
                </a:cubicBezTo>
                <a:cubicBezTo>
                  <a:pt x="767" y="663"/>
                  <a:pt x="767" y="665"/>
                  <a:pt x="766" y="667"/>
                </a:cubicBezTo>
                <a:cubicBezTo>
                  <a:pt x="765" y="669"/>
                  <a:pt x="766" y="670"/>
                  <a:pt x="768" y="671"/>
                </a:cubicBezTo>
                <a:cubicBezTo>
                  <a:pt x="769" y="671"/>
                  <a:pt x="770" y="672"/>
                  <a:pt x="770" y="673"/>
                </a:cubicBezTo>
                <a:cubicBezTo>
                  <a:pt x="771" y="673"/>
                  <a:pt x="772" y="673"/>
                  <a:pt x="773" y="674"/>
                </a:cubicBezTo>
                <a:cubicBezTo>
                  <a:pt x="774" y="674"/>
                  <a:pt x="775" y="675"/>
                  <a:pt x="776" y="675"/>
                </a:cubicBezTo>
                <a:cubicBezTo>
                  <a:pt x="777" y="674"/>
                  <a:pt x="774" y="673"/>
                  <a:pt x="774" y="673"/>
                </a:cubicBezTo>
                <a:cubicBezTo>
                  <a:pt x="772" y="672"/>
                  <a:pt x="771" y="670"/>
                  <a:pt x="772" y="668"/>
                </a:cubicBezTo>
                <a:cubicBezTo>
                  <a:pt x="773" y="668"/>
                  <a:pt x="774" y="667"/>
                  <a:pt x="775" y="667"/>
                </a:cubicBezTo>
                <a:cubicBezTo>
                  <a:pt x="776" y="668"/>
                  <a:pt x="776" y="669"/>
                  <a:pt x="776" y="670"/>
                </a:cubicBezTo>
                <a:cubicBezTo>
                  <a:pt x="777" y="671"/>
                  <a:pt x="778" y="670"/>
                  <a:pt x="779" y="670"/>
                </a:cubicBezTo>
                <a:cubicBezTo>
                  <a:pt x="780" y="670"/>
                  <a:pt x="781" y="671"/>
                  <a:pt x="782" y="670"/>
                </a:cubicBezTo>
                <a:cubicBezTo>
                  <a:pt x="783" y="670"/>
                  <a:pt x="783" y="669"/>
                  <a:pt x="783" y="668"/>
                </a:cubicBezTo>
                <a:cubicBezTo>
                  <a:pt x="783" y="667"/>
                  <a:pt x="784" y="666"/>
                  <a:pt x="784" y="665"/>
                </a:cubicBezTo>
                <a:cubicBezTo>
                  <a:pt x="785" y="664"/>
                  <a:pt x="784" y="663"/>
                  <a:pt x="784" y="662"/>
                </a:cubicBezTo>
                <a:cubicBezTo>
                  <a:pt x="784" y="661"/>
                  <a:pt x="785" y="661"/>
                  <a:pt x="786" y="660"/>
                </a:cubicBezTo>
                <a:cubicBezTo>
                  <a:pt x="787" y="660"/>
                  <a:pt x="787" y="659"/>
                  <a:pt x="788" y="658"/>
                </a:cubicBezTo>
                <a:cubicBezTo>
                  <a:pt x="788" y="657"/>
                  <a:pt x="789" y="656"/>
                  <a:pt x="790" y="656"/>
                </a:cubicBezTo>
                <a:cubicBezTo>
                  <a:pt x="791" y="656"/>
                  <a:pt x="792" y="656"/>
                  <a:pt x="793" y="656"/>
                </a:cubicBezTo>
                <a:cubicBezTo>
                  <a:pt x="794" y="656"/>
                  <a:pt x="795" y="656"/>
                  <a:pt x="796" y="656"/>
                </a:cubicBezTo>
                <a:cubicBezTo>
                  <a:pt x="797" y="656"/>
                  <a:pt x="798" y="655"/>
                  <a:pt x="799" y="656"/>
                </a:cubicBezTo>
                <a:cubicBezTo>
                  <a:pt x="800" y="657"/>
                  <a:pt x="799" y="658"/>
                  <a:pt x="799" y="659"/>
                </a:cubicBezTo>
                <a:cubicBezTo>
                  <a:pt x="798" y="659"/>
                  <a:pt x="797" y="660"/>
                  <a:pt x="796" y="660"/>
                </a:cubicBezTo>
                <a:cubicBezTo>
                  <a:pt x="795" y="661"/>
                  <a:pt x="795" y="662"/>
                  <a:pt x="795" y="663"/>
                </a:cubicBezTo>
                <a:cubicBezTo>
                  <a:pt x="794" y="664"/>
                  <a:pt x="793" y="665"/>
                  <a:pt x="793" y="666"/>
                </a:cubicBezTo>
                <a:cubicBezTo>
                  <a:pt x="792" y="667"/>
                  <a:pt x="793" y="668"/>
                  <a:pt x="793" y="669"/>
                </a:cubicBezTo>
                <a:cubicBezTo>
                  <a:pt x="793" y="670"/>
                  <a:pt x="793" y="671"/>
                  <a:pt x="794" y="671"/>
                </a:cubicBezTo>
                <a:cubicBezTo>
                  <a:pt x="796" y="671"/>
                  <a:pt x="796" y="671"/>
                  <a:pt x="797" y="672"/>
                </a:cubicBezTo>
                <a:cubicBezTo>
                  <a:pt x="798" y="673"/>
                  <a:pt x="800" y="677"/>
                  <a:pt x="798" y="677"/>
                </a:cubicBezTo>
                <a:cubicBezTo>
                  <a:pt x="797" y="677"/>
                  <a:pt x="797" y="675"/>
                  <a:pt x="796" y="675"/>
                </a:cubicBezTo>
                <a:cubicBezTo>
                  <a:pt x="795" y="674"/>
                  <a:pt x="794" y="675"/>
                  <a:pt x="793" y="675"/>
                </a:cubicBezTo>
                <a:cubicBezTo>
                  <a:pt x="792" y="674"/>
                  <a:pt x="791" y="674"/>
                  <a:pt x="791" y="673"/>
                </a:cubicBezTo>
                <a:cubicBezTo>
                  <a:pt x="790" y="672"/>
                  <a:pt x="791" y="672"/>
                  <a:pt x="792" y="671"/>
                </a:cubicBezTo>
                <a:cubicBezTo>
                  <a:pt x="792" y="671"/>
                  <a:pt x="792" y="669"/>
                  <a:pt x="792" y="669"/>
                </a:cubicBezTo>
                <a:cubicBezTo>
                  <a:pt x="791" y="668"/>
                  <a:pt x="791" y="668"/>
                  <a:pt x="790" y="668"/>
                </a:cubicBezTo>
                <a:cubicBezTo>
                  <a:pt x="790" y="667"/>
                  <a:pt x="790" y="667"/>
                  <a:pt x="789" y="667"/>
                </a:cubicBezTo>
                <a:cubicBezTo>
                  <a:pt x="789" y="666"/>
                  <a:pt x="787" y="666"/>
                  <a:pt x="786" y="666"/>
                </a:cubicBezTo>
                <a:cubicBezTo>
                  <a:pt x="785" y="667"/>
                  <a:pt x="785" y="667"/>
                  <a:pt x="785" y="668"/>
                </a:cubicBezTo>
                <a:cubicBezTo>
                  <a:pt x="784" y="670"/>
                  <a:pt x="782" y="671"/>
                  <a:pt x="780" y="672"/>
                </a:cubicBezTo>
                <a:cubicBezTo>
                  <a:pt x="779" y="672"/>
                  <a:pt x="778" y="672"/>
                  <a:pt x="778" y="673"/>
                </a:cubicBezTo>
                <a:cubicBezTo>
                  <a:pt x="778" y="674"/>
                  <a:pt x="778" y="674"/>
                  <a:pt x="779" y="674"/>
                </a:cubicBezTo>
                <a:cubicBezTo>
                  <a:pt x="779" y="675"/>
                  <a:pt x="779" y="676"/>
                  <a:pt x="779" y="676"/>
                </a:cubicBezTo>
                <a:cubicBezTo>
                  <a:pt x="779" y="677"/>
                  <a:pt x="780" y="677"/>
                  <a:pt x="780" y="677"/>
                </a:cubicBezTo>
                <a:cubicBezTo>
                  <a:pt x="781" y="680"/>
                  <a:pt x="779" y="678"/>
                  <a:pt x="778" y="678"/>
                </a:cubicBezTo>
                <a:cubicBezTo>
                  <a:pt x="777" y="677"/>
                  <a:pt x="776" y="678"/>
                  <a:pt x="774" y="678"/>
                </a:cubicBezTo>
                <a:cubicBezTo>
                  <a:pt x="773" y="677"/>
                  <a:pt x="773" y="676"/>
                  <a:pt x="772" y="675"/>
                </a:cubicBezTo>
                <a:cubicBezTo>
                  <a:pt x="771" y="674"/>
                  <a:pt x="769" y="675"/>
                  <a:pt x="768" y="674"/>
                </a:cubicBezTo>
                <a:cubicBezTo>
                  <a:pt x="768" y="674"/>
                  <a:pt x="767" y="673"/>
                  <a:pt x="766" y="672"/>
                </a:cubicBezTo>
                <a:cubicBezTo>
                  <a:pt x="766" y="672"/>
                  <a:pt x="766" y="670"/>
                  <a:pt x="765" y="670"/>
                </a:cubicBezTo>
                <a:cubicBezTo>
                  <a:pt x="764" y="670"/>
                  <a:pt x="764" y="672"/>
                  <a:pt x="764" y="673"/>
                </a:cubicBezTo>
                <a:cubicBezTo>
                  <a:pt x="764" y="674"/>
                  <a:pt x="763" y="674"/>
                  <a:pt x="762" y="675"/>
                </a:cubicBezTo>
                <a:cubicBezTo>
                  <a:pt x="761" y="676"/>
                  <a:pt x="761" y="676"/>
                  <a:pt x="761" y="677"/>
                </a:cubicBezTo>
                <a:cubicBezTo>
                  <a:pt x="761" y="678"/>
                  <a:pt x="761" y="679"/>
                  <a:pt x="761" y="680"/>
                </a:cubicBezTo>
                <a:cubicBezTo>
                  <a:pt x="762" y="683"/>
                  <a:pt x="762" y="685"/>
                  <a:pt x="762" y="687"/>
                </a:cubicBezTo>
                <a:cubicBezTo>
                  <a:pt x="762" y="688"/>
                  <a:pt x="763" y="689"/>
                  <a:pt x="762" y="690"/>
                </a:cubicBezTo>
                <a:cubicBezTo>
                  <a:pt x="762" y="691"/>
                  <a:pt x="762" y="692"/>
                  <a:pt x="761" y="693"/>
                </a:cubicBezTo>
                <a:cubicBezTo>
                  <a:pt x="761" y="694"/>
                  <a:pt x="761" y="699"/>
                  <a:pt x="762" y="699"/>
                </a:cubicBezTo>
                <a:cubicBezTo>
                  <a:pt x="764" y="699"/>
                  <a:pt x="763" y="695"/>
                  <a:pt x="766" y="696"/>
                </a:cubicBezTo>
                <a:cubicBezTo>
                  <a:pt x="767" y="697"/>
                  <a:pt x="767" y="697"/>
                  <a:pt x="767" y="698"/>
                </a:cubicBezTo>
                <a:cubicBezTo>
                  <a:pt x="767" y="699"/>
                  <a:pt x="769" y="700"/>
                  <a:pt x="768" y="701"/>
                </a:cubicBezTo>
                <a:cubicBezTo>
                  <a:pt x="768" y="702"/>
                  <a:pt x="767" y="702"/>
                  <a:pt x="766" y="702"/>
                </a:cubicBezTo>
                <a:cubicBezTo>
                  <a:pt x="765" y="703"/>
                  <a:pt x="765" y="702"/>
                  <a:pt x="763" y="702"/>
                </a:cubicBezTo>
                <a:cubicBezTo>
                  <a:pt x="761" y="700"/>
                  <a:pt x="762" y="703"/>
                  <a:pt x="763" y="705"/>
                </a:cubicBezTo>
                <a:cubicBezTo>
                  <a:pt x="764" y="707"/>
                  <a:pt x="763" y="709"/>
                  <a:pt x="763" y="712"/>
                </a:cubicBezTo>
                <a:cubicBezTo>
                  <a:pt x="763" y="713"/>
                  <a:pt x="763" y="714"/>
                  <a:pt x="763" y="715"/>
                </a:cubicBezTo>
                <a:cubicBezTo>
                  <a:pt x="762" y="716"/>
                  <a:pt x="761" y="717"/>
                  <a:pt x="762" y="718"/>
                </a:cubicBezTo>
                <a:cubicBezTo>
                  <a:pt x="762" y="719"/>
                  <a:pt x="763" y="719"/>
                  <a:pt x="764" y="720"/>
                </a:cubicBezTo>
                <a:cubicBezTo>
                  <a:pt x="764" y="721"/>
                  <a:pt x="764" y="722"/>
                  <a:pt x="765" y="722"/>
                </a:cubicBezTo>
                <a:cubicBezTo>
                  <a:pt x="767" y="723"/>
                  <a:pt x="767" y="722"/>
                  <a:pt x="767" y="721"/>
                </a:cubicBezTo>
                <a:cubicBezTo>
                  <a:pt x="767" y="720"/>
                  <a:pt x="766" y="720"/>
                  <a:pt x="766" y="718"/>
                </a:cubicBezTo>
                <a:cubicBezTo>
                  <a:pt x="766" y="717"/>
                  <a:pt x="767" y="716"/>
                  <a:pt x="768" y="717"/>
                </a:cubicBezTo>
                <a:cubicBezTo>
                  <a:pt x="769" y="717"/>
                  <a:pt x="770" y="718"/>
                  <a:pt x="770" y="719"/>
                </a:cubicBezTo>
                <a:cubicBezTo>
                  <a:pt x="771" y="720"/>
                  <a:pt x="772" y="720"/>
                  <a:pt x="773" y="720"/>
                </a:cubicBezTo>
                <a:cubicBezTo>
                  <a:pt x="776" y="722"/>
                  <a:pt x="775" y="724"/>
                  <a:pt x="776" y="726"/>
                </a:cubicBezTo>
                <a:cubicBezTo>
                  <a:pt x="777" y="727"/>
                  <a:pt x="778" y="727"/>
                  <a:pt x="778" y="728"/>
                </a:cubicBezTo>
                <a:cubicBezTo>
                  <a:pt x="779" y="729"/>
                  <a:pt x="779" y="730"/>
                  <a:pt x="778" y="731"/>
                </a:cubicBezTo>
                <a:cubicBezTo>
                  <a:pt x="778" y="732"/>
                  <a:pt x="777" y="732"/>
                  <a:pt x="777" y="733"/>
                </a:cubicBezTo>
                <a:cubicBezTo>
                  <a:pt x="777" y="733"/>
                  <a:pt x="776" y="734"/>
                  <a:pt x="776" y="734"/>
                </a:cubicBezTo>
                <a:cubicBezTo>
                  <a:pt x="774" y="736"/>
                  <a:pt x="773" y="732"/>
                  <a:pt x="772" y="733"/>
                </a:cubicBezTo>
                <a:cubicBezTo>
                  <a:pt x="771" y="733"/>
                  <a:pt x="772" y="735"/>
                  <a:pt x="772" y="736"/>
                </a:cubicBezTo>
                <a:cubicBezTo>
                  <a:pt x="772" y="736"/>
                  <a:pt x="772" y="737"/>
                  <a:pt x="772" y="737"/>
                </a:cubicBezTo>
                <a:cubicBezTo>
                  <a:pt x="773" y="737"/>
                  <a:pt x="773" y="736"/>
                  <a:pt x="774" y="736"/>
                </a:cubicBezTo>
                <a:cubicBezTo>
                  <a:pt x="774" y="737"/>
                  <a:pt x="775" y="739"/>
                  <a:pt x="776" y="737"/>
                </a:cubicBezTo>
                <a:cubicBezTo>
                  <a:pt x="778" y="735"/>
                  <a:pt x="777" y="740"/>
                  <a:pt x="776" y="741"/>
                </a:cubicBezTo>
                <a:cubicBezTo>
                  <a:pt x="776" y="742"/>
                  <a:pt x="776" y="743"/>
                  <a:pt x="776" y="744"/>
                </a:cubicBezTo>
                <a:cubicBezTo>
                  <a:pt x="776" y="745"/>
                  <a:pt x="776" y="746"/>
                  <a:pt x="774" y="746"/>
                </a:cubicBezTo>
                <a:cubicBezTo>
                  <a:pt x="773" y="746"/>
                  <a:pt x="772" y="745"/>
                  <a:pt x="771" y="746"/>
                </a:cubicBezTo>
                <a:cubicBezTo>
                  <a:pt x="767" y="746"/>
                  <a:pt x="770" y="741"/>
                  <a:pt x="771" y="740"/>
                </a:cubicBezTo>
                <a:cubicBezTo>
                  <a:pt x="772" y="739"/>
                  <a:pt x="772" y="738"/>
                  <a:pt x="770" y="738"/>
                </a:cubicBezTo>
                <a:cubicBezTo>
                  <a:pt x="769" y="738"/>
                  <a:pt x="769" y="739"/>
                  <a:pt x="769" y="740"/>
                </a:cubicBezTo>
                <a:cubicBezTo>
                  <a:pt x="768" y="742"/>
                  <a:pt x="767" y="743"/>
                  <a:pt x="767" y="745"/>
                </a:cubicBezTo>
                <a:cubicBezTo>
                  <a:pt x="766" y="747"/>
                  <a:pt x="766" y="750"/>
                  <a:pt x="767" y="751"/>
                </a:cubicBezTo>
                <a:cubicBezTo>
                  <a:pt x="768" y="754"/>
                  <a:pt x="768" y="748"/>
                  <a:pt x="768" y="748"/>
                </a:cubicBezTo>
                <a:cubicBezTo>
                  <a:pt x="769" y="746"/>
                  <a:pt x="772" y="747"/>
                  <a:pt x="773" y="747"/>
                </a:cubicBezTo>
                <a:cubicBezTo>
                  <a:pt x="775" y="747"/>
                  <a:pt x="778" y="746"/>
                  <a:pt x="779" y="748"/>
                </a:cubicBezTo>
                <a:cubicBezTo>
                  <a:pt x="779" y="749"/>
                  <a:pt x="779" y="750"/>
                  <a:pt x="780" y="751"/>
                </a:cubicBezTo>
                <a:cubicBezTo>
                  <a:pt x="781" y="752"/>
                  <a:pt x="782" y="752"/>
                  <a:pt x="782" y="753"/>
                </a:cubicBezTo>
                <a:cubicBezTo>
                  <a:pt x="783" y="754"/>
                  <a:pt x="783" y="755"/>
                  <a:pt x="783" y="756"/>
                </a:cubicBezTo>
                <a:cubicBezTo>
                  <a:pt x="784" y="757"/>
                  <a:pt x="784" y="757"/>
                  <a:pt x="785" y="758"/>
                </a:cubicBezTo>
                <a:cubicBezTo>
                  <a:pt x="787" y="759"/>
                  <a:pt x="787" y="762"/>
                  <a:pt x="786" y="764"/>
                </a:cubicBezTo>
                <a:cubicBezTo>
                  <a:pt x="785" y="765"/>
                  <a:pt x="782" y="765"/>
                  <a:pt x="780" y="765"/>
                </a:cubicBezTo>
                <a:cubicBezTo>
                  <a:pt x="779" y="765"/>
                  <a:pt x="778" y="765"/>
                  <a:pt x="778" y="766"/>
                </a:cubicBezTo>
                <a:cubicBezTo>
                  <a:pt x="777" y="767"/>
                  <a:pt x="777" y="768"/>
                  <a:pt x="777" y="769"/>
                </a:cubicBezTo>
                <a:cubicBezTo>
                  <a:pt x="778" y="770"/>
                  <a:pt x="781" y="769"/>
                  <a:pt x="782" y="769"/>
                </a:cubicBezTo>
                <a:cubicBezTo>
                  <a:pt x="785" y="770"/>
                  <a:pt x="783" y="772"/>
                  <a:pt x="782" y="773"/>
                </a:cubicBezTo>
                <a:cubicBezTo>
                  <a:pt x="782" y="775"/>
                  <a:pt x="783" y="777"/>
                  <a:pt x="784" y="778"/>
                </a:cubicBezTo>
                <a:cubicBezTo>
                  <a:pt x="784" y="779"/>
                  <a:pt x="783" y="780"/>
                  <a:pt x="784" y="781"/>
                </a:cubicBezTo>
                <a:cubicBezTo>
                  <a:pt x="784" y="782"/>
                  <a:pt x="786" y="782"/>
                  <a:pt x="787" y="783"/>
                </a:cubicBezTo>
                <a:cubicBezTo>
                  <a:pt x="788" y="785"/>
                  <a:pt x="788" y="785"/>
                  <a:pt x="789" y="785"/>
                </a:cubicBezTo>
                <a:cubicBezTo>
                  <a:pt x="790" y="785"/>
                  <a:pt x="791" y="785"/>
                  <a:pt x="792" y="786"/>
                </a:cubicBezTo>
                <a:cubicBezTo>
                  <a:pt x="793" y="787"/>
                  <a:pt x="792" y="788"/>
                  <a:pt x="791" y="788"/>
                </a:cubicBezTo>
                <a:cubicBezTo>
                  <a:pt x="790" y="789"/>
                  <a:pt x="789" y="789"/>
                  <a:pt x="788" y="788"/>
                </a:cubicBezTo>
                <a:cubicBezTo>
                  <a:pt x="787" y="788"/>
                  <a:pt x="786" y="787"/>
                  <a:pt x="785" y="787"/>
                </a:cubicBezTo>
                <a:cubicBezTo>
                  <a:pt x="783" y="787"/>
                  <a:pt x="781" y="787"/>
                  <a:pt x="778" y="787"/>
                </a:cubicBezTo>
                <a:cubicBezTo>
                  <a:pt x="778" y="787"/>
                  <a:pt x="776" y="787"/>
                  <a:pt x="775" y="787"/>
                </a:cubicBezTo>
                <a:cubicBezTo>
                  <a:pt x="774" y="788"/>
                  <a:pt x="775" y="789"/>
                  <a:pt x="774" y="790"/>
                </a:cubicBezTo>
                <a:cubicBezTo>
                  <a:pt x="774" y="792"/>
                  <a:pt x="772" y="794"/>
                  <a:pt x="773" y="796"/>
                </a:cubicBezTo>
                <a:cubicBezTo>
                  <a:pt x="774" y="797"/>
                  <a:pt x="774" y="797"/>
                  <a:pt x="774" y="799"/>
                </a:cubicBezTo>
                <a:cubicBezTo>
                  <a:pt x="774" y="799"/>
                  <a:pt x="774" y="801"/>
                  <a:pt x="773" y="801"/>
                </a:cubicBezTo>
                <a:cubicBezTo>
                  <a:pt x="772" y="801"/>
                  <a:pt x="770" y="798"/>
                  <a:pt x="769" y="798"/>
                </a:cubicBezTo>
                <a:cubicBezTo>
                  <a:pt x="768" y="797"/>
                  <a:pt x="763" y="797"/>
                  <a:pt x="764" y="800"/>
                </a:cubicBezTo>
                <a:cubicBezTo>
                  <a:pt x="765" y="801"/>
                  <a:pt x="769" y="801"/>
                  <a:pt x="767" y="803"/>
                </a:cubicBezTo>
                <a:cubicBezTo>
                  <a:pt x="766" y="804"/>
                  <a:pt x="761" y="805"/>
                  <a:pt x="762" y="803"/>
                </a:cubicBezTo>
                <a:cubicBezTo>
                  <a:pt x="762" y="802"/>
                  <a:pt x="763" y="801"/>
                  <a:pt x="763" y="800"/>
                </a:cubicBezTo>
                <a:cubicBezTo>
                  <a:pt x="763" y="799"/>
                  <a:pt x="761" y="798"/>
                  <a:pt x="760" y="798"/>
                </a:cubicBezTo>
                <a:cubicBezTo>
                  <a:pt x="758" y="797"/>
                  <a:pt x="756" y="795"/>
                  <a:pt x="754" y="795"/>
                </a:cubicBezTo>
                <a:cubicBezTo>
                  <a:pt x="750" y="794"/>
                  <a:pt x="747" y="795"/>
                  <a:pt x="743" y="795"/>
                </a:cubicBezTo>
                <a:cubicBezTo>
                  <a:pt x="741" y="795"/>
                  <a:pt x="740" y="795"/>
                  <a:pt x="738" y="795"/>
                </a:cubicBezTo>
                <a:cubicBezTo>
                  <a:pt x="738" y="795"/>
                  <a:pt x="737" y="795"/>
                  <a:pt x="737" y="795"/>
                </a:cubicBezTo>
                <a:cubicBezTo>
                  <a:pt x="736" y="795"/>
                  <a:pt x="736" y="795"/>
                  <a:pt x="735" y="796"/>
                </a:cubicBezTo>
                <a:cubicBezTo>
                  <a:pt x="734" y="796"/>
                  <a:pt x="734" y="797"/>
                  <a:pt x="733" y="798"/>
                </a:cubicBezTo>
                <a:cubicBezTo>
                  <a:pt x="733" y="799"/>
                  <a:pt x="731" y="799"/>
                  <a:pt x="731" y="800"/>
                </a:cubicBezTo>
                <a:cubicBezTo>
                  <a:pt x="730" y="800"/>
                  <a:pt x="730" y="801"/>
                  <a:pt x="730" y="802"/>
                </a:cubicBezTo>
                <a:cubicBezTo>
                  <a:pt x="729" y="803"/>
                  <a:pt x="729" y="804"/>
                  <a:pt x="728" y="805"/>
                </a:cubicBezTo>
                <a:cubicBezTo>
                  <a:pt x="728" y="807"/>
                  <a:pt x="729" y="806"/>
                  <a:pt x="730" y="807"/>
                </a:cubicBezTo>
                <a:cubicBezTo>
                  <a:pt x="731" y="808"/>
                  <a:pt x="731" y="809"/>
                  <a:pt x="732" y="809"/>
                </a:cubicBezTo>
                <a:cubicBezTo>
                  <a:pt x="733" y="809"/>
                  <a:pt x="734" y="809"/>
                  <a:pt x="735" y="810"/>
                </a:cubicBezTo>
                <a:cubicBezTo>
                  <a:pt x="737" y="811"/>
                  <a:pt x="733" y="813"/>
                  <a:pt x="732" y="812"/>
                </a:cubicBezTo>
                <a:cubicBezTo>
                  <a:pt x="732" y="812"/>
                  <a:pt x="732" y="812"/>
                  <a:pt x="731" y="811"/>
                </a:cubicBezTo>
                <a:cubicBezTo>
                  <a:pt x="731" y="811"/>
                  <a:pt x="731" y="811"/>
                  <a:pt x="730" y="811"/>
                </a:cubicBezTo>
                <a:cubicBezTo>
                  <a:pt x="729" y="810"/>
                  <a:pt x="729" y="810"/>
                  <a:pt x="728" y="809"/>
                </a:cubicBezTo>
                <a:cubicBezTo>
                  <a:pt x="728" y="808"/>
                  <a:pt x="727" y="808"/>
                  <a:pt x="726" y="807"/>
                </a:cubicBezTo>
                <a:cubicBezTo>
                  <a:pt x="725" y="807"/>
                  <a:pt x="724" y="806"/>
                  <a:pt x="723" y="806"/>
                </a:cubicBezTo>
                <a:cubicBezTo>
                  <a:pt x="722" y="806"/>
                  <a:pt x="721" y="805"/>
                  <a:pt x="720" y="805"/>
                </a:cubicBezTo>
                <a:cubicBezTo>
                  <a:pt x="719" y="805"/>
                  <a:pt x="718" y="805"/>
                  <a:pt x="717" y="805"/>
                </a:cubicBezTo>
                <a:cubicBezTo>
                  <a:pt x="716" y="805"/>
                  <a:pt x="715" y="805"/>
                  <a:pt x="714" y="805"/>
                </a:cubicBezTo>
                <a:cubicBezTo>
                  <a:pt x="711" y="805"/>
                  <a:pt x="709" y="805"/>
                  <a:pt x="707" y="806"/>
                </a:cubicBezTo>
                <a:cubicBezTo>
                  <a:pt x="705" y="806"/>
                  <a:pt x="703" y="806"/>
                  <a:pt x="700" y="806"/>
                </a:cubicBezTo>
                <a:cubicBezTo>
                  <a:pt x="698" y="806"/>
                  <a:pt x="696" y="806"/>
                  <a:pt x="694" y="807"/>
                </a:cubicBezTo>
                <a:cubicBezTo>
                  <a:pt x="692" y="808"/>
                  <a:pt x="690" y="808"/>
                  <a:pt x="688" y="809"/>
                </a:cubicBezTo>
                <a:cubicBezTo>
                  <a:pt x="686" y="810"/>
                  <a:pt x="685" y="811"/>
                  <a:pt x="684" y="813"/>
                </a:cubicBezTo>
                <a:cubicBezTo>
                  <a:pt x="682" y="814"/>
                  <a:pt x="681" y="816"/>
                  <a:pt x="679" y="817"/>
                </a:cubicBezTo>
                <a:cubicBezTo>
                  <a:pt x="678" y="818"/>
                  <a:pt x="677" y="820"/>
                  <a:pt x="676" y="821"/>
                </a:cubicBezTo>
                <a:cubicBezTo>
                  <a:pt x="675" y="822"/>
                  <a:pt x="673" y="823"/>
                  <a:pt x="672" y="824"/>
                </a:cubicBezTo>
                <a:cubicBezTo>
                  <a:pt x="670" y="825"/>
                  <a:pt x="669" y="826"/>
                  <a:pt x="667" y="826"/>
                </a:cubicBezTo>
                <a:cubicBezTo>
                  <a:pt x="666" y="826"/>
                  <a:pt x="664" y="826"/>
                  <a:pt x="664" y="826"/>
                </a:cubicBezTo>
                <a:cubicBezTo>
                  <a:pt x="663" y="826"/>
                  <a:pt x="662" y="827"/>
                  <a:pt x="662" y="828"/>
                </a:cubicBezTo>
                <a:cubicBezTo>
                  <a:pt x="660" y="829"/>
                  <a:pt x="659" y="830"/>
                  <a:pt x="658" y="832"/>
                </a:cubicBezTo>
                <a:cubicBezTo>
                  <a:pt x="658" y="833"/>
                  <a:pt x="659" y="835"/>
                  <a:pt x="659" y="837"/>
                </a:cubicBezTo>
                <a:cubicBezTo>
                  <a:pt x="658" y="838"/>
                  <a:pt x="657" y="838"/>
                  <a:pt x="657" y="839"/>
                </a:cubicBezTo>
                <a:cubicBezTo>
                  <a:pt x="657" y="840"/>
                  <a:pt x="657" y="841"/>
                  <a:pt x="657" y="842"/>
                </a:cubicBezTo>
                <a:cubicBezTo>
                  <a:pt x="656" y="845"/>
                  <a:pt x="654" y="849"/>
                  <a:pt x="653" y="851"/>
                </a:cubicBezTo>
                <a:cubicBezTo>
                  <a:pt x="652" y="853"/>
                  <a:pt x="650" y="854"/>
                  <a:pt x="649" y="856"/>
                </a:cubicBezTo>
                <a:cubicBezTo>
                  <a:pt x="648" y="858"/>
                  <a:pt x="647" y="859"/>
                  <a:pt x="645" y="861"/>
                </a:cubicBezTo>
                <a:cubicBezTo>
                  <a:pt x="643" y="862"/>
                  <a:pt x="638" y="865"/>
                  <a:pt x="642" y="869"/>
                </a:cubicBezTo>
                <a:cubicBezTo>
                  <a:pt x="643" y="869"/>
                  <a:pt x="643" y="870"/>
                  <a:pt x="644" y="870"/>
                </a:cubicBezTo>
                <a:cubicBezTo>
                  <a:pt x="645" y="871"/>
                  <a:pt x="646" y="870"/>
                  <a:pt x="647" y="871"/>
                </a:cubicBezTo>
                <a:cubicBezTo>
                  <a:pt x="647" y="871"/>
                  <a:pt x="647" y="872"/>
                  <a:pt x="648" y="873"/>
                </a:cubicBezTo>
                <a:cubicBezTo>
                  <a:pt x="649" y="873"/>
                  <a:pt x="650" y="873"/>
                  <a:pt x="651" y="873"/>
                </a:cubicBezTo>
                <a:cubicBezTo>
                  <a:pt x="653" y="875"/>
                  <a:pt x="648" y="875"/>
                  <a:pt x="647" y="876"/>
                </a:cubicBezTo>
                <a:cubicBezTo>
                  <a:pt x="647" y="876"/>
                  <a:pt x="647" y="877"/>
                  <a:pt x="647" y="877"/>
                </a:cubicBezTo>
                <a:cubicBezTo>
                  <a:pt x="646" y="877"/>
                  <a:pt x="646" y="877"/>
                  <a:pt x="645" y="877"/>
                </a:cubicBezTo>
                <a:cubicBezTo>
                  <a:pt x="644" y="877"/>
                  <a:pt x="643" y="878"/>
                  <a:pt x="642" y="878"/>
                </a:cubicBezTo>
                <a:cubicBezTo>
                  <a:pt x="641" y="878"/>
                  <a:pt x="642" y="876"/>
                  <a:pt x="641" y="876"/>
                </a:cubicBezTo>
                <a:cubicBezTo>
                  <a:pt x="641" y="875"/>
                  <a:pt x="640" y="875"/>
                  <a:pt x="639" y="874"/>
                </a:cubicBezTo>
                <a:cubicBezTo>
                  <a:pt x="637" y="874"/>
                  <a:pt x="635" y="872"/>
                  <a:pt x="633" y="873"/>
                </a:cubicBezTo>
                <a:cubicBezTo>
                  <a:pt x="631" y="873"/>
                  <a:pt x="630" y="875"/>
                  <a:pt x="633" y="875"/>
                </a:cubicBezTo>
                <a:cubicBezTo>
                  <a:pt x="634" y="875"/>
                  <a:pt x="635" y="875"/>
                  <a:pt x="636" y="875"/>
                </a:cubicBezTo>
                <a:cubicBezTo>
                  <a:pt x="637" y="876"/>
                  <a:pt x="637" y="877"/>
                  <a:pt x="638" y="877"/>
                </a:cubicBezTo>
                <a:cubicBezTo>
                  <a:pt x="638" y="878"/>
                  <a:pt x="639" y="877"/>
                  <a:pt x="639" y="878"/>
                </a:cubicBezTo>
                <a:cubicBezTo>
                  <a:pt x="639" y="878"/>
                  <a:pt x="640" y="878"/>
                  <a:pt x="640" y="879"/>
                </a:cubicBezTo>
                <a:cubicBezTo>
                  <a:pt x="641" y="879"/>
                  <a:pt x="641" y="880"/>
                  <a:pt x="642" y="880"/>
                </a:cubicBezTo>
                <a:cubicBezTo>
                  <a:pt x="644" y="880"/>
                  <a:pt x="644" y="880"/>
                  <a:pt x="645" y="881"/>
                </a:cubicBezTo>
                <a:cubicBezTo>
                  <a:pt x="646" y="882"/>
                  <a:pt x="647" y="882"/>
                  <a:pt x="647" y="884"/>
                </a:cubicBezTo>
                <a:cubicBezTo>
                  <a:pt x="646" y="884"/>
                  <a:pt x="644" y="884"/>
                  <a:pt x="643" y="883"/>
                </a:cubicBezTo>
                <a:cubicBezTo>
                  <a:pt x="642" y="883"/>
                  <a:pt x="641" y="882"/>
                  <a:pt x="639" y="881"/>
                </a:cubicBezTo>
                <a:cubicBezTo>
                  <a:pt x="639" y="881"/>
                  <a:pt x="638" y="881"/>
                  <a:pt x="637" y="881"/>
                </a:cubicBezTo>
                <a:cubicBezTo>
                  <a:pt x="637" y="880"/>
                  <a:pt x="637" y="880"/>
                  <a:pt x="636" y="879"/>
                </a:cubicBezTo>
                <a:cubicBezTo>
                  <a:pt x="634" y="878"/>
                  <a:pt x="630" y="878"/>
                  <a:pt x="627" y="879"/>
                </a:cubicBezTo>
                <a:cubicBezTo>
                  <a:pt x="626" y="879"/>
                  <a:pt x="622" y="880"/>
                  <a:pt x="623" y="882"/>
                </a:cubicBezTo>
                <a:cubicBezTo>
                  <a:pt x="624" y="882"/>
                  <a:pt x="624" y="882"/>
                  <a:pt x="625" y="882"/>
                </a:cubicBezTo>
                <a:cubicBezTo>
                  <a:pt x="625" y="883"/>
                  <a:pt x="625" y="883"/>
                  <a:pt x="626" y="884"/>
                </a:cubicBezTo>
                <a:cubicBezTo>
                  <a:pt x="627" y="884"/>
                  <a:pt x="627" y="884"/>
                  <a:pt x="628" y="884"/>
                </a:cubicBezTo>
                <a:cubicBezTo>
                  <a:pt x="631" y="883"/>
                  <a:pt x="632" y="884"/>
                  <a:pt x="634" y="884"/>
                </a:cubicBezTo>
                <a:cubicBezTo>
                  <a:pt x="635" y="884"/>
                  <a:pt x="636" y="884"/>
                  <a:pt x="637" y="884"/>
                </a:cubicBezTo>
                <a:cubicBezTo>
                  <a:pt x="638" y="884"/>
                  <a:pt x="639" y="884"/>
                  <a:pt x="640" y="885"/>
                </a:cubicBezTo>
                <a:cubicBezTo>
                  <a:pt x="641" y="885"/>
                  <a:pt x="641" y="885"/>
                  <a:pt x="642" y="886"/>
                </a:cubicBezTo>
                <a:cubicBezTo>
                  <a:pt x="643" y="887"/>
                  <a:pt x="647" y="887"/>
                  <a:pt x="647" y="889"/>
                </a:cubicBezTo>
                <a:cubicBezTo>
                  <a:pt x="646" y="887"/>
                  <a:pt x="643" y="888"/>
                  <a:pt x="641" y="888"/>
                </a:cubicBezTo>
                <a:cubicBezTo>
                  <a:pt x="639" y="888"/>
                  <a:pt x="637" y="888"/>
                  <a:pt x="635" y="887"/>
                </a:cubicBezTo>
                <a:cubicBezTo>
                  <a:pt x="633" y="887"/>
                  <a:pt x="631" y="886"/>
                  <a:pt x="629" y="886"/>
                </a:cubicBezTo>
                <a:cubicBezTo>
                  <a:pt x="628" y="886"/>
                  <a:pt x="628" y="887"/>
                  <a:pt x="626" y="887"/>
                </a:cubicBezTo>
                <a:cubicBezTo>
                  <a:pt x="625" y="887"/>
                  <a:pt x="625" y="886"/>
                  <a:pt x="624" y="886"/>
                </a:cubicBezTo>
                <a:cubicBezTo>
                  <a:pt x="623" y="886"/>
                  <a:pt x="623" y="887"/>
                  <a:pt x="622" y="887"/>
                </a:cubicBezTo>
                <a:cubicBezTo>
                  <a:pt x="621" y="887"/>
                  <a:pt x="621" y="887"/>
                  <a:pt x="620" y="887"/>
                </a:cubicBezTo>
                <a:cubicBezTo>
                  <a:pt x="619" y="887"/>
                  <a:pt x="619" y="887"/>
                  <a:pt x="618" y="887"/>
                </a:cubicBezTo>
                <a:cubicBezTo>
                  <a:pt x="617" y="888"/>
                  <a:pt x="616" y="889"/>
                  <a:pt x="615" y="889"/>
                </a:cubicBezTo>
                <a:cubicBezTo>
                  <a:pt x="614" y="890"/>
                  <a:pt x="613" y="890"/>
                  <a:pt x="611" y="890"/>
                </a:cubicBezTo>
                <a:cubicBezTo>
                  <a:pt x="609" y="891"/>
                  <a:pt x="608" y="893"/>
                  <a:pt x="606" y="894"/>
                </a:cubicBezTo>
                <a:cubicBezTo>
                  <a:pt x="604" y="895"/>
                  <a:pt x="602" y="895"/>
                  <a:pt x="600" y="896"/>
                </a:cubicBezTo>
                <a:cubicBezTo>
                  <a:pt x="598" y="897"/>
                  <a:pt x="597" y="898"/>
                  <a:pt x="595" y="899"/>
                </a:cubicBezTo>
                <a:cubicBezTo>
                  <a:pt x="593" y="899"/>
                  <a:pt x="591" y="899"/>
                  <a:pt x="588" y="900"/>
                </a:cubicBezTo>
                <a:cubicBezTo>
                  <a:pt x="587" y="901"/>
                  <a:pt x="586" y="902"/>
                  <a:pt x="585" y="902"/>
                </a:cubicBezTo>
                <a:cubicBezTo>
                  <a:pt x="583" y="903"/>
                  <a:pt x="581" y="903"/>
                  <a:pt x="580" y="903"/>
                </a:cubicBezTo>
                <a:cubicBezTo>
                  <a:pt x="578" y="903"/>
                  <a:pt x="576" y="904"/>
                  <a:pt x="574" y="905"/>
                </a:cubicBezTo>
                <a:cubicBezTo>
                  <a:pt x="573" y="906"/>
                  <a:pt x="571" y="906"/>
                  <a:pt x="569" y="907"/>
                </a:cubicBezTo>
                <a:cubicBezTo>
                  <a:pt x="567" y="908"/>
                  <a:pt x="567" y="910"/>
                  <a:pt x="567" y="913"/>
                </a:cubicBezTo>
                <a:cubicBezTo>
                  <a:pt x="567" y="915"/>
                  <a:pt x="566" y="917"/>
                  <a:pt x="567" y="919"/>
                </a:cubicBezTo>
                <a:cubicBezTo>
                  <a:pt x="568" y="920"/>
                  <a:pt x="568" y="921"/>
                  <a:pt x="569" y="922"/>
                </a:cubicBezTo>
                <a:cubicBezTo>
                  <a:pt x="569" y="923"/>
                  <a:pt x="568" y="924"/>
                  <a:pt x="568" y="925"/>
                </a:cubicBezTo>
                <a:cubicBezTo>
                  <a:pt x="568" y="926"/>
                  <a:pt x="568" y="927"/>
                  <a:pt x="568" y="928"/>
                </a:cubicBezTo>
                <a:cubicBezTo>
                  <a:pt x="568" y="929"/>
                  <a:pt x="569" y="930"/>
                  <a:pt x="569" y="931"/>
                </a:cubicBezTo>
                <a:cubicBezTo>
                  <a:pt x="570" y="933"/>
                  <a:pt x="569" y="934"/>
                  <a:pt x="567" y="935"/>
                </a:cubicBezTo>
                <a:cubicBezTo>
                  <a:pt x="566" y="936"/>
                  <a:pt x="564" y="936"/>
                  <a:pt x="563" y="937"/>
                </a:cubicBezTo>
                <a:cubicBezTo>
                  <a:pt x="562" y="937"/>
                  <a:pt x="561" y="938"/>
                  <a:pt x="560" y="939"/>
                </a:cubicBezTo>
                <a:cubicBezTo>
                  <a:pt x="558" y="941"/>
                  <a:pt x="555" y="942"/>
                  <a:pt x="553" y="943"/>
                </a:cubicBezTo>
                <a:cubicBezTo>
                  <a:pt x="552" y="944"/>
                  <a:pt x="551" y="944"/>
                  <a:pt x="550" y="944"/>
                </a:cubicBezTo>
                <a:cubicBezTo>
                  <a:pt x="548" y="944"/>
                  <a:pt x="546" y="945"/>
                  <a:pt x="544" y="946"/>
                </a:cubicBezTo>
                <a:cubicBezTo>
                  <a:pt x="542" y="947"/>
                  <a:pt x="539" y="947"/>
                  <a:pt x="537" y="947"/>
                </a:cubicBezTo>
                <a:cubicBezTo>
                  <a:pt x="536" y="948"/>
                  <a:pt x="534" y="949"/>
                  <a:pt x="532" y="950"/>
                </a:cubicBezTo>
                <a:cubicBezTo>
                  <a:pt x="530" y="951"/>
                  <a:pt x="528" y="951"/>
                  <a:pt x="526" y="953"/>
                </a:cubicBezTo>
                <a:cubicBezTo>
                  <a:pt x="525" y="955"/>
                  <a:pt x="524" y="957"/>
                  <a:pt x="523" y="958"/>
                </a:cubicBezTo>
                <a:cubicBezTo>
                  <a:pt x="520" y="964"/>
                  <a:pt x="532" y="959"/>
                  <a:pt x="532" y="962"/>
                </a:cubicBezTo>
                <a:cubicBezTo>
                  <a:pt x="532" y="964"/>
                  <a:pt x="530" y="963"/>
                  <a:pt x="529" y="963"/>
                </a:cubicBezTo>
                <a:cubicBezTo>
                  <a:pt x="528" y="963"/>
                  <a:pt x="527" y="964"/>
                  <a:pt x="526" y="964"/>
                </a:cubicBezTo>
                <a:cubicBezTo>
                  <a:pt x="521" y="967"/>
                  <a:pt x="515" y="971"/>
                  <a:pt x="509" y="969"/>
                </a:cubicBezTo>
                <a:cubicBezTo>
                  <a:pt x="507" y="968"/>
                  <a:pt x="505" y="967"/>
                  <a:pt x="503" y="967"/>
                </a:cubicBezTo>
                <a:cubicBezTo>
                  <a:pt x="500" y="967"/>
                  <a:pt x="498" y="968"/>
                  <a:pt x="496" y="967"/>
                </a:cubicBezTo>
                <a:cubicBezTo>
                  <a:pt x="494" y="967"/>
                  <a:pt x="492" y="967"/>
                  <a:pt x="490" y="966"/>
                </a:cubicBezTo>
                <a:cubicBezTo>
                  <a:pt x="488" y="966"/>
                  <a:pt x="487" y="966"/>
                  <a:pt x="487" y="965"/>
                </a:cubicBezTo>
                <a:cubicBezTo>
                  <a:pt x="486" y="964"/>
                  <a:pt x="486" y="963"/>
                  <a:pt x="485" y="962"/>
                </a:cubicBezTo>
                <a:cubicBezTo>
                  <a:pt x="484" y="961"/>
                  <a:pt x="482" y="960"/>
                  <a:pt x="481" y="958"/>
                </a:cubicBezTo>
                <a:cubicBezTo>
                  <a:pt x="481" y="957"/>
                  <a:pt x="481" y="956"/>
                  <a:pt x="482" y="956"/>
                </a:cubicBezTo>
                <a:cubicBezTo>
                  <a:pt x="483" y="955"/>
                  <a:pt x="485" y="955"/>
                  <a:pt x="484" y="954"/>
                </a:cubicBezTo>
                <a:cubicBezTo>
                  <a:pt x="483" y="953"/>
                  <a:pt x="481" y="953"/>
                  <a:pt x="481" y="953"/>
                </a:cubicBezTo>
                <a:cubicBezTo>
                  <a:pt x="480" y="952"/>
                  <a:pt x="479" y="952"/>
                  <a:pt x="478" y="952"/>
                </a:cubicBezTo>
                <a:cubicBezTo>
                  <a:pt x="476" y="952"/>
                  <a:pt x="475" y="955"/>
                  <a:pt x="473" y="955"/>
                </a:cubicBezTo>
                <a:cubicBezTo>
                  <a:pt x="472" y="955"/>
                  <a:pt x="472" y="954"/>
                  <a:pt x="471" y="954"/>
                </a:cubicBezTo>
                <a:cubicBezTo>
                  <a:pt x="470" y="953"/>
                  <a:pt x="469" y="954"/>
                  <a:pt x="468" y="953"/>
                </a:cubicBezTo>
                <a:cubicBezTo>
                  <a:pt x="467" y="953"/>
                  <a:pt x="464" y="951"/>
                  <a:pt x="463" y="952"/>
                </a:cubicBezTo>
                <a:cubicBezTo>
                  <a:pt x="461" y="953"/>
                  <a:pt x="463" y="954"/>
                  <a:pt x="464" y="954"/>
                </a:cubicBezTo>
                <a:cubicBezTo>
                  <a:pt x="465" y="955"/>
                  <a:pt x="465" y="955"/>
                  <a:pt x="466" y="956"/>
                </a:cubicBezTo>
                <a:cubicBezTo>
                  <a:pt x="466" y="957"/>
                  <a:pt x="466" y="958"/>
                  <a:pt x="466" y="959"/>
                </a:cubicBezTo>
                <a:cubicBezTo>
                  <a:pt x="467" y="960"/>
                  <a:pt x="468" y="961"/>
                  <a:pt x="468" y="962"/>
                </a:cubicBezTo>
                <a:cubicBezTo>
                  <a:pt x="469" y="963"/>
                  <a:pt x="469" y="964"/>
                  <a:pt x="469" y="965"/>
                </a:cubicBezTo>
                <a:cubicBezTo>
                  <a:pt x="470" y="966"/>
                  <a:pt x="470" y="966"/>
                  <a:pt x="471" y="967"/>
                </a:cubicBezTo>
                <a:cubicBezTo>
                  <a:pt x="472" y="969"/>
                  <a:pt x="472" y="971"/>
                  <a:pt x="474" y="972"/>
                </a:cubicBezTo>
                <a:cubicBezTo>
                  <a:pt x="476" y="974"/>
                  <a:pt x="476" y="975"/>
                  <a:pt x="476" y="978"/>
                </a:cubicBezTo>
                <a:cubicBezTo>
                  <a:pt x="476" y="980"/>
                  <a:pt x="476" y="982"/>
                  <a:pt x="476" y="984"/>
                </a:cubicBezTo>
                <a:cubicBezTo>
                  <a:pt x="476" y="985"/>
                  <a:pt x="476" y="986"/>
                  <a:pt x="476" y="987"/>
                </a:cubicBezTo>
                <a:cubicBezTo>
                  <a:pt x="476" y="989"/>
                  <a:pt x="477" y="989"/>
                  <a:pt x="477" y="989"/>
                </a:cubicBezTo>
                <a:cubicBezTo>
                  <a:pt x="478" y="990"/>
                  <a:pt x="480" y="994"/>
                  <a:pt x="477" y="993"/>
                </a:cubicBezTo>
                <a:cubicBezTo>
                  <a:pt x="476" y="992"/>
                  <a:pt x="476" y="992"/>
                  <a:pt x="474" y="992"/>
                </a:cubicBezTo>
                <a:cubicBezTo>
                  <a:pt x="473" y="993"/>
                  <a:pt x="473" y="993"/>
                  <a:pt x="471" y="992"/>
                </a:cubicBezTo>
                <a:cubicBezTo>
                  <a:pt x="469" y="991"/>
                  <a:pt x="465" y="989"/>
                  <a:pt x="463" y="991"/>
                </a:cubicBezTo>
                <a:cubicBezTo>
                  <a:pt x="463" y="992"/>
                  <a:pt x="463" y="994"/>
                  <a:pt x="462" y="994"/>
                </a:cubicBezTo>
                <a:cubicBezTo>
                  <a:pt x="460" y="996"/>
                  <a:pt x="458" y="994"/>
                  <a:pt x="457" y="994"/>
                </a:cubicBezTo>
                <a:cubicBezTo>
                  <a:pt x="456" y="994"/>
                  <a:pt x="455" y="994"/>
                  <a:pt x="454" y="995"/>
                </a:cubicBezTo>
                <a:cubicBezTo>
                  <a:pt x="453" y="995"/>
                  <a:pt x="452" y="995"/>
                  <a:pt x="451" y="995"/>
                </a:cubicBezTo>
                <a:cubicBezTo>
                  <a:pt x="450" y="996"/>
                  <a:pt x="449" y="996"/>
                  <a:pt x="448" y="997"/>
                </a:cubicBezTo>
                <a:cubicBezTo>
                  <a:pt x="447" y="997"/>
                  <a:pt x="446" y="997"/>
                  <a:pt x="445" y="997"/>
                </a:cubicBezTo>
                <a:cubicBezTo>
                  <a:pt x="443" y="997"/>
                  <a:pt x="441" y="999"/>
                  <a:pt x="440" y="997"/>
                </a:cubicBezTo>
                <a:cubicBezTo>
                  <a:pt x="438" y="995"/>
                  <a:pt x="438" y="993"/>
                  <a:pt x="436" y="991"/>
                </a:cubicBezTo>
                <a:cubicBezTo>
                  <a:pt x="435" y="990"/>
                  <a:pt x="433" y="990"/>
                  <a:pt x="432" y="988"/>
                </a:cubicBezTo>
                <a:cubicBezTo>
                  <a:pt x="430" y="987"/>
                  <a:pt x="430" y="984"/>
                  <a:pt x="428" y="985"/>
                </a:cubicBezTo>
                <a:cubicBezTo>
                  <a:pt x="426" y="985"/>
                  <a:pt x="425" y="987"/>
                  <a:pt x="423" y="988"/>
                </a:cubicBezTo>
                <a:cubicBezTo>
                  <a:pt x="422" y="988"/>
                  <a:pt x="421" y="988"/>
                  <a:pt x="420" y="988"/>
                </a:cubicBezTo>
                <a:cubicBezTo>
                  <a:pt x="419" y="988"/>
                  <a:pt x="418" y="989"/>
                  <a:pt x="417" y="989"/>
                </a:cubicBezTo>
                <a:cubicBezTo>
                  <a:pt x="416" y="990"/>
                  <a:pt x="415" y="990"/>
                  <a:pt x="414" y="991"/>
                </a:cubicBezTo>
                <a:cubicBezTo>
                  <a:pt x="413" y="991"/>
                  <a:pt x="412" y="992"/>
                  <a:pt x="411" y="992"/>
                </a:cubicBezTo>
                <a:cubicBezTo>
                  <a:pt x="409" y="993"/>
                  <a:pt x="407" y="993"/>
                  <a:pt x="405" y="993"/>
                </a:cubicBezTo>
                <a:cubicBezTo>
                  <a:pt x="401" y="993"/>
                  <a:pt x="396" y="994"/>
                  <a:pt x="393" y="996"/>
                </a:cubicBezTo>
                <a:cubicBezTo>
                  <a:pt x="391" y="997"/>
                  <a:pt x="389" y="997"/>
                  <a:pt x="387" y="997"/>
                </a:cubicBezTo>
                <a:cubicBezTo>
                  <a:pt x="385" y="997"/>
                  <a:pt x="383" y="998"/>
                  <a:pt x="380" y="999"/>
                </a:cubicBezTo>
                <a:cubicBezTo>
                  <a:pt x="377" y="999"/>
                  <a:pt x="380" y="1001"/>
                  <a:pt x="380" y="1003"/>
                </a:cubicBezTo>
                <a:cubicBezTo>
                  <a:pt x="380" y="1004"/>
                  <a:pt x="379" y="1004"/>
                  <a:pt x="380" y="1005"/>
                </a:cubicBezTo>
                <a:cubicBezTo>
                  <a:pt x="381" y="1006"/>
                  <a:pt x="382" y="1005"/>
                  <a:pt x="383" y="1005"/>
                </a:cubicBezTo>
                <a:cubicBezTo>
                  <a:pt x="385" y="1005"/>
                  <a:pt x="385" y="1005"/>
                  <a:pt x="387" y="1005"/>
                </a:cubicBezTo>
                <a:cubicBezTo>
                  <a:pt x="387" y="1005"/>
                  <a:pt x="388" y="1004"/>
                  <a:pt x="389" y="1003"/>
                </a:cubicBezTo>
                <a:cubicBezTo>
                  <a:pt x="390" y="1003"/>
                  <a:pt x="390" y="1004"/>
                  <a:pt x="391" y="1005"/>
                </a:cubicBezTo>
                <a:cubicBezTo>
                  <a:pt x="391" y="1005"/>
                  <a:pt x="392" y="1005"/>
                  <a:pt x="391" y="1007"/>
                </a:cubicBezTo>
                <a:cubicBezTo>
                  <a:pt x="391" y="1007"/>
                  <a:pt x="390" y="1008"/>
                  <a:pt x="389" y="1007"/>
                </a:cubicBezTo>
                <a:cubicBezTo>
                  <a:pt x="388" y="1007"/>
                  <a:pt x="388" y="1006"/>
                  <a:pt x="387" y="1006"/>
                </a:cubicBezTo>
                <a:cubicBezTo>
                  <a:pt x="386" y="1006"/>
                  <a:pt x="384" y="1007"/>
                  <a:pt x="384" y="1008"/>
                </a:cubicBezTo>
                <a:cubicBezTo>
                  <a:pt x="384" y="1009"/>
                  <a:pt x="385" y="1009"/>
                  <a:pt x="385" y="1009"/>
                </a:cubicBezTo>
                <a:cubicBezTo>
                  <a:pt x="385" y="1010"/>
                  <a:pt x="385" y="1010"/>
                  <a:pt x="385" y="1011"/>
                </a:cubicBezTo>
                <a:cubicBezTo>
                  <a:pt x="385" y="1012"/>
                  <a:pt x="386" y="1013"/>
                  <a:pt x="387" y="1011"/>
                </a:cubicBezTo>
                <a:cubicBezTo>
                  <a:pt x="388" y="1010"/>
                  <a:pt x="390" y="1007"/>
                  <a:pt x="391" y="1010"/>
                </a:cubicBezTo>
                <a:cubicBezTo>
                  <a:pt x="392" y="1012"/>
                  <a:pt x="392" y="1014"/>
                  <a:pt x="389" y="1014"/>
                </a:cubicBezTo>
                <a:cubicBezTo>
                  <a:pt x="388" y="1014"/>
                  <a:pt x="387" y="1013"/>
                  <a:pt x="386" y="1014"/>
                </a:cubicBezTo>
                <a:cubicBezTo>
                  <a:pt x="385" y="1014"/>
                  <a:pt x="385" y="1014"/>
                  <a:pt x="384" y="1015"/>
                </a:cubicBezTo>
                <a:cubicBezTo>
                  <a:pt x="383" y="1015"/>
                  <a:pt x="381" y="1014"/>
                  <a:pt x="380" y="1015"/>
                </a:cubicBezTo>
                <a:cubicBezTo>
                  <a:pt x="379" y="1016"/>
                  <a:pt x="382" y="1017"/>
                  <a:pt x="382" y="1017"/>
                </a:cubicBezTo>
                <a:cubicBezTo>
                  <a:pt x="384" y="1018"/>
                  <a:pt x="385" y="1020"/>
                  <a:pt x="386" y="1021"/>
                </a:cubicBezTo>
                <a:cubicBezTo>
                  <a:pt x="388" y="1022"/>
                  <a:pt x="390" y="1022"/>
                  <a:pt x="391" y="1024"/>
                </a:cubicBezTo>
                <a:cubicBezTo>
                  <a:pt x="391" y="1025"/>
                  <a:pt x="391" y="1025"/>
                  <a:pt x="393" y="1025"/>
                </a:cubicBezTo>
                <a:cubicBezTo>
                  <a:pt x="394" y="1025"/>
                  <a:pt x="394" y="1024"/>
                  <a:pt x="395" y="1023"/>
                </a:cubicBezTo>
                <a:cubicBezTo>
                  <a:pt x="397" y="1021"/>
                  <a:pt x="398" y="1021"/>
                  <a:pt x="400" y="1022"/>
                </a:cubicBezTo>
                <a:cubicBezTo>
                  <a:pt x="402" y="1022"/>
                  <a:pt x="405" y="1022"/>
                  <a:pt x="407" y="1022"/>
                </a:cubicBezTo>
                <a:cubicBezTo>
                  <a:pt x="408" y="1022"/>
                  <a:pt x="408" y="1023"/>
                  <a:pt x="409" y="1023"/>
                </a:cubicBezTo>
                <a:cubicBezTo>
                  <a:pt x="410" y="1024"/>
                  <a:pt x="411" y="1024"/>
                  <a:pt x="412" y="1024"/>
                </a:cubicBezTo>
                <a:cubicBezTo>
                  <a:pt x="415" y="1025"/>
                  <a:pt x="416" y="1027"/>
                  <a:pt x="418" y="1028"/>
                </a:cubicBezTo>
                <a:cubicBezTo>
                  <a:pt x="419" y="1030"/>
                  <a:pt x="422" y="1030"/>
                  <a:pt x="423" y="1031"/>
                </a:cubicBezTo>
                <a:cubicBezTo>
                  <a:pt x="425" y="1032"/>
                  <a:pt x="426" y="1033"/>
                  <a:pt x="427" y="1036"/>
                </a:cubicBezTo>
                <a:cubicBezTo>
                  <a:pt x="428" y="1038"/>
                  <a:pt x="429" y="1034"/>
                  <a:pt x="430" y="1034"/>
                </a:cubicBezTo>
                <a:cubicBezTo>
                  <a:pt x="431" y="1033"/>
                  <a:pt x="432" y="1033"/>
                  <a:pt x="433" y="1033"/>
                </a:cubicBezTo>
                <a:cubicBezTo>
                  <a:pt x="434" y="1032"/>
                  <a:pt x="435" y="1032"/>
                  <a:pt x="436" y="1033"/>
                </a:cubicBezTo>
                <a:cubicBezTo>
                  <a:pt x="438" y="1033"/>
                  <a:pt x="439" y="1035"/>
                  <a:pt x="441" y="1035"/>
                </a:cubicBezTo>
                <a:cubicBezTo>
                  <a:pt x="442" y="1036"/>
                  <a:pt x="444" y="1036"/>
                  <a:pt x="446" y="1038"/>
                </a:cubicBezTo>
                <a:cubicBezTo>
                  <a:pt x="448" y="1039"/>
                  <a:pt x="445" y="1041"/>
                  <a:pt x="447" y="1043"/>
                </a:cubicBezTo>
                <a:cubicBezTo>
                  <a:pt x="447" y="1043"/>
                  <a:pt x="448" y="1044"/>
                  <a:pt x="448" y="1044"/>
                </a:cubicBezTo>
                <a:cubicBezTo>
                  <a:pt x="450" y="1047"/>
                  <a:pt x="453" y="1045"/>
                  <a:pt x="455" y="1046"/>
                </a:cubicBezTo>
                <a:cubicBezTo>
                  <a:pt x="458" y="1048"/>
                  <a:pt x="453" y="1049"/>
                  <a:pt x="455" y="1050"/>
                </a:cubicBezTo>
                <a:cubicBezTo>
                  <a:pt x="455" y="1051"/>
                  <a:pt x="456" y="1051"/>
                  <a:pt x="456" y="1051"/>
                </a:cubicBezTo>
                <a:cubicBezTo>
                  <a:pt x="456" y="1051"/>
                  <a:pt x="457" y="1052"/>
                  <a:pt x="457" y="1052"/>
                </a:cubicBezTo>
                <a:cubicBezTo>
                  <a:pt x="458" y="1053"/>
                  <a:pt x="459" y="1053"/>
                  <a:pt x="460" y="1053"/>
                </a:cubicBezTo>
                <a:cubicBezTo>
                  <a:pt x="461" y="1053"/>
                  <a:pt x="461" y="1054"/>
                  <a:pt x="461" y="1055"/>
                </a:cubicBezTo>
                <a:cubicBezTo>
                  <a:pt x="461" y="1056"/>
                  <a:pt x="460" y="1056"/>
                  <a:pt x="460" y="1056"/>
                </a:cubicBezTo>
                <a:cubicBezTo>
                  <a:pt x="460" y="1057"/>
                  <a:pt x="460" y="1057"/>
                  <a:pt x="460" y="1058"/>
                </a:cubicBezTo>
                <a:cubicBezTo>
                  <a:pt x="459" y="1059"/>
                  <a:pt x="455" y="1059"/>
                  <a:pt x="458" y="1062"/>
                </a:cubicBezTo>
                <a:cubicBezTo>
                  <a:pt x="459" y="1062"/>
                  <a:pt x="459" y="1063"/>
                  <a:pt x="460" y="1064"/>
                </a:cubicBezTo>
                <a:cubicBezTo>
                  <a:pt x="460" y="1065"/>
                  <a:pt x="460" y="1066"/>
                  <a:pt x="461" y="1066"/>
                </a:cubicBezTo>
                <a:cubicBezTo>
                  <a:pt x="463" y="1068"/>
                  <a:pt x="464" y="1068"/>
                  <a:pt x="465" y="1070"/>
                </a:cubicBezTo>
                <a:cubicBezTo>
                  <a:pt x="466" y="1072"/>
                  <a:pt x="466" y="1074"/>
                  <a:pt x="468" y="1075"/>
                </a:cubicBezTo>
                <a:cubicBezTo>
                  <a:pt x="469" y="1076"/>
                  <a:pt x="470" y="1076"/>
                  <a:pt x="471" y="1077"/>
                </a:cubicBezTo>
                <a:cubicBezTo>
                  <a:pt x="472" y="1077"/>
                  <a:pt x="473" y="1078"/>
                  <a:pt x="474" y="1078"/>
                </a:cubicBezTo>
                <a:cubicBezTo>
                  <a:pt x="475" y="1078"/>
                  <a:pt x="477" y="1078"/>
                  <a:pt x="478" y="1078"/>
                </a:cubicBezTo>
                <a:cubicBezTo>
                  <a:pt x="479" y="1079"/>
                  <a:pt x="479" y="1080"/>
                  <a:pt x="480" y="1080"/>
                </a:cubicBezTo>
                <a:cubicBezTo>
                  <a:pt x="482" y="1081"/>
                  <a:pt x="485" y="1080"/>
                  <a:pt x="486" y="1081"/>
                </a:cubicBezTo>
                <a:cubicBezTo>
                  <a:pt x="487" y="1082"/>
                  <a:pt x="487" y="1083"/>
                  <a:pt x="486" y="1083"/>
                </a:cubicBezTo>
                <a:cubicBezTo>
                  <a:pt x="486" y="1084"/>
                  <a:pt x="486" y="1085"/>
                  <a:pt x="485" y="1086"/>
                </a:cubicBezTo>
                <a:cubicBezTo>
                  <a:pt x="485" y="1087"/>
                  <a:pt x="485" y="1088"/>
                  <a:pt x="486" y="1089"/>
                </a:cubicBezTo>
                <a:cubicBezTo>
                  <a:pt x="486" y="1090"/>
                  <a:pt x="486" y="1091"/>
                  <a:pt x="487" y="1092"/>
                </a:cubicBezTo>
                <a:cubicBezTo>
                  <a:pt x="487" y="1093"/>
                  <a:pt x="488" y="1099"/>
                  <a:pt x="487" y="1100"/>
                </a:cubicBezTo>
                <a:cubicBezTo>
                  <a:pt x="485" y="1099"/>
                  <a:pt x="487" y="1096"/>
                  <a:pt x="485" y="1094"/>
                </a:cubicBezTo>
                <a:cubicBezTo>
                  <a:pt x="485" y="1094"/>
                  <a:pt x="484" y="1094"/>
                  <a:pt x="483" y="1093"/>
                </a:cubicBezTo>
                <a:cubicBezTo>
                  <a:pt x="482" y="1093"/>
                  <a:pt x="482" y="1092"/>
                  <a:pt x="481" y="1092"/>
                </a:cubicBezTo>
                <a:cubicBezTo>
                  <a:pt x="480" y="1091"/>
                  <a:pt x="479" y="1091"/>
                  <a:pt x="479" y="1092"/>
                </a:cubicBezTo>
                <a:cubicBezTo>
                  <a:pt x="479" y="1093"/>
                  <a:pt x="481" y="1093"/>
                  <a:pt x="481" y="1094"/>
                </a:cubicBezTo>
                <a:cubicBezTo>
                  <a:pt x="483" y="1095"/>
                  <a:pt x="483" y="1097"/>
                  <a:pt x="483" y="1099"/>
                </a:cubicBezTo>
                <a:cubicBezTo>
                  <a:pt x="484" y="1101"/>
                  <a:pt x="484" y="1102"/>
                  <a:pt x="484" y="1104"/>
                </a:cubicBezTo>
                <a:cubicBezTo>
                  <a:pt x="484" y="1105"/>
                  <a:pt x="486" y="1106"/>
                  <a:pt x="487" y="1107"/>
                </a:cubicBezTo>
                <a:cubicBezTo>
                  <a:pt x="489" y="1109"/>
                  <a:pt x="487" y="1111"/>
                  <a:pt x="486" y="1113"/>
                </a:cubicBezTo>
                <a:cubicBezTo>
                  <a:pt x="486" y="1115"/>
                  <a:pt x="486" y="1117"/>
                  <a:pt x="486" y="1119"/>
                </a:cubicBezTo>
                <a:cubicBezTo>
                  <a:pt x="487" y="1122"/>
                  <a:pt x="487" y="1124"/>
                  <a:pt x="487" y="1126"/>
                </a:cubicBezTo>
                <a:cubicBezTo>
                  <a:pt x="487" y="1129"/>
                  <a:pt x="487" y="1131"/>
                  <a:pt x="487" y="1133"/>
                </a:cubicBezTo>
                <a:cubicBezTo>
                  <a:pt x="487" y="1135"/>
                  <a:pt x="486" y="1136"/>
                  <a:pt x="488" y="1138"/>
                </a:cubicBezTo>
                <a:cubicBezTo>
                  <a:pt x="489" y="1138"/>
                  <a:pt x="489" y="1139"/>
                  <a:pt x="489" y="1140"/>
                </a:cubicBezTo>
                <a:cubicBezTo>
                  <a:pt x="489" y="1141"/>
                  <a:pt x="490" y="1142"/>
                  <a:pt x="489" y="1143"/>
                </a:cubicBezTo>
                <a:cubicBezTo>
                  <a:pt x="489" y="1144"/>
                  <a:pt x="488" y="1144"/>
                  <a:pt x="487" y="1145"/>
                </a:cubicBezTo>
                <a:cubicBezTo>
                  <a:pt x="483" y="1147"/>
                  <a:pt x="482" y="1153"/>
                  <a:pt x="482" y="1157"/>
                </a:cubicBezTo>
                <a:cubicBezTo>
                  <a:pt x="482" y="1159"/>
                  <a:pt x="481" y="1161"/>
                  <a:pt x="480" y="1162"/>
                </a:cubicBezTo>
                <a:cubicBezTo>
                  <a:pt x="480" y="1164"/>
                  <a:pt x="480" y="1165"/>
                  <a:pt x="480" y="1166"/>
                </a:cubicBezTo>
                <a:cubicBezTo>
                  <a:pt x="480" y="1168"/>
                  <a:pt x="479" y="1168"/>
                  <a:pt x="478" y="1169"/>
                </a:cubicBezTo>
                <a:cubicBezTo>
                  <a:pt x="478" y="1170"/>
                  <a:pt x="478" y="1171"/>
                  <a:pt x="479" y="1172"/>
                </a:cubicBezTo>
                <a:cubicBezTo>
                  <a:pt x="479" y="1174"/>
                  <a:pt x="479" y="1177"/>
                  <a:pt x="478" y="1179"/>
                </a:cubicBezTo>
                <a:cubicBezTo>
                  <a:pt x="477" y="1181"/>
                  <a:pt x="475" y="1182"/>
                  <a:pt x="474" y="1184"/>
                </a:cubicBezTo>
                <a:cubicBezTo>
                  <a:pt x="473" y="1186"/>
                  <a:pt x="472" y="1188"/>
                  <a:pt x="470" y="1189"/>
                </a:cubicBezTo>
                <a:cubicBezTo>
                  <a:pt x="466" y="1191"/>
                  <a:pt x="460" y="1188"/>
                  <a:pt x="456" y="1190"/>
                </a:cubicBezTo>
                <a:cubicBezTo>
                  <a:pt x="454" y="1191"/>
                  <a:pt x="452" y="1192"/>
                  <a:pt x="450" y="1192"/>
                </a:cubicBezTo>
                <a:cubicBezTo>
                  <a:pt x="448" y="1191"/>
                  <a:pt x="446" y="1190"/>
                  <a:pt x="444" y="1189"/>
                </a:cubicBezTo>
                <a:cubicBezTo>
                  <a:pt x="442" y="1188"/>
                  <a:pt x="440" y="1187"/>
                  <a:pt x="438" y="1187"/>
                </a:cubicBezTo>
                <a:cubicBezTo>
                  <a:pt x="436" y="1187"/>
                  <a:pt x="434" y="1187"/>
                  <a:pt x="432" y="1188"/>
                </a:cubicBezTo>
                <a:cubicBezTo>
                  <a:pt x="430" y="1189"/>
                  <a:pt x="428" y="1190"/>
                  <a:pt x="426" y="1189"/>
                </a:cubicBezTo>
                <a:cubicBezTo>
                  <a:pt x="425" y="1189"/>
                  <a:pt x="425" y="1188"/>
                  <a:pt x="424" y="1188"/>
                </a:cubicBezTo>
                <a:cubicBezTo>
                  <a:pt x="423" y="1187"/>
                  <a:pt x="422" y="1187"/>
                  <a:pt x="421" y="1187"/>
                </a:cubicBezTo>
                <a:cubicBezTo>
                  <a:pt x="419" y="1186"/>
                  <a:pt x="418" y="1184"/>
                  <a:pt x="416" y="1184"/>
                </a:cubicBezTo>
                <a:cubicBezTo>
                  <a:pt x="411" y="1184"/>
                  <a:pt x="406" y="1184"/>
                  <a:pt x="402" y="1185"/>
                </a:cubicBezTo>
                <a:cubicBezTo>
                  <a:pt x="400" y="1186"/>
                  <a:pt x="399" y="1186"/>
                  <a:pt x="396" y="1187"/>
                </a:cubicBezTo>
                <a:cubicBezTo>
                  <a:pt x="394" y="1187"/>
                  <a:pt x="392" y="1188"/>
                  <a:pt x="390" y="1188"/>
                </a:cubicBezTo>
                <a:cubicBezTo>
                  <a:pt x="385" y="1188"/>
                  <a:pt x="381" y="1187"/>
                  <a:pt x="377" y="1186"/>
                </a:cubicBezTo>
                <a:cubicBezTo>
                  <a:pt x="374" y="1185"/>
                  <a:pt x="371" y="1185"/>
                  <a:pt x="368" y="1184"/>
                </a:cubicBezTo>
                <a:cubicBezTo>
                  <a:pt x="366" y="1183"/>
                  <a:pt x="364" y="1183"/>
                  <a:pt x="361" y="1183"/>
                </a:cubicBezTo>
                <a:cubicBezTo>
                  <a:pt x="359" y="1183"/>
                  <a:pt x="357" y="1182"/>
                  <a:pt x="355" y="1182"/>
                </a:cubicBezTo>
                <a:cubicBezTo>
                  <a:pt x="354" y="1182"/>
                  <a:pt x="353" y="1182"/>
                  <a:pt x="352" y="1182"/>
                </a:cubicBezTo>
                <a:cubicBezTo>
                  <a:pt x="351" y="1181"/>
                  <a:pt x="350" y="1181"/>
                  <a:pt x="349" y="1180"/>
                </a:cubicBezTo>
                <a:cubicBezTo>
                  <a:pt x="348" y="1179"/>
                  <a:pt x="345" y="1179"/>
                  <a:pt x="343" y="1179"/>
                </a:cubicBezTo>
                <a:cubicBezTo>
                  <a:pt x="341" y="1180"/>
                  <a:pt x="339" y="1180"/>
                  <a:pt x="337" y="1180"/>
                </a:cubicBezTo>
                <a:cubicBezTo>
                  <a:pt x="334" y="1180"/>
                  <a:pt x="332" y="1181"/>
                  <a:pt x="330" y="1182"/>
                </a:cubicBezTo>
                <a:cubicBezTo>
                  <a:pt x="328" y="1183"/>
                  <a:pt x="326" y="1182"/>
                  <a:pt x="324" y="1182"/>
                </a:cubicBezTo>
                <a:cubicBezTo>
                  <a:pt x="322" y="1183"/>
                  <a:pt x="320" y="1184"/>
                  <a:pt x="318" y="1184"/>
                </a:cubicBezTo>
                <a:cubicBezTo>
                  <a:pt x="316" y="1185"/>
                  <a:pt x="314" y="1186"/>
                  <a:pt x="311" y="1185"/>
                </a:cubicBezTo>
                <a:cubicBezTo>
                  <a:pt x="311" y="1185"/>
                  <a:pt x="310" y="1185"/>
                  <a:pt x="309" y="1184"/>
                </a:cubicBezTo>
                <a:cubicBezTo>
                  <a:pt x="308" y="1183"/>
                  <a:pt x="308" y="1182"/>
                  <a:pt x="307" y="1182"/>
                </a:cubicBezTo>
                <a:cubicBezTo>
                  <a:pt x="305" y="1181"/>
                  <a:pt x="304" y="1181"/>
                  <a:pt x="302" y="1179"/>
                </a:cubicBezTo>
                <a:cubicBezTo>
                  <a:pt x="301" y="1178"/>
                  <a:pt x="300" y="1177"/>
                  <a:pt x="298" y="1177"/>
                </a:cubicBezTo>
                <a:cubicBezTo>
                  <a:pt x="296" y="1177"/>
                  <a:pt x="294" y="1175"/>
                  <a:pt x="292" y="1176"/>
                </a:cubicBezTo>
                <a:cubicBezTo>
                  <a:pt x="291" y="1176"/>
                  <a:pt x="288" y="1179"/>
                  <a:pt x="287" y="1178"/>
                </a:cubicBezTo>
                <a:cubicBezTo>
                  <a:pt x="287" y="1178"/>
                  <a:pt x="289" y="1172"/>
                  <a:pt x="286" y="1175"/>
                </a:cubicBezTo>
                <a:cubicBezTo>
                  <a:pt x="285" y="1176"/>
                  <a:pt x="284" y="1176"/>
                  <a:pt x="283" y="1177"/>
                </a:cubicBezTo>
                <a:cubicBezTo>
                  <a:pt x="282" y="1177"/>
                  <a:pt x="281" y="1177"/>
                  <a:pt x="281" y="1178"/>
                </a:cubicBezTo>
                <a:cubicBezTo>
                  <a:pt x="280" y="1179"/>
                  <a:pt x="279" y="1180"/>
                  <a:pt x="278" y="1181"/>
                </a:cubicBezTo>
                <a:cubicBezTo>
                  <a:pt x="277" y="1182"/>
                  <a:pt x="273" y="1181"/>
                  <a:pt x="273" y="1183"/>
                </a:cubicBezTo>
                <a:cubicBezTo>
                  <a:pt x="273" y="1183"/>
                  <a:pt x="276" y="1185"/>
                  <a:pt x="276" y="1185"/>
                </a:cubicBezTo>
                <a:cubicBezTo>
                  <a:pt x="277" y="1185"/>
                  <a:pt x="278" y="1185"/>
                  <a:pt x="278" y="1187"/>
                </a:cubicBezTo>
                <a:cubicBezTo>
                  <a:pt x="278" y="1188"/>
                  <a:pt x="277" y="1188"/>
                  <a:pt x="276" y="1188"/>
                </a:cubicBezTo>
                <a:cubicBezTo>
                  <a:pt x="273" y="1188"/>
                  <a:pt x="272" y="1188"/>
                  <a:pt x="270" y="1189"/>
                </a:cubicBezTo>
                <a:cubicBezTo>
                  <a:pt x="269" y="1189"/>
                  <a:pt x="268" y="1190"/>
                  <a:pt x="267" y="1190"/>
                </a:cubicBezTo>
                <a:cubicBezTo>
                  <a:pt x="266" y="1190"/>
                  <a:pt x="266" y="1191"/>
                  <a:pt x="265" y="1191"/>
                </a:cubicBezTo>
                <a:cubicBezTo>
                  <a:pt x="261" y="1192"/>
                  <a:pt x="257" y="1190"/>
                  <a:pt x="254" y="1193"/>
                </a:cubicBezTo>
                <a:cubicBezTo>
                  <a:pt x="253" y="1193"/>
                  <a:pt x="253" y="1194"/>
                  <a:pt x="252" y="1195"/>
                </a:cubicBezTo>
                <a:cubicBezTo>
                  <a:pt x="251" y="1197"/>
                  <a:pt x="249" y="1196"/>
                  <a:pt x="248" y="1198"/>
                </a:cubicBezTo>
                <a:cubicBezTo>
                  <a:pt x="247" y="1198"/>
                  <a:pt x="247" y="1199"/>
                  <a:pt x="246" y="1200"/>
                </a:cubicBezTo>
                <a:cubicBezTo>
                  <a:pt x="246" y="1201"/>
                  <a:pt x="246" y="1202"/>
                  <a:pt x="245" y="1203"/>
                </a:cubicBezTo>
                <a:cubicBezTo>
                  <a:pt x="245" y="1205"/>
                  <a:pt x="245" y="1208"/>
                  <a:pt x="247" y="1209"/>
                </a:cubicBezTo>
                <a:cubicBezTo>
                  <a:pt x="249" y="1210"/>
                  <a:pt x="250" y="1210"/>
                  <a:pt x="251" y="1211"/>
                </a:cubicBezTo>
                <a:cubicBezTo>
                  <a:pt x="251" y="1212"/>
                  <a:pt x="253" y="1214"/>
                  <a:pt x="252" y="1216"/>
                </a:cubicBezTo>
                <a:cubicBezTo>
                  <a:pt x="252" y="1217"/>
                  <a:pt x="250" y="1219"/>
                  <a:pt x="253" y="1219"/>
                </a:cubicBezTo>
                <a:cubicBezTo>
                  <a:pt x="255" y="1219"/>
                  <a:pt x="256" y="1217"/>
                  <a:pt x="258" y="1216"/>
                </a:cubicBezTo>
                <a:cubicBezTo>
                  <a:pt x="259" y="1215"/>
                  <a:pt x="259" y="1215"/>
                  <a:pt x="260" y="1216"/>
                </a:cubicBezTo>
                <a:cubicBezTo>
                  <a:pt x="261" y="1217"/>
                  <a:pt x="260" y="1218"/>
                  <a:pt x="259" y="1218"/>
                </a:cubicBezTo>
                <a:cubicBezTo>
                  <a:pt x="259" y="1219"/>
                  <a:pt x="258" y="1220"/>
                  <a:pt x="258" y="1220"/>
                </a:cubicBezTo>
                <a:cubicBezTo>
                  <a:pt x="257" y="1221"/>
                  <a:pt x="255" y="1221"/>
                  <a:pt x="256" y="1222"/>
                </a:cubicBezTo>
                <a:cubicBezTo>
                  <a:pt x="256" y="1222"/>
                  <a:pt x="257" y="1222"/>
                  <a:pt x="257" y="1223"/>
                </a:cubicBezTo>
                <a:cubicBezTo>
                  <a:pt x="257" y="1223"/>
                  <a:pt x="257" y="1224"/>
                  <a:pt x="257" y="1224"/>
                </a:cubicBezTo>
                <a:cubicBezTo>
                  <a:pt x="258" y="1225"/>
                  <a:pt x="259" y="1224"/>
                  <a:pt x="260" y="1224"/>
                </a:cubicBezTo>
                <a:cubicBezTo>
                  <a:pt x="264" y="1225"/>
                  <a:pt x="258" y="1227"/>
                  <a:pt x="258" y="1227"/>
                </a:cubicBezTo>
                <a:cubicBezTo>
                  <a:pt x="257" y="1229"/>
                  <a:pt x="258" y="1229"/>
                  <a:pt x="259" y="1230"/>
                </a:cubicBezTo>
                <a:cubicBezTo>
                  <a:pt x="260" y="1230"/>
                  <a:pt x="260" y="1231"/>
                  <a:pt x="259" y="1232"/>
                </a:cubicBezTo>
                <a:cubicBezTo>
                  <a:pt x="258" y="1233"/>
                  <a:pt x="258" y="1234"/>
                  <a:pt x="258" y="1234"/>
                </a:cubicBezTo>
                <a:cubicBezTo>
                  <a:pt x="257" y="1236"/>
                  <a:pt x="257" y="1236"/>
                  <a:pt x="257" y="1237"/>
                </a:cubicBezTo>
                <a:cubicBezTo>
                  <a:pt x="257" y="1238"/>
                  <a:pt x="257" y="1240"/>
                  <a:pt x="257" y="1241"/>
                </a:cubicBezTo>
                <a:cubicBezTo>
                  <a:pt x="258" y="1243"/>
                  <a:pt x="259" y="1241"/>
                  <a:pt x="261" y="1241"/>
                </a:cubicBezTo>
                <a:cubicBezTo>
                  <a:pt x="261" y="1241"/>
                  <a:pt x="261" y="1241"/>
                  <a:pt x="261" y="1241"/>
                </a:cubicBezTo>
                <a:cubicBezTo>
                  <a:pt x="260" y="1242"/>
                  <a:pt x="259" y="1242"/>
                  <a:pt x="258" y="1243"/>
                </a:cubicBezTo>
                <a:cubicBezTo>
                  <a:pt x="258" y="1244"/>
                  <a:pt x="258" y="1245"/>
                  <a:pt x="258" y="1246"/>
                </a:cubicBezTo>
                <a:cubicBezTo>
                  <a:pt x="258" y="1247"/>
                  <a:pt x="258" y="1248"/>
                  <a:pt x="258" y="1249"/>
                </a:cubicBezTo>
                <a:cubicBezTo>
                  <a:pt x="258" y="1250"/>
                  <a:pt x="259" y="1251"/>
                  <a:pt x="259" y="1252"/>
                </a:cubicBezTo>
                <a:cubicBezTo>
                  <a:pt x="259" y="1253"/>
                  <a:pt x="259" y="1254"/>
                  <a:pt x="259" y="1255"/>
                </a:cubicBezTo>
                <a:cubicBezTo>
                  <a:pt x="259" y="1256"/>
                  <a:pt x="260" y="1257"/>
                  <a:pt x="260" y="1258"/>
                </a:cubicBezTo>
                <a:cubicBezTo>
                  <a:pt x="261" y="1260"/>
                  <a:pt x="260" y="1262"/>
                  <a:pt x="261" y="1263"/>
                </a:cubicBezTo>
                <a:cubicBezTo>
                  <a:pt x="261" y="1265"/>
                  <a:pt x="262" y="1267"/>
                  <a:pt x="263" y="1268"/>
                </a:cubicBezTo>
                <a:cubicBezTo>
                  <a:pt x="263" y="1269"/>
                  <a:pt x="264" y="1269"/>
                  <a:pt x="264" y="1269"/>
                </a:cubicBezTo>
                <a:cubicBezTo>
                  <a:pt x="266" y="1271"/>
                  <a:pt x="264" y="1272"/>
                  <a:pt x="263" y="1274"/>
                </a:cubicBezTo>
                <a:cubicBezTo>
                  <a:pt x="263" y="1276"/>
                  <a:pt x="263" y="1277"/>
                  <a:pt x="263" y="1279"/>
                </a:cubicBezTo>
                <a:cubicBezTo>
                  <a:pt x="262" y="1280"/>
                  <a:pt x="261" y="1282"/>
                  <a:pt x="261" y="1283"/>
                </a:cubicBezTo>
                <a:cubicBezTo>
                  <a:pt x="262" y="1284"/>
                  <a:pt x="263" y="1283"/>
                  <a:pt x="264" y="1283"/>
                </a:cubicBezTo>
                <a:cubicBezTo>
                  <a:pt x="265" y="1283"/>
                  <a:pt x="265" y="1284"/>
                  <a:pt x="264" y="1285"/>
                </a:cubicBezTo>
                <a:cubicBezTo>
                  <a:pt x="263" y="1285"/>
                  <a:pt x="263" y="1286"/>
                  <a:pt x="262" y="1286"/>
                </a:cubicBezTo>
                <a:cubicBezTo>
                  <a:pt x="261" y="1287"/>
                  <a:pt x="261" y="1288"/>
                  <a:pt x="260" y="1289"/>
                </a:cubicBezTo>
                <a:cubicBezTo>
                  <a:pt x="259" y="1290"/>
                  <a:pt x="259" y="1292"/>
                  <a:pt x="258" y="1294"/>
                </a:cubicBezTo>
                <a:cubicBezTo>
                  <a:pt x="257" y="1297"/>
                  <a:pt x="258" y="1301"/>
                  <a:pt x="257" y="1305"/>
                </a:cubicBezTo>
                <a:cubicBezTo>
                  <a:pt x="256" y="1307"/>
                  <a:pt x="256" y="1309"/>
                  <a:pt x="255" y="1311"/>
                </a:cubicBezTo>
                <a:cubicBezTo>
                  <a:pt x="255" y="1314"/>
                  <a:pt x="253" y="1315"/>
                  <a:pt x="252" y="1318"/>
                </a:cubicBezTo>
                <a:cubicBezTo>
                  <a:pt x="252" y="1320"/>
                  <a:pt x="252" y="1322"/>
                  <a:pt x="251" y="1324"/>
                </a:cubicBezTo>
                <a:cubicBezTo>
                  <a:pt x="250" y="1326"/>
                  <a:pt x="250" y="1328"/>
                  <a:pt x="248" y="1330"/>
                </a:cubicBezTo>
                <a:cubicBezTo>
                  <a:pt x="246" y="1331"/>
                  <a:pt x="244" y="1332"/>
                  <a:pt x="244" y="1334"/>
                </a:cubicBezTo>
                <a:cubicBezTo>
                  <a:pt x="243" y="1336"/>
                  <a:pt x="243" y="1339"/>
                  <a:pt x="243" y="1341"/>
                </a:cubicBezTo>
                <a:cubicBezTo>
                  <a:pt x="242" y="1343"/>
                  <a:pt x="241" y="1344"/>
                  <a:pt x="241" y="1347"/>
                </a:cubicBezTo>
                <a:cubicBezTo>
                  <a:pt x="241" y="1349"/>
                  <a:pt x="240" y="1351"/>
                  <a:pt x="241" y="1353"/>
                </a:cubicBezTo>
                <a:cubicBezTo>
                  <a:pt x="241" y="1354"/>
                  <a:pt x="243" y="1354"/>
                  <a:pt x="243" y="1354"/>
                </a:cubicBezTo>
                <a:cubicBezTo>
                  <a:pt x="245" y="1354"/>
                  <a:pt x="245" y="1355"/>
                  <a:pt x="246" y="1356"/>
                </a:cubicBezTo>
                <a:cubicBezTo>
                  <a:pt x="246" y="1357"/>
                  <a:pt x="247" y="1358"/>
                  <a:pt x="248" y="1357"/>
                </a:cubicBezTo>
                <a:cubicBezTo>
                  <a:pt x="248" y="1356"/>
                  <a:pt x="248" y="1355"/>
                  <a:pt x="248" y="1354"/>
                </a:cubicBezTo>
                <a:cubicBezTo>
                  <a:pt x="248" y="1353"/>
                  <a:pt x="249" y="1353"/>
                  <a:pt x="250" y="1353"/>
                </a:cubicBezTo>
                <a:cubicBezTo>
                  <a:pt x="251" y="1352"/>
                  <a:pt x="251" y="1351"/>
                  <a:pt x="251" y="1350"/>
                </a:cubicBezTo>
                <a:cubicBezTo>
                  <a:pt x="252" y="1349"/>
                  <a:pt x="254" y="1346"/>
                  <a:pt x="255" y="1349"/>
                </a:cubicBezTo>
                <a:cubicBezTo>
                  <a:pt x="255" y="1350"/>
                  <a:pt x="255" y="1352"/>
                  <a:pt x="255" y="1352"/>
                </a:cubicBezTo>
                <a:cubicBezTo>
                  <a:pt x="254" y="1353"/>
                  <a:pt x="253" y="1354"/>
                  <a:pt x="253" y="1355"/>
                </a:cubicBezTo>
                <a:cubicBezTo>
                  <a:pt x="252" y="1357"/>
                  <a:pt x="250" y="1356"/>
                  <a:pt x="248" y="1358"/>
                </a:cubicBezTo>
                <a:cubicBezTo>
                  <a:pt x="247" y="1359"/>
                  <a:pt x="248" y="1360"/>
                  <a:pt x="248" y="1362"/>
                </a:cubicBezTo>
                <a:cubicBezTo>
                  <a:pt x="248" y="1363"/>
                  <a:pt x="248" y="1364"/>
                  <a:pt x="248" y="1365"/>
                </a:cubicBezTo>
                <a:cubicBezTo>
                  <a:pt x="249" y="1366"/>
                  <a:pt x="250" y="1364"/>
                  <a:pt x="250" y="1364"/>
                </a:cubicBezTo>
                <a:cubicBezTo>
                  <a:pt x="251" y="1363"/>
                  <a:pt x="252" y="1362"/>
                  <a:pt x="254" y="1362"/>
                </a:cubicBezTo>
                <a:cubicBezTo>
                  <a:pt x="255" y="1362"/>
                  <a:pt x="256" y="1362"/>
                  <a:pt x="257" y="1362"/>
                </a:cubicBezTo>
                <a:cubicBezTo>
                  <a:pt x="258" y="1361"/>
                  <a:pt x="259" y="1360"/>
                  <a:pt x="260" y="1360"/>
                </a:cubicBezTo>
                <a:cubicBezTo>
                  <a:pt x="262" y="1360"/>
                  <a:pt x="263" y="1361"/>
                  <a:pt x="263" y="1363"/>
                </a:cubicBezTo>
                <a:cubicBezTo>
                  <a:pt x="264" y="1366"/>
                  <a:pt x="261" y="1364"/>
                  <a:pt x="259" y="1364"/>
                </a:cubicBezTo>
                <a:cubicBezTo>
                  <a:pt x="259" y="1364"/>
                  <a:pt x="257" y="1363"/>
                  <a:pt x="257" y="1363"/>
                </a:cubicBezTo>
                <a:cubicBezTo>
                  <a:pt x="256" y="1364"/>
                  <a:pt x="258" y="1365"/>
                  <a:pt x="258" y="1365"/>
                </a:cubicBezTo>
                <a:cubicBezTo>
                  <a:pt x="259" y="1366"/>
                  <a:pt x="258" y="1367"/>
                  <a:pt x="258" y="1368"/>
                </a:cubicBezTo>
                <a:cubicBezTo>
                  <a:pt x="258" y="1369"/>
                  <a:pt x="259" y="1370"/>
                  <a:pt x="259" y="1371"/>
                </a:cubicBezTo>
                <a:cubicBezTo>
                  <a:pt x="260" y="1373"/>
                  <a:pt x="260" y="1373"/>
                  <a:pt x="260" y="1375"/>
                </a:cubicBezTo>
                <a:cubicBezTo>
                  <a:pt x="260" y="1376"/>
                  <a:pt x="259" y="1376"/>
                  <a:pt x="259" y="1377"/>
                </a:cubicBezTo>
                <a:cubicBezTo>
                  <a:pt x="258" y="1381"/>
                  <a:pt x="259" y="1383"/>
                  <a:pt x="260" y="1387"/>
                </a:cubicBezTo>
                <a:cubicBezTo>
                  <a:pt x="261" y="1389"/>
                  <a:pt x="260" y="1391"/>
                  <a:pt x="260" y="1393"/>
                </a:cubicBezTo>
                <a:cubicBezTo>
                  <a:pt x="260" y="1396"/>
                  <a:pt x="259" y="1398"/>
                  <a:pt x="259" y="1400"/>
                </a:cubicBezTo>
                <a:cubicBezTo>
                  <a:pt x="258" y="1402"/>
                  <a:pt x="258" y="1405"/>
                  <a:pt x="256" y="1408"/>
                </a:cubicBezTo>
                <a:cubicBezTo>
                  <a:pt x="256" y="1408"/>
                  <a:pt x="254" y="1411"/>
                  <a:pt x="255" y="1412"/>
                </a:cubicBezTo>
                <a:cubicBezTo>
                  <a:pt x="256" y="1412"/>
                  <a:pt x="259" y="1411"/>
                  <a:pt x="260" y="1411"/>
                </a:cubicBezTo>
                <a:cubicBezTo>
                  <a:pt x="261" y="1410"/>
                  <a:pt x="263" y="1409"/>
                  <a:pt x="265" y="1409"/>
                </a:cubicBezTo>
                <a:cubicBezTo>
                  <a:pt x="267" y="1409"/>
                  <a:pt x="269" y="1408"/>
                  <a:pt x="271" y="1409"/>
                </a:cubicBezTo>
                <a:cubicBezTo>
                  <a:pt x="273" y="1410"/>
                  <a:pt x="275" y="1410"/>
                  <a:pt x="277" y="1410"/>
                </a:cubicBezTo>
                <a:cubicBezTo>
                  <a:pt x="278" y="1410"/>
                  <a:pt x="279" y="1410"/>
                  <a:pt x="280" y="1410"/>
                </a:cubicBezTo>
                <a:cubicBezTo>
                  <a:pt x="281" y="1410"/>
                  <a:pt x="281" y="1411"/>
                  <a:pt x="282" y="1412"/>
                </a:cubicBezTo>
                <a:cubicBezTo>
                  <a:pt x="284" y="1413"/>
                  <a:pt x="286" y="1412"/>
                  <a:pt x="288" y="1412"/>
                </a:cubicBezTo>
                <a:cubicBezTo>
                  <a:pt x="289" y="1412"/>
                  <a:pt x="290" y="1412"/>
                  <a:pt x="291" y="1412"/>
                </a:cubicBezTo>
                <a:cubicBezTo>
                  <a:pt x="292" y="1411"/>
                  <a:pt x="292" y="1410"/>
                  <a:pt x="293" y="1410"/>
                </a:cubicBezTo>
                <a:cubicBezTo>
                  <a:pt x="295" y="1409"/>
                  <a:pt x="297" y="1409"/>
                  <a:pt x="299" y="1408"/>
                </a:cubicBezTo>
                <a:cubicBezTo>
                  <a:pt x="300" y="1407"/>
                  <a:pt x="300" y="1404"/>
                  <a:pt x="303" y="1405"/>
                </a:cubicBezTo>
                <a:cubicBezTo>
                  <a:pt x="304" y="1405"/>
                  <a:pt x="304" y="1405"/>
                  <a:pt x="305" y="1405"/>
                </a:cubicBezTo>
                <a:cubicBezTo>
                  <a:pt x="307" y="1405"/>
                  <a:pt x="308" y="1405"/>
                  <a:pt x="309" y="1405"/>
                </a:cubicBezTo>
                <a:cubicBezTo>
                  <a:pt x="310" y="1405"/>
                  <a:pt x="311" y="1405"/>
                  <a:pt x="312" y="1405"/>
                </a:cubicBezTo>
                <a:cubicBezTo>
                  <a:pt x="313" y="1405"/>
                  <a:pt x="314" y="1405"/>
                  <a:pt x="315" y="1405"/>
                </a:cubicBezTo>
                <a:cubicBezTo>
                  <a:pt x="317" y="1406"/>
                  <a:pt x="316" y="1408"/>
                  <a:pt x="318" y="1409"/>
                </a:cubicBezTo>
                <a:cubicBezTo>
                  <a:pt x="319" y="1410"/>
                  <a:pt x="321" y="1411"/>
                  <a:pt x="322" y="1412"/>
                </a:cubicBezTo>
                <a:cubicBezTo>
                  <a:pt x="323" y="1413"/>
                  <a:pt x="323" y="1414"/>
                  <a:pt x="324" y="1414"/>
                </a:cubicBezTo>
                <a:cubicBezTo>
                  <a:pt x="324" y="1415"/>
                  <a:pt x="325" y="1415"/>
                  <a:pt x="326" y="1416"/>
                </a:cubicBezTo>
                <a:cubicBezTo>
                  <a:pt x="327" y="1417"/>
                  <a:pt x="327" y="1417"/>
                  <a:pt x="328" y="1418"/>
                </a:cubicBezTo>
                <a:cubicBezTo>
                  <a:pt x="329" y="1419"/>
                  <a:pt x="330" y="1419"/>
                  <a:pt x="331" y="1420"/>
                </a:cubicBezTo>
                <a:cubicBezTo>
                  <a:pt x="332" y="1421"/>
                  <a:pt x="330" y="1421"/>
                  <a:pt x="330" y="1422"/>
                </a:cubicBezTo>
                <a:cubicBezTo>
                  <a:pt x="328" y="1423"/>
                  <a:pt x="329" y="1423"/>
                  <a:pt x="330" y="1424"/>
                </a:cubicBezTo>
                <a:cubicBezTo>
                  <a:pt x="331" y="1425"/>
                  <a:pt x="331" y="1425"/>
                  <a:pt x="332" y="1427"/>
                </a:cubicBezTo>
                <a:cubicBezTo>
                  <a:pt x="332" y="1428"/>
                  <a:pt x="332" y="1428"/>
                  <a:pt x="334" y="1429"/>
                </a:cubicBezTo>
                <a:cubicBezTo>
                  <a:pt x="334" y="1429"/>
                  <a:pt x="335" y="1430"/>
                  <a:pt x="335" y="1431"/>
                </a:cubicBezTo>
                <a:cubicBezTo>
                  <a:pt x="336" y="1432"/>
                  <a:pt x="337" y="1433"/>
                  <a:pt x="338" y="1434"/>
                </a:cubicBezTo>
                <a:cubicBezTo>
                  <a:pt x="338" y="1435"/>
                  <a:pt x="338" y="1435"/>
                  <a:pt x="339" y="1436"/>
                </a:cubicBezTo>
                <a:cubicBezTo>
                  <a:pt x="340" y="1439"/>
                  <a:pt x="341" y="1439"/>
                  <a:pt x="343" y="1441"/>
                </a:cubicBezTo>
                <a:cubicBezTo>
                  <a:pt x="345" y="1442"/>
                  <a:pt x="346" y="1444"/>
                  <a:pt x="347" y="1445"/>
                </a:cubicBezTo>
                <a:cubicBezTo>
                  <a:pt x="348" y="1445"/>
                  <a:pt x="349" y="1445"/>
                  <a:pt x="350" y="1446"/>
                </a:cubicBezTo>
                <a:cubicBezTo>
                  <a:pt x="351" y="1446"/>
                  <a:pt x="352" y="1447"/>
                  <a:pt x="353" y="1447"/>
                </a:cubicBezTo>
                <a:cubicBezTo>
                  <a:pt x="354" y="1448"/>
                  <a:pt x="357" y="1447"/>
                  <a:pt x="358" y="1446"/>
                </a:cubicBezTo>
                <a:cubicBezTo>
                  <a:pt x="359" y="1445"/>
                  <a:pt x="359" y="1444"/>
                  <a:pt x="360" y="1444"/>
                </a:cubicBezTo>
                <a:cubicBezTo>
                  <a:pt x="361" y="1444"/>
                  <a:pt x="362" y="1444"/>
                  <a:pt x="363" y="1443"/>
                </a:cubicBezTo>
                <a:cubicBezTo>
                  <a:pt x="365" y="1442"/>
                  <a:pt x="364" y="1440"/>
                  <a:pt x="366" y="1438"/>
                </a:cubicBezTo>
                <a:cubicBezTo>
                  <a:pt x="367" y="1436"/>
                  <a:pt x="368" y="1435"/>
                  <a:pt x="371" y="1434"/>
                </a:cubicBezTo>
                <a:cubicBezTo>
                  <a:pt x="373" y="1434"/>
                  <a:pt x="374" y="1432"/>
                  <a:pt x="376" y="1431"/>
                </a:cubicBezTo>
                <a:cubicBezTo>
                  <a:pt x="378" y="1431"/>
                  <a:pt x="380" y="1430"/>
                  <a:pt x="382" y="1429"/>
                </a:cubicBezTo>
                <a:cubicBezTo>
                  <a:pt x="383" y="1428"/>
                  <a:pt x="383" y="1427"/>
                  <a:pt x="384" y="1427"/>
                </a:cubicBezTo>
                <a:cubicBezTo>
                  <a:pt x="385" y="1426"/>
                  <a:pt x="386" y="1426"/>
                  <a:pt x="387" y="1425"/>
                </a:cubicBezTo>
                <a:cubicBezTo>
                  <a:pt x="389" y="1425"/>
                  <a:pt x="390" y="1423"/>
                  <a:pt x="392" y="1422"/>
                </a:cubicBezTo>
                <a:cubicBezTo>
                  <a:pt x="395" y="1422"/>
                  <a:pt x="399" y="1422"/>
                  <a:pt x="403" y="1422"/>
                </a:cubicBezTo>
                <a:cubicBezTo>
                  <a:pt x="408" y="1422"/>
                  <a:pt x="413" y="1422"/>
                  <a:pt x="418" y="1422"/>
                </a:cubicBezTo>
                <a:cubicBezTo>
                  <a:pt x="420" y="1422"/>
                  <a:pt x="422" y="1421"/>
                  <a:pt x="425" y="1421"/>
                </a:cubicBezTo>
                <a:cubicBezTo>
                  <a:pt x="427" y="1421"/>
                  <a:pt x="429" y="1422"/>
                  <a:pt x="431" y="1422"/>
                </a:cubicBezTo>
                <a:cubicBezTo>
                  <a:pt x="433" y="1422"/>
                  <a:pt x="435" y="1424"/>
                  <a:pt x="437" y="1424"/>
                </a:cubicBezTo>
                <a:cubicBezTo>
                  <a:pt x="438" y="1424"/>
                  <a:pt x="441" y="1424"/>
                  <a:pt x="443" y="1423"/>
                </a:cubicBezTo>
                <a:cubicBezTo>
                  <a:pt x="445" y="1422"/>
                  <a:pt x="446" y="1421"/>
                  <a:pt x="448" y="1420"/>
                </a:cubicBezTo>
                <a:cubicBezTo>
                  <a:pt x="450" y="1420"/>
                  <a:pt x="452" y="1420"/>
                  <a:pt x="454" y="1421"/>
                </a:cubicBezTo>
                <a:cubicBezTo>
                  <a:pt x="455" y="1422"/>
                  <a:pt x="458" y="1423"/>
                  <a:pt x="459" y="1421"/>
                </a:cubicBezTo>
                <a:cubicBezTo>
                  <a:pt x="461" y="1420"/>
                  <a:pt x="461" y="1417"/>
                  <a:pt x="462" y="1415"/>
                </a:cubicBezTo>
                <a:cubicBezTo>
                  <a:pt x="464" y="1413"/>
                  <a:pt x="465" y="1412"/>
                  <a:pt x="467" y="1410"/>
                </a:cubicBezTo>
                <a:cubicBezTo>
                  <a:pt x="469" y="1408"/>
                  <a:pt x="469" y="1406"/>
                  <a:pt x="470" y="1404"/>
                </a:cubicBezTo>
                <a:cubicBezTo>
                  <a:pt x="471" y="1402"/>
                  <a:pt x="473" y="1401"/>
                  <a:pt x="474" y="1400"/>
                </a:cubicBezTo>
                <a:cubicBezTo>
                  <a:pt x="476" y="1398"/>
                  <a:pt x="478" y="1398"/>
                  <a:pt x="481" y="1398"/>
                </a:cubicBezTo>
                <a:cubicBezTo>
                  <a:pt x="483" y="1397"/>
                  <a:pt x="484" y="1397"/>
                  <a:pt x="486" y="1396"/>
                </a:cubicBezTo>
                <a:cubicBezTo>
                  <a:pt x="487" y="1395"/>
                  <a:pt x="489" y="1393"/>
                  <a:pt x="491" y="1394"/>
                </a:cubicBezTo>
                <a:cubicBezTo>
                  <a:pt x="492" y="1394"/>
                  <a:pt x="492" y="1395"/>
                  <a:pt x="493" y="1395"/>
                </a:cubicBezTo>
                <a:cubicBezTo>
                  <a:pt x="494" y="1395"/>
                  <a:pt x="495" y="1395"/>
                  <a:pt x="496" y="1394"/>
                </a:cubicBezTo>
                <a:cubicBezTo>
                  <a:pt x="497" y="1394"/>
                  <a:pt x="497" y="1393"/>
                  <a:pt x="498" y="1393"/>
                </a:cubicBezTo>
                <a:cubicBezTo>
                  <a:pt x="499" y="1393"/>
                  <a:pt x="500" y="1393"/>
                  <a:pt x="500" y="1393"/>
                </a:cubicBezTo>
                <a:cubicBezTo>
                  <a:pt x="500" y="1392"/>
                  <a:pt x="498" y="1391"/>
                  <a:pt x="497" y="1390"/>
                </a:cubicBezTo>
                <a:cubicBezTo>
                  <a:pt x="494" y="1387"/>
                  <a:pt x="499" y="1383"/>
                  <a:pt x="500" y="1380"/>
                </a:cubicBezTo>
                <a:cubicBezTo>
                  <a:pt x="501" y="1379"/>
                  <a:pt x="501" y="1378"/>
                  <a:pt x="502" y="1377"/>
                </a:cubicBezTo>
                <a:cubicBezTo>
                  <a:pt x="503" y="1374"/>
                  <a:pt x="503" y="1372"/>
                  <a:pt x="504" y="1370"/>
                </a:cubicBezTo>
                <a:cubicBezTo>
                  <a:pt x="506" y="1368"/>
                  <a:pt x="507" y="1367"/>
                  <a:pt x="509" y="1365"/>
                </a:cubicBezTo>
                <a:cubicBezTo>
                  <a:pt x="511" y="1364"/>
                  <a:pt x="513" y="1363"/>
                  <a:pt x="515" y="1361"/>
                </a:cubicBezTo>
                <a:cubicBezTo>
                  <a:pt x="517" y="1361"/>
                  <a:pt x="519" y="1360"/>
                  <a:pt x="521" y="1358"/>
                </a:cubicBezTo>
                <a:cubicBezTo>
                  <a:pt x="522" y="1356"/>
                  <a:pt x="524" y="1355"/>
                  <a:pt x="526" y="1354"/>
                </a:cubicBezTo>
                <a:cubicBezTo>
                  <a:pt x="529" y="1354"/>
                  <a:pt x="528" y="1352"/>
                  <a:pt x="526" y="1351"/>
                </a:cubicBezTo>
                <a:cubicBezTo>
                  <a:pt x="525" y="1351"/>
                  <a:pt x="523" y="1349"/>
                  <a:pt x="522" y="1348"/>
                </a:cubicBezTo>
                <a:cubicBezTo>
                  <a:pt x="519" y="1346"/>
                  <a:pt x="516" y="1344"/>
                  <a:pt x="515" y="1341"/>
                </a:cubicBezTo>
                <a:cubicBezTo>
                  <a:pt x="514" y="1339"/>
                  <a:pt x="514" y="1338"/>
                  <a:pt x="513" y="1337"/>
                </a:cubicBezTo>
                <a:cubicBezTo>
                  <a:pt x="512" y="1335"/>
                  <a:pt x="512" y="1333"/>
                  <a:pt x="512" y="1331"/>
                </a:cubicBezTo>
                <a:cubicBezTo>
                  <a:pt x="512" y="1329"/>
                  <a:pt x="511" y="1326"/>
                  <a:pt x="512" y="1324"/>
                </a:cubicBezTo>
                <a:cubicBezTo>
                  <a:pt x="513" y="1321"/>
                  <a:pt x="515" y="1319"/>
                  <a:pt x="516" y="1317"/>
                </a:cubicBezTo>
                <a:cubicBezTo>
                  <a:pt x="519" y="1313"/>
                  <a:pt x="523" y="1310"/>
                  <a:pt x="526" y="1306"/>
                </a:cubicBezTo>
                <a:cubicBezTo>
                  <a:pt x="527" y="1304"/>
                  <a:pt x="528" y="1302"/>
                  <a:pt x="529" y="1300"/>
                </a:cubicBezTo>
                <a:cubicBezTo>
                  <a:pt x="531" y="1298"/>
                  <a:pt x="533" y="1297"/>
                  <a:pt x="534" y="1296"/>
                </a:cubicBezTo>
                <a:cubicBezTo>
                  <a:pt x="537" y="1294"/>
                  <a:pt x="539" y="1289"/>
                  <a:pt x="540" y="1286"/>
                </a:cubicBezTo>
                <a:cubicBezTo>
                  <a:pt x="541" y="1284"/>
                  <a:pt x="542" y="1282"/>
                  <a:pt x="543" y="1280"/>
                </a:cubicBezTo>
                <a:cubicBezTo>
                  <a:pt x="544" y="1278"/>
                  <a:pt x="546" y="1277"/>
                  <a:pt x="548" y="1276"/>
                </a:cubicBezTo>
                <a:cubicBezTo>
                  <a:pt x="548" y="1275"/>
                  <a:pt x="549" y="1274"/>
                  <a:pt x="550" y="1273"/>
                </a:cubicBezTo>
                <a:cubicBezTo>
                  <a:pt x="552" y="1272"/>
                  <a:pt x="554" y="1271"/>
                  <a:pt x="557" y="1271"/>
                </a:cubicBezTo>
                <a:cubicBezTo>
                  <a:pt x="559" y="1270"/>
                  <a:pt x="562" y="1269"/>
                  <a:pt x="564" y="1269"/>
                </a:cubicBezTo>
                <a:cubicBezTo>
                  <a:pt x="566" y="1269"/>
                  <a:pt x="568" y="1268"/>
                  <a:pt x="570" y="1267"/>
                </a:cubicBezTo>
                <a:cubicBezTo>
                  <a:pt x="573" y="1267"/>
                  <a:pt x="577" y="1265"/>
                  <a:pt x="580" y="1264"/>
                </a:cubicBezTo>
                <a:cubicBezTo>
                  <a:pt x="582" y="1263"/>
                  <a:pt x="584" y="1261"/>
                  <a:pt x="586" y="1259"/>
                </a:cubicBezTo>
                <a:cubicBezTo>
                  <a:pt x="588" y="1258"/>
                  <a:pt x="591" y="1257"/>
                  <a:pt x="594" y="1256"/>
                </a:cubicBezTo>
                <a:cubicBezTo>
                  <a:pt x="596" y="1255"/>
                  <a:pt x="598" y="1253"/>
                  <a:pt x="601" y="1252"/>
                </a:cubicBezTo>
                <a:cubicBezTo>
                  <a:pt x="603" y="1251"/>
                  <a:pt x="606" y="1251"/>
                  <a:pt x="608" y="1250"/>
                </a:cubicBezTo>
                <a:cubicBezTo>
                  <a:pt x="610" y="1248"/>
                  <a:pt x="612" y="1247"/>
                  <a:pt x="613" y="1246"/>
                </a:cubicBezTo>
                <a:cubicBezTo>
                  <a:pt x="615" y="1244"/>
                  <a:pt x="616" y="1242"/>
                  <a:pt x="616" y="1240"/>
                </a:cubicBezTo>
                <a:cubicBezTo>
                  <a:pt x="615" y="1238"/>
                  <a:pt x="614" y="1237"/>
                  <a:pt x="613" y="1235"/>
                </a:cubicBezTo>
                <a:cubicBezTo>
                  <a:pt x="612" y="1232"/>
                  <a:pt x="614" y="1231"/>
                  <a:pt x="616" y="1230"/>
                </a:cubicBezTo>
                <a:cubicBezTo>
                  <a:pt x="616" y="1229"/>
                  <a:pt x="617" y="1229"/>
                  <a:pt x="618" y="1228"/>
                </a:cubicBezTo>
                <a:cubicBezTo>
                  <a:pt x="619" y="1228"/>
                  <a:pt x="620" y="1228"/>
                  <a:pt x="620" y="1227"/>
                </a:cubicBezTo>
                <a:cubicBezTo>
                  <a:pt x="619" y="1226"/>
                  <a:pt x="618" y="1226"/>
                  <a:pt x="617" y="1225"/>
                </a:cubicBezTo>
                <a:cubicBezTo>
                  <a:pt x="617" y="1225"/>
                  <a:pt x="616" y="1224"/>
                  <a:pt x="616" y="1223"/>
                </a:cubicBezTo>
                <a:cubicBezTo>
                  <a:pt x="615" y="1222"/>
                  <a:pt x="616" y="1221"/>
                  <a:pt x="615" y="1220"/>
                </a:cubicBezTo>
                <a:cubicBezTo>
                  <a:pt x="615" y="1219"/>
                  <a:pt x="614" y="1219"/>
                  <a:pt x="614" y="1218"/>
                </a:cubicBezTo>
                <a:cubicBezTo>
                  <a:pt x="613" y="1216"/>
                  <a:pt x="614" y="1215"/>
                  <a:pt x="613" y="1214"/>
                </a:cubicBezTo>
                <a:cubicBezTo>
                  <a:pt x="613" y="1212"/>
                  <a:pt x="612" y="1211"/>
                  <a:pt x="612" y="1210"/>
                </a:cubicBezTo>
                <a:cubicBezTo>
                  <a:pt x="611" y="1209"/>
                  <a:pt x="610" y="1208"/>
                  <a:pt x="610" y="1207"/>
                </a:cubicBezTo>
                <a:cubicBezTo>
                  <a:pt x="610" y="1205"/>
                  <a:pt x="613" y="1204"/>
                  <a:pt x="614" y="1202"/>
                </a:cubicBezTo>
                <a:cubicBezTo>
                  <a:pt x="614" y="1201"/>
                  <a:pt x="615" y="1200"/>
                  <a:pt x="615" y="1199"/>
                </a:cubicBezTo>
                <a:cubicBezTo>
                  <a:pt x="616" y="1198"/>
                  <a:pt x="618" y="1195"/>
                  <a:pt x="619" y="1195"/>
                </a:cubicBezTo>
                <a:cubicBezTo>
                  <a:pt x="621" y="1194"/>
                  <a:pt x="621" y="1194"/>
                  <a:pt x="622" y="1193"/>
                </a:cubicBezTo>
                <a:cubicBezTo>
                  <a:pt x="623" y="1192"/>
                  <a:pt x="624" y="1191"/>
                  <a:pt x="625" y="1191"/>
                </a:cubicBezTo>
                <a:cubicBezTo>
                  <a:pt x="627" y="1190"/>
                  <a:pt x="629" y="1190"/>
                  <a:pt x="631" y="1189"/>
                </a:cubicBezTo>
                <a:cubicBezTo>
                  <a:pt x="635" y="1187"/>
                  <a:pt x="638" y="1183"/>
                  <a:pt x="643" y="1183"/>
                </a:cubicBezTo>
                <a:cubicBezTo>
                  <a:pt x="645" y="1184"/>
                  <a:pt x="647" y="1185"/>
                  <a:pt x="649" y="1186"/>
                </a:cubicBezTo>
                <a:cubicBezTo>
                  <a:pt x="652" y="1186"/>
                  <a:pt x="655" y="1186"/>
                  <a:pt x="658" y="1186"/>
                </a:cubicBezTo>
                <a:cubicBezTo>
                  <a:pt x="660" y="1186"/>
                  <a:pt x="662" y="1187"/>
                  <a:pt x="664" y="1187"/>
                </a:cubicBezTo>
                <a:cubicBezTo>
                  <a:pt x="665" y="1188"/>
                  <a:pt x="666" y="1187"/>
                  <a:pt x="667" y="1188"/>
                </a:cubicBezTo>
                <a:cubicBezTo>
                  <a:pt x="668" y="1188"/>
                  <a:pt x="669" y="1189"/>
                  <a:pt x="670" y="1189"/>
                </a:cubicBezTo>
                <a:cubicBezTo>
                  <a:pt x="671" y="1190"/>
                  <a:pt x="674" y="1190"/>
                  <a:pt x="676" y="1190"/>
                </a:cubicBezTo>
                <a:cubicBezTo>
                  <a:pt x="678" y="1189"/>
                  <a:pt x="679" y="1190"/>
                  <a:pt x="679" y="1193"/>
                </a:cubicBezTo>
                <a:cubicBezTo>
                  <a:pt x="678" y="1194"/>
                  <a:pt x="678" y="1194"/>
                  <a:pt x="680" y="1195"/>
                </a:cubicBezTo>
                <a:cubicBezTo>
                  <a:pt x="681" y="1195"/>
                  <a:pt x="682" y="1196"/>
                  <a:pt x="683" y="1196"/>
                </a:cubicBezTo>
                <a:cubicBezTo>
                  <a:pt x="684" y="1196"/>
                  <a:pt x="685" y="1196"/>
                  <a:pt x="686" y="1196"/>
                </a:cubicBezTo>
                <a:cubicBezTo>
                  <a:pt x="688" y="1196"/>
                  <a:pt x="690" y="1197"/>
                  <a:pt x="691" y="1198"/>
                </a:cubicBezTo>
                <a:cubicBezTo>
                  <a:pt x="693" y="1200"/>
                  <a:pt x="694" y="1201"/>
                  <a:pt x="697" y="1200"/>
                </a:cubicBezTo>
                <a:cubicBezTo>
                  <a:pt x="698" y="1200"/>
                  <a:pt x="699" y="1199"/>
                  <a:pt x="699" y="1199"/>
                </a:cubicBezTo>
                <a:cubicBezTo>
                  <a:pt x="700" y="1199"/>
                  <a:pt x="701" y="1200"/>
                  <a:pt x="702" y="1200"/>
                </a:cubicBezTo>
                <a:cubicBezTo>
                  <a:pt x="704" y="1201"/>
                  <a:pt x="707" y="1201"/>
                  <a:pt x="708" y="1201"/>
                </a:cubicBezTo>
                <a:cubicBezTo>
                  <a:pt x="710" y="1200"/>
                  <a:pt x="712" y="1198"/>
                  <a:pt x="713" y="1197"/>
                </a:cubicBezTo>
                <a:cubicBezTo>
                  <a:pt x="715" y="1195"/>
                  <a:pt x="716" y="1194"/>
                  <a:pt x="718" y="1193"/>
                </a:cubicBezTo>
                <a:cubicBezTo>
                  <a:pt x="720" y="1192"/>
                  <a:pt x="720" y="1190"/>
                  <a:pt x="722" y="1188"/>
                </a:cubicBezTo>
                <a:cubicBezTo>
                  <a:pt x="723" y="1187"/>
                  <a:pt x="725" y="1187"/>
                  <a:pt x="727" y="1185"/>
                </a:cubicBezTo>
                <a:cubicBezTo>
                  <a:pt x="727" y="1185"/>
                  <a:pt x="728" y="1184"/>
                  <a:pt x="729" y="1184"/>
                </a:cubicBezTo>
                <a:cubicBezTo>
                  <a:pt x="731" y="1183"/>
                  <a:pt x="733" y="1183"/>
                  <a:pt x="734" y="1181"/>
                </a:cubicBezTo>
                <a:cubicBezTo>
                  <a:pt x="735" y="1180"/>
                  <a:pt x="735" y="1180"/>
                  <a:pt x="736" y="1179"/>
                </a:cubicBezTo>
                <a:cubicBezTo>
                  <a:pt x="737" y="1179"/>
                  <a:pt x="738" y="1179"/>
                  <a:pt x="739" y="1178"/>
                </a:cubicBezTo>
                <a:cubicBezTo>
                  <a:pt x="740" y="1177"/>
                  <a:pt x="740" y="1177"/>
                  <a:pt x="741" y="1176"/>
                </a:cubicBezTo>
                <a:cubicBezTo>
                  <a:pt x="742" y="1176"/>
                  <a:pt x="742" y="1176"/>
                  <a:pt x="743" y="1175"/>
                </a:cubicBezTo>
                <a:cubicBezTo>
                  <a:pt x="744" y="1175"/>
                  <a:pt x="745" y="1174"/>
                  <a:pt x="746" y="1174"/>
                </a:cubicBezTo>
                <a:cubicBezTo>
                  <a:pt x="747" y="1173"/>
                  <a:pt x="748" y="1174"/>
                  <a:pt x="749" y="1174"/>
                </a:cubicBezTo>
                <a:cubicBezTo>
                  <a:pt x="751" y="1174"/>
                  <a:pt x="752" y="1172"/>
                  <a:pt x="755" y="1172"/>
                </a:cubicBezTo>
                <a:cubicBezTo>
                  <a:pt x="756" y="1172"/>
                  <a:pt x="757" y="1172"/>
                  <a:pt x="758" y="1172"/>
                </a:cubicBezTo>
                <a:cubicBezTo>
                  <a:pt x="759" y="1171"/>
                  <a:pt x="759" y="1170"/>
                  <a:pt x="760" y="1170"/>
                </a:cubicBezTo>
                <a:cubicBezTo>
                  <a:pt x="762" y="1169"/>
                  <a:pt x="763" y="1168"/>
                  <a:pt x="765" y="1167"/>
                </a:cubicBezTo>
                <a:cubicBezTo>
                  <a:pt x="766" y="1166"/>
                  <a:pt x="766" y="1165"/>
                  <a:pt x="767" y="1164"/>
                </a:cubicBezTo>
                <a:cubicBezTo>
                  <a:pt x="768" y="1162"/>
                  <a:pt x="770" y="1161"/>
                  <a:pt x="771" y="1159"/>
                </a:cubicBezTo>
                <a:cubicBezTo>
                  <a:pt x="771" y="1158"/>
                  <a:pt x="772" y="1158"/>
                  <a:pt x="773" y="1157"/>
                </a:cubicBezTo>
                <a:cubicBezTo>
                  <a:pt x="774" y="1157"/>
                  <a:pt x="775" y="1156"/>
                  <a:pt x="775" y="1155"/>
                </a:cubicBezTo>
                <a:cubicBezTo>
                  <a:pt x="776" y="1154"/>
                  <a:pt x="776" y="1154"/>
                  <a:pt x="777" y="1153"/>
                </a:cubicBezTo>
                <a:cubicBezTo>
                  <a:pt x="779" y="1153"/>
                  <a:pt x="782" y="1153"/>
                  <a:pt x="784" y="1153"/>
                </a:cubicBezTo>
                <a:cubicBezTo>
                  <a:pt x="786" y="1153"/>
                  <a:pt x="787" y="1155"/>
                  <a:pt x="790" y="1155"/>
                </a:cubicBezTo>
                <a:cubicBezTo>
                  <a:pt x="792" y="1156"/>
                  <a:pt x="794" y="1155"/>
                  <a:pt x="796" y="1156"/>
                </a:cubicBezTo>
                <a:cubicBezTo>
                  <a:pt x="797" y="1156"/>
                  <a:pt x="798" y="1157"/>
                  <a:pt x="798" y="1158"/>
                </a:cubicBezTo>
                <a:cubicBezTo>
                  <a:pt x="799" y="1158"/>
                  <a:pt x="800" y="1158"/>
                  <a:pt x="802" y="1158"/>
                </a:cubicBezTo>
                <a:cubicBezTo>
                  <a:pt x="804" y="1159"/>
                  <a:pt x="805" y="1160"/>
                  <a:pt x="807" y="1161"/>
                </a:cubicBezTo>
                <a:cubicBezTo>
                  <a:pt x="809" y="1161"/>
                  <a:pt x="811" y="1163"/>
                  <a:pt x="813" y="1163"/>
                </a:cubicBezTo>
                <a:cubicBezTo>
                  <a:pt x="814" y="1163"/>
                  <a:pt x="815" y="1163"/>
                  <a:pt x="816" y="1164"/>
                </a:cubicBezTo>
                <a:cubicBezTo>
                  <a:pt x="816" y="1164"/>
                  <a:pt x="816" y="1165"/>
                  <a:pt x="817" y="1166"/>
                </a:cubicBezTo>
                <a:cubicBezTo>
                  <a:pt x="819" y="1166"/>
                  <a:pt x="820" y="1166"/>
                  <a:pt x="821" y="1167"/>
                </a:cubicBezTo>
                <a:cubicBezTo>
                  <a:pt x="822" y="1168"/>
                  <a:pt x="822" y="1169"/>
                  <a:pt x="822" y="1169"/>
                </a:cubicBezTo>
                <a:cubicBezTo>
                  <a:pt x="823" y="1169"/>
                  <a:pt x="823" y="1169"/>
                  <a:pt x="824" y="1170"/>
                </a:cubicBezTo>
                <a:cubicBezTo>
                  <a:pt x="824" y="1170"/>
                  <a:pt x="824" y="1172"/>
                  <a:pt x="825" y="1172"/>
                </a:cubicBezTo>
                <a:cubicBezTo>
                  <a:pt x="826" y="1175"/>
                  <a:pt x="825" y="1176"/>
                  <a:pt x="825" y="1178"/>
                </a:cubicBezTo>
                <a:cubicBezTo>
                  <a:pt x="825" y="1179"/>
                  <a:pt x="825" y="1180"/>
                  <a:pt x="825" y="1181"/>
                </a:cubicBezTo>
                <a:cubicBezTo>
                  <a:pt x="826" y="1182"/>
                  <a:pt x="827" y="1183"/>
                  <a:pt x="827" y="1184"/>
                </a:cubicBezTo>
                <a:cubicBezTo>
                  <a:pt x="827" y="1185"/>
                  <a:pt x="827" y="1185"/>
                  <a:pt x="828" y="1186"/>
                </a:cubicBezTo>
                <a:cubicBezTo>
                  <a:pt x="828" y="1188"/>
                  <a:pt x="828" y="1188"/>
                  <a:pt x="829" y="1189"/>
                </a:cubicBezTo>
                <a:cubicBezTo>
                  <a:pt x="829" y="1191"/>
                  <a:pt x="829" y="1191"/>
                  <a:pt x="830" y="1192"/>
                </a:cubicBezTo>
                <a:cubicBezTo>
                  <a:pt x="831" y="1192"/>
                  <a:pt x="831" y="1193"/>
                  <a:pt x="831" y="1194"/>
                </a:cubicBezTo>
                <a:cubicBezTo>
                  <a:pt x="831" y="1195"/>
                  <a:pt x="831" y="1196"/>
                  <a:pt x="832" y="1197"/>
                </a:cubicBezTo>
                <a:cubicBezTo>
                  <a:pt x="832" y="1198"/>
                  <a:pt x="832" y="1199"/>
                  <a:pt x="832" y="1200"/>
                </a:cubicBezTo>
                <a:cubicBezTo>
                  <a:pt x="833" y="1201"/>
                  <a:pt x="833" y="1201"/>
                  <a:pt x="833" y="1202"/>
                </a:cubicBezTo>
                <a:cubicBezTo>
                  <a:pt x="833" y="1203"/>
                  <a:pt x="832" y="1203"/>
                  <a:pt x="832" y="1203"/>
                </a:cubicBezTo>
                <a:cubicBezTo>
                  <a:pt x="832" y="1204"/>
                  <a:pt x="832" y="1204"/>
                  <a:pt x="833" y="1204"/>
                </a:cubicBezTo>
                <a:cubicBezTo>
                  <a:pt x="833" y="1205"/>
                  <a:pt x="834" y="1206"/>
                  <a:pt x="835" y="1206"/>
                </a:cubicBezTo>
                <a:cubicBezTo>
                  <a:pt x="836" y="1206"/>
                  <a:pt x="837" y="1206"/>
                  <a:pt x="838" y="1206"/>
                </a:cubicBezTo>
                <a:cubicBezTo>
                  <a:pt x="839" y="1206"/>
                  <a:pt x="839" y="1206"/>
                  <a:pt x="840" y="1207"/>
                </a:cubicBezTo>
                <a:cubicBezTo>
                  <a:pt x="842" y="1208"/>
                  <a:pt x="844" y="1211"/>
                  <a:pt x="845" y="1213"/>
                </a:cubicBezTo>
                <a:cubicBezTo>
                  <a:pt x="845" y="1214"/>
                  <a:pt x="846" y="1214"/>
                  <a:pt x="847" y="1215"/>
                </a:cubicBezTo>
                <a:cubicBezTo>
                  <a:pt x="848" y="1216"/>
                  <a:pt x="848" y="1217"/>
                  <a:pt x="848" y="1218"/>
                </a:cubicBezTo>
                <a:cubicBezTo>
                  <a:pt x="849" y="1218"/>
                  <a:pt x="850" y="1218"/>
                  <a:pt x="850" y="1219"/>
                </a:cubicBezTo>
                <a:cubicBezTo>
                  <a:pt x="851" y="1220"/>
                  <a:pt x="851" y="1221"/>
                  <a:pt x="851" y="1222"/>
                </a:cubicBezTo>
                <a:cubicBezTo>
                  <a:pt x="850" y="1223"/>
                  <a:pt x="850" y="1224"/>
                  <a:pt x="850" y="1224"/>
                </a:cubicBezTo>
                <a:cubicBezTo>
                  <a:pt x="851" y="1225"/>
                  <a:pt x="853" y="1224"/>
                  <a:pt x="854" y="1224"/>
                </a:cubicBezTo>
                <a:cubicBezTo>
                  <a:pt x="855" y="1224"/>
                  <a:pt x="856" y="1225"/>
                  <a:pt x="858" y="1226"/>
                </a:cubicBezTo>
                <a:cubicBezTo>
                  <a:pt x="860" y="1226"/>
                  <a:pt x="861" y="1226"/>
                  <a:pt x="862" y="1227"/>
                </a:cubicBezTo>
                <a:cubicBezTo>
                  <a:pt x="863" y="1227"/>
                  <a:pt x="865" y="1228"/>
                  <a:pt x="866" y="1229"/>
                </a:cubicBezTo>
                <a:cubicBezTo>
                  <a:pt x="866" y="1230"/>
                  <a:pt x="867" y="1231"/>
                  <a:pt x="868" y="1231"/>
                </a:cubicBezTo>
                <a:cubicBezTo>
                  <a:pt x="869" y="1232"/>
                  <a:pt x="870" y="1233"/>
                  <a:pt x="871" y="1234"/>
                </a:cubicBezTo>
                <a:cubicBezTo>
                  <a:pt x="872" y="1236"/>
                  <a:pt x="873" y="1237"/>
                  <a:pt x="875" y="1238"/>
                </a:cubicBezTo>
                <a:cubicBezTo>
                  <a:pt x="877" y="1239"/>
                  <a:pt x="878" y="1242"/>
                  <a:pt x="880" y="1243"/>
                </a:cubicBezTo>
                <a:cubicBezTo>
                  <a:pt x="881" y="1244"/>
                  <a:pt x="883" y="1244"/>
                  <a:pt x="884" y="1246"/>
                </a:cubicBezTo>
                <a:cubicBezTo>
                  <a:pt x="885" y="1247"/>
                  <a:pt x="885" y="1247"/>
                  <a:pt x="886" y="1248"/>
                </a:cubicBezTo>
                <a:cubicBezTo>
                  <a:pt x="887" y="1249"/>
                  <a:pt x="887" y="1250"/>
                  <a:pt x="888" y="1250"/>
                </a:cubicBezTo>
                <a:cubicBezTo>
                  <a:pt x="890" y="1251"/>
                  <a:pt x="892" y="1251"/>
                  <a:pt x="893" y="1253"/>
                </a:cubicBezTo>
                <a:cubicBezTo>
                  <a:pt x="894" y="1255"/>
                  <a:pt x="895" y="1256"/>
                  <a:pt x="897" y="1257"/>
                </a:cubicBezTo>
                <a:cubicBezTo>
                  <a:pt x="899" y="1258"/>
                  <a:pt x="899" y="1259"/>
                  <a:pt x="901" y="1261"/>
                </a:cubicBezTo>
                <a:cubicBezTo>
                  <a:pt x="902" y="1262"/>
                  <a:pt x="904" y="1262"/>
                  <a:pt x="906" y="1263"/>
                </a:cubicBezTo>
                <a:cubicBezTo>
                  <a:pt x="908" y="1264"/>
                  <a:pt x="907" y="1266"/>
                  <a:pt x="910" y="1267"/>
                </a:cubicBezTo>
                <a:cubicBezTo>
                  <a:pt x="912" y="1268"/>
                  <a:pt x="914" y="1267"/>
                  <a:pt x="916" y="1267"/>
                </a:cubicBezTo>
                <a:cubicBezTo>
                  <a:pt x="917" y="1267"/>
                  <a:pt x="918" y="1267"/>
                  <a:pt x="919" y="1267"/>
                </a:cubicBezTo>
                <a:cubicBezTo>
                  <a:pt x="920" y="1266"/>
                  <a:pt x="921" y="1266"/>
                  <a:pt x="922" y="1265"/>
                </a:cubicBezTo>
                <a:cubicBezTo>
                  <a:pt x="923" y="1265"/>
                  <a:pt x="926" y="1265"/>
                  <a:pt x="927" y="1266"/>
                </a:cubicBezTo>
                <a:cubicBezTo>
                  <a:pt x="928" y="1267"/>
                  <a:pt x="928" y="1267"/>
                  <a:pt x="929" y="1268"/>
                </a:cubicBezTo>
                <a:cubicBezTo>
                  <a:pt x="930" y="1269"/>
                  <a:pt x="931" y="1269"/>
                  <a:pt x="931" y="1270"/>
                </a:cubicBezTo>
                <a:cubicBezTo>
                  <a:pt x="932" y="1270"/>
                  <a:pt x="932" y="1271"/>
                  <a:pt x="933" y="1272"/>
                </a:cubicBezTo>
                <a:cubicBezTo>
                  <a:pt x="933" y="1273"/>
                  <a:pt x="934" y="1274"/>
                  <a:pt x="935" y="1274"/>
                </a:cubicBezTo>
                <a:cubicBezTo>
                  <a:pt x="937" y="1275"/>
                  <a:pt x="938" y="1277"/>
                  <a:pt x="939" y="1278"/>
                </a:cubicBezTo>
                <a:cubicBezTo>
                  <a:pt x="941" y="1279"/>
                  <a:pt x="942" y="1279"/>
                  <a:pt x="944" y="1280"/>
                </a:cubicBezTo>
                <a:cubicBezTo>
                  <a:pt x="945" y="1281"/>
                  <a:pt x="947" y="1281"/>
                  <a:pt x="948" y="1283"/>
                </a:cubicBezTo>
                <a:cubicBezTo>
                  <a:pt x="950" y="1284"/>
                  <a:pt x="947" y="1285"/>
                  <a:pt x="947" y="1287"/>
                </a:cubicBezTo>
                <a:cubicBezTo>
                  <a:pt x="946" y="1287"/>
                  <a:pt x="946" y="1287"/>
                  <a:pt x="946" y="1288"/>
                </a:cubicBezTo>
                <a:cubicBezTo>
                  <a:pt x="946" y="1288"/>
                  <a:pt x="945" y="1288"/>
                  <a:pt x="945" y="1289"/>
                </a:cubicBezTo>
                <a:cubicBezTo>
                  <a:pt x="945" y="1291"/>
                  <a:pt x="949" y="1288"/>
                  <a:pt x="949" y="1288"/>
                </a:cubicBezTo>
                <a:cubicBezTo>
                  <a:pt x="950" y="1287"/>
                  <a:pt x="952" y="1287"/>
                  <a:pt x="953" y="1287"/>
                </a:cubicBezTo>
                <a:cubicBezTo>
                  <a:pt x="954" y="1287"/>
                  <a:pt x="955" y="1288"/>
                  <a:pt x="956" y="1288"/>
                </a:cubicBezTo>
                <a:cubicBezTo>
                  <a:pt x="957" y="1288"/>
                  <a:pt x="957" y="1287"/>
                  <a:pt x="959" y="1286"/>
                </a:cubicBezTo>
                <a:cubicBezTo>
                  <a:pt x="960" y="1286"/>
                  <a:pt x="960" y="1286"/>
                  <a:pt x="961" y="1287"/>
                </a:cubicBezTo>
                <a:cubicBezTo>
                  <a:pt x="962" y="1288"/>
                  <a:pt x="961" y="1289"/>
                  <a:pt x="962" y="1289"/>
                </a:cubicBezTo>
                <a:cubicBezTo>
                  <a:pt x="964" y="1290"/>
                  <a:pt x="964" y="1291"/>
                  <a:pt x="964" y="1292"/>
                </a:cubicBezTo>
                <a:cubicBezTo>
                  <a:pt x="964" y="1293"/>
                  <a:pt x="964" y="1294"/>
                  <a:pt x="964" y="1295"/>
                </a:cubicBezTo>
                <a:cubicBezTo>
                  <a:pt x="964" y="1296"/>
                  <a:pt x="966" y="1297"/>
                  <a:pt x="965" y="1298"/>
                </a:cubicBezTo>
                <a:cubicBezTo>
                  <a:pt x="965" y="1299"/>
                  <a:pt x="963" y="1299"/>
                  <a:pt x="963" y="1301"/>
                </a:cubicBezTo>
                <a:cubicBezTo>
                  <a:pt x="965" y="1301"/>
                  <a:pt x="966" y="1302"/>
                  <a:pt x="967" y="1303"/>
                </a:cubicBezTo>
                <a:cubicBezTo>
                  <a:pt x="967" y="1303"/>
                  <a:pt x="968" y="1304"/>
                  <a:pt x="969" y="1305"/>
                </a:cubicBezTo>
                <a:cubicBezTo>
                  <a:pt x="970" y="1306"/>
                  <a:pt x="971" y="1306"/>
                  <a:pt x="972" y="1307"/>
                </a:cubicBezTo>
                <a:cubicBezTo>
                  <a:pt x="973" y="1308"/>
                  <a:pt x="973" y="1309"/>
                  <a:pt x="974" y="1309"/>
                </a:cubicBezTo>
                <a:cubicBezTo>
                  <a:pt x="975" y="1309"/>
                  <a:pt x="976" y="1309"/>
                  <a:pt x="977" y="1309"/>
                </a:cubicBezTo>
                <a:cubicBezTo>
                  <a:pt x="978" y="1309"/>
                  <a:pt x="979" y="1309"/>
                  <a:pt x="980" y="1308"/>
                </a:cubicBezTo>
                <a:cubicBezTo>
                  <a:pt x="981" y="1308"/>
                  <a:pt x="984" y="1308"/>
                  <a:pt x="986" y="1309"/>
                </a:cubicBezTo>
                <a:cubicBezTo>
                  <a:pt x="988" y="1310"/>
                  <a:pt x="987" y="1312"/>
                  <a:pt x="988" y="1314"/>
                </a:cubicBezTo>
                <a:cubicBezTo>
                  <a:pt x="989" y="1316"/>
                  <a:pt x="990" y="1317"/>
                  <a:pt x="991" y="1319"/>
                </a:cubicBezTo>
                <a:cubicBezTo>
                  <a:pt x="992" y="1321"/>
                  <a:pt x="991" y="1324"/>
                  <a:pt x="992" y="1326"/>
                </a:cubicBezTo>
                <a:cubicBezTo>
                  <a:pt x="992" y="1327"/>
                  <a:pt x="994" y="1329"/>
                  <a:pt x="994" y="1331"/>
                </a:cubicBezTo>
                <a:cubicBezTo>
                  <a:pt x="995" y="1333"/>
                  <a:pt x="995" y="1335"/>
                  <a:pt x="996" y="1337"/>
                </a:cubicBezTo>
                <a:cubicBezTo>
                  <a:pt x="996" y="1339"/>
                  <a:pt x="997" y="1341"/>
                  <a:pt x="998" y="1343"/>
                </a:cubicBezTo>
                <a:cubicBezTo>
                  <a:pt x="999" y="1345"/>
                  <a:pt x="1001" y="1346"/>
                  <a:pt x="1002" y="1348"/>
                </a:cubicBezTo>
                <a:cubicBezTo>
                  <a:pt x="1002" y="1349"/>
                  <a:pt x="1002" y="1350"/>
                  <a:pt x="1001" y="1351"/>
                </a:cubicBezTo>
                <a:cubicBezTo>
                  <a:pt x="1001" y="1352"/>
                  <a:pt x="1000" y="1352"/>
                  <a:pt x="999" y="1352"/>
                </a:cubicBezTo>
                <a:cubicBezTo>
                  <a:pt x="998" y="1352"/>
                  <a:pt x="997" y="1353"/>
                  <a:pt x="996" y="1353"/>
                </a:cubicBezTo>
                <a:cubicBezTo>
                  <a:pt x="995" y="1354"/>
                  <a:pt x="994" y="1354"/>
                  <a:pt x="993" y="1354"/>
                </a:cubicBezTo>
                <a:cubicBezTo>
                  <a:pt x="992" y="1355"/>
                  <a:pt x="991" y="1357"/>
                  <a:pt x="991" y="1358"/>
                </a:cubicBezTo>
                <a:cubicBezTo>
                  <a:pt x="994" y="1359"/>
                  <a:pt x="993" y="1362"/>
                  <a:pt x="991" y="1363"/>
                </a:cubicBezTo>
                <a:cubicBezTo>
                  <a:pt x="991" y="1364"/>
                  <a:pt x="990" y="1364"/>
                  <a:pt x="989" y="1365"/>
                </a:cubicBezTo>
                <a:cubicBezTo>
                  <a:pt x="989" y="1366"/>
                  <a:pt x="989" y="1367"/>
                  <a:pt x="988" y="1368"/>
                </a:cubicBezTo>
                <a:cubicBezTo>
                  <a:pt x="986" y="1371"/>
                  <a:pt x="984" y="1374"/>
                  <a:pt x="985" y="1378"/>
                </a:cubicBezTo>
                <a:cubicBezTo>
                  <a:pt x="985" y="1379"/>
                  <a:pt x="985" y="1380"/>
                  <a:pt x="986" y="1381"/>
                </a:cubicBezTo>
                <a:cubicBezTo>
                  <a:pt x="986" y="1382"/>
                  <a:pt x="988" y="1381"/>
                  <a:pt x="989" y="1381"/>
                </a:cubicBezTo>
                <a:cubicBezTo>
                  <a:pt x="990" y="1381"/>
                  <a:pt x="991" y="1382"/>
                  <a:pt x="992" y="1382"/>
                </a:cubicBezTo>
                <a:cubicBezTo>
                  <a:pt x="993" y="1383"/>
                  <a:pt x="994" y="1382"/>
                  <a:pt x="995" y="1382"/>
                </a:cubicBezTo>
                <a:cubicBezTo>
                  <a:pt x="998" y="1382"/>
                  <a:pt x="999" y="1382"/>
                  <a:pt x="1000" y="1379"/>
                </a:cubicBezTo>
                <a:cubicBezTo>
                  <a:pt x="1002" y="1377"/>
                  <a:pt x="1003" y="1376"/>
                  <a:pt x="1004" y="1374"/>
                </a:cubicBezTo>
                <a:cubicBezTo>
                  <a:pt x="1006" y="1373"/>
                  <a:pt x="1007" y="1371"/>
                  <a:pt x="1008" y="1369"/>
                </a:cubicBezTo>
                <a:cubicBezTo>
                  <a:pt x="1010" y="1368"/>
                  <a:pt x="1010" y="1366"/>
                  <a:pt x="1011" y="1365"/>
                </a:cubicBezTo>
                <a:cubicBezTo>
                  <a:pt x="1013" y="1364"/>
                  <a:pt x="1014" y="1361"/>
                  <a:pt x="1013" y="1360"/>
                </a:cubicBezTo>
                <a:cubicBezTo>
                  <a:pt x="1013" y="1359"/>
                  <a:pt x="1012" y="1358"/>
                  <a:pt x="1012" y="1357"/>
                </a:cubicBezTo>
                <a:cubicBezTo>
                  <a:pt x="1011" y="1356"/>
                  <a:pt x="1012" y="1355"/>
                  <a:pt x="1012" y="1354"/>
                </a:cubicBezTo>
                <a:cubicBezTo>
                  <a:pt x="1013" y="1352"/>
                  <a:pt x="1015" y="1351"/>
                  <a:pt x="1016" y="1350"/>
                </a:cubicBezTo>
                <a:cubicBezTo>
                  <a:pt x="1017" y="1348"/>
                  <a:pt x="1019" y="1347"/>
                  <a:pt x="1021" y="1347"/>
                </a:cubicBezTo>
                <a:cubicBezTo>
                  <a:pt x="1022" y="1347"/>
                  <a:pt x="1023" y="1346"/>
                  <a:pt x="1024" y="1346"/>
                </a:cubicBezTo>
                <a:cubicBezTo>
                  <a:pt x="1025" y="1346"/>
                  <a:pt x="1025" y="1347"/>
                  <a:pt x="1026" y="1348"/>
                </a:cubicBezTo>
                <a:cubicBezTo>
                  <a:pt x="1028" y="1348"/>
                  <a:pt x="1030" y="1347"/>
                  <a:pt x="1030" y="1345"/>
                </a:cubicBezTo>
                <a:cubicBezTo>
                  <a:pt x="1031" y="1342"/>
                  <a:pt x="1031" y="1339"/>
                  <a:pt x="1030" y="1336"/>
                </a:cubicBezTo>
                <a:cubicBezTo>
                  <a:pt x="1030" y="1333"/>
                  <a:pt x="1029" y="1330"/>
                  <a:pt x="1027" y="1328"/>
                </a:cubicBezTo>
                <a:cubicBezTo>
                  <a:pt x="1024" y="1325"/>
                  <a:pt x="1021" y="1323"/>
                  <a:pt x="1018" y="1322"/>
                </a:cubicBezTo>
                <a:cubicBezTo>
                  <a:pt x="1017" y="1321"/>
                  <a:pt x="1016" y="1321"/>
                  <a:pt x="1015" y="1321"/>
                </a:cubicBezTo>
                <a:cubicBezTo>
                  <a:pt x="1014" y="1321"/>
                  <a:pt x="1013" y="1321"/>
                  <a:pt x="1012" y="1321"/>
                </a:cubicBezTo>
                <a:cubicBezTo>
                  <a:pt x="1010" y="1319"/>
                  <a:pt x="1013" y="1314"/>
                  <a:pt x="1014" y="1312"/>
                </a:cubicBezTo>
                <a:cubicBezTo>
                  <a:pt x="1015" y="1310"/>
                  <a:pt x="1015" y="1308"/>
                  <a:pt x="1015" y="1306"/>
                </a:cubicBezTo>
                <a:cubicBezTo>
                  <a:pt x="1016" y="1304"/>
                  <a:pt x="1018" y="1302"/>
                  <a:pt x="1019" y="1300"/>
                </a:cubicBezTo>
                <a:cubicBezTo>
                  <a:pt x="1019" y="1298"/>
                  <a:pt x="1021" y="1296"/>
                  <a:pt x="1022" y="1295"/>
                </a:cubicBezTo>
                <a:cubicBezTo>
                  <a:pt x="1024" y="1294"/>
                  <a:pt x="1025" y="1292"/>
                  <a:pt x="1027" y="1292"/>
                </a:cubicBezTo>
                <a:cubicBezTo>
                  <a:pt x="1028" y="1291"/>
                  <a:pt x="1031" y="1290"/>
                  <a:pt x="1032" y="1292"/>
                </a:cubicBezTo>
                <a:cubicBezTo>
                  <a:pt x="1033" y="1293"/>
                  <a:pt x="1029" y="1296"/>
                  <a:pt x="1033" y="1296"/>
                </a:cubicBezTo>
                <a:cubicBezTo>
                  <a:pt x="1034" y="1296"/>
                  <a:pt x="1035" y="1295"/>
                  <a:pt x="1036" y="1296"/>
                </a:cubicBezTo>
                <a:cubicBezTo>
                  <a:pt x="1037" y="1296"/>
                  <a:pt x="1038" y="1297"/>
                  <a:pt x="1039" y="1297"/>
                </a:cubicBezTo>
                <a:cubicBezTo>
                  <a:pt x="1041" y="1297"/>
                  <a:pt x="1043" y="1296"/>
                  <a:pt x="1045" y="1298"/>
                </a:cubicBezTo>
                <a:cubicBezTo>
                  <a:pt x="1046" y="1299"/>
                  <a:pt x="1048" y="1301"/>
                  <a:pt x="1049" y="1302"/>
                </a:cubicBezTo>
                <a:cubicBezTo>
                  <a:pt x="1052" y="1305"/>
                  <a:pt x="1053" y="1309"/>
                  <a:pt x="1057" y="1311"/>
                </a:cubicBezTo>
                <a:cubicBezTo>
                  <a:pt x="1058" y="1312"/>
                  <a:pt x="1060" y="1313"/>
                  <a:pt x="1061" y="1314"/>
                </a:cubicBezTo>
                <a:cubicBezTo>
                  <a:pt x="1062" y="1315"/>
                  <a:pt x="1064" y="1317"/>
                  <a:pt x="1066" y="1317"/>
                </a:cubicBezTo>
                <a:cubicBezTo>
                  <a:pt x="1068" y="1317"/>
                  <a:pt x="1067" y="1314"/>
                  <a:pt x="1068" y="1312"/>
                </a:cubicBezTo>
                <a:cubicBezTo>
                  <a:pt x="1068" y="1310"/>
                  <a:pt x="1070" y="1308"/>
                  <a:pt x="1070" y="1306"/>
                </a:cubicBezTo>
                <a:cubicBezTo>
                  <a:pt x="1070" y="1305"/>
                  <a:pt x="1070" y="1303"/>
                  <a:pt x="1069" y="1302"/>
                </a:cubicBezTo>
                <a:cubicBezTo>
                  <a:pt x="1068" y="1301"/>
                  <a:pt x="1067" y="1300"/>
                  <a:pt x="1066" y="1299"/>
                </a:cubicBezTo>
                <a:cubicBezTo>
                  <a:pt x="1066" y="1297"/>
                  <a:pt x="1065" y="1296"/>
                  <a:pt x="1063" y="1295"/>
                </a:cubicBezTo>
                <a:cubicBezTo>
                  <a:pt x="1062" y="1294"/>
                  <a:pt x="1060" y="1294"/>
                  <a:pt x="1059" y="1293"/>
                </a:cubicBezTo>
                <a:cubicBezTo>
                  <a:pt x="1057" y="1292"/>
                  <a:pt x="1057" y="1290"/>
                  <a:pt x="1056" y="1289"/>
                </a:cubicBezTo>
                <a:cubicBezTo>
                  <a:pt x="1055" y="1287"/>
                  <a:pt x="1053" y="1286"/>
                  <a:pt x="1050" y="1285"/>
                </a:cubicBezTo>
                <a:cubicBezTo>
                  <a:pt x="1048" y="1285"/>
                  <a:pt x="1046" y="1283"/>
                  <a:pt x="1044" y="1282"/>
                </a:cubicBezTo>
                <a:cubicBezTo>
                  <a:pt x="1042" y="1281"/>
                  <a:pt x="1040" y="1279"/>
                  <a:pt x="1038" y="1278"/>
                </a:cubicBezTo>
                <a:cubicBezTo>
                  <a:pt x="1036" y="1277"/>
                  <a:pt x="1034" y="1276"/>
                  <a:pt x="1032" y="1276"/>
                </a:cubicBezTo>
                <a:cubicBezTo>
                  <a:pt x="1030" y="1275"/>
                  <a:pt x="1029" y="1274"/>
                  <a:pt x="1027" y="1273"/>
                </a:cubicBezTo>
                <a:cubicBezTo>
                  <a:pt x="1026" y="1273"/>
                  <a:pt x="1025" y="1271"/>
                  <a:pt x="1023" y="1270"/>
                </a:cubicBezTo>
                <a:cubicBezTo>
                  <a:pt x="1021" y="1269"/>
                  <a:pt x="1019" y="1270"/>
                  <a:pt x="1017" y="1269"/>
                </a:cubicBezTo>
                <a:cubicBezTo>
                  <a:pt x="1015" y="1268"/>
                  <a:pt x="1013" y="1266"/>
                  <a:pt x="1011" y="1265"/>
                </a:cubicBezTo>
                <a:cubicBezTo>
                  <a:pt x="1008" y="1264"/>
                  <a:pt x="1005" y="1263"/>
                  <a:pt x="1002" y="1261"/>
                </a:cubicBezTo>
                <a:cubicBezTo>
                  <a:pt x="1001" y="1260"/>
                  <a:pt x="1000" y="1259"/>
                  <a:pt x="999" y="1258"/>
                </a:cubicBezTo>
                <a:cubicBezTo>
                  <a:pt x="997" y="1256"/>
                  <a:pt x="994" y="1254"/>
                  <a:pt x="994" y="1252"/>
                </a:cubicBezTo>
                <a:cubicBezTo>
                  <a:pt x="995" y="1250"/>
                  <a:pt x="997" y="1251"/>
                  <a:pt x="998" y="1250"/>
                </a:cubicBezTo>
                <a:cubicBezTo>
                  <a:pt x="999" y="1249"/>
                  <a:pt x="999" y="1248"/>
                  <a:pt x="1000" y="1248"/>
                </a:cubicBezTo>
                <a:cubicBezTo>
                  <a:pt x="1000" y="1247"/>
                  <a:pt x="1001" y="1247"/>
                  <a:pt x="1001" y="1246"/>
                </a:cubicBezTo>
                <a:cubicBezTo>
                  <a:pt x="1003" y="1241"/>
                  <a:pt x="999" y="1238"/>
                  <a:pt x="994" y="1238"/>
                </a:cubicBezTo>
                <a:cubicBezTo>
                  <a:pt x="992" y="1239"/>
                  <a:pt x="990" y="1239"/>
                  <a:pt x="988" y="1239"/>
                </a:cubicBezTo>
                <a:cubicBezTo>
                  <a:pt x="986" y="1240"/>
                  <a:pt x="984" y="1239"/>
                  <a:pt x="982" y="1239"/>
                </a:cubicBezTo>
                <a:cubicBezTo>
                  <a:pt x="980" y="1239"/>
                  <a:pt x="978" y="1241"/>
                  <a:pt x="976" y="1241"/>
                </a:cubicBezTo>
                <a:cubicBezTo>
                  <a:pt x="975" y="1241"/>
                  <a:pt x="974" y="1240"/>
                  <a:pt x="973" y="1240"/>
                </a:cubicBezTo>
                <a:cubicBezTo>
                  <a:pt x="970" y="1240"/>
                  <a:pt x="968" y="1241"/>
                  <a:pt x="966" y="1239"/>
                </a:cubicBezTo>
                <a:cubicBezTo>
                  <a:pt x="964" y="1238"/>
                  <a:pt x="962" y="1237"/>
                  <a:pt x="961" y="1237"/>
                </a:cubicBezTo>
                <a:cubicBezTo>
                  <a:pt x="960" y="1236"/>
                  <a:pt x="959" y="1236"/>
                  <a:pt x="958" y="1235"/>
                </a:cubicBezTo>
                <a:cubicBezTo>
                  <a:pt x="957" y="1235"/>
                  <a:pt x="957" y="1234"/>
                  <a:pt x="957" y="1233"/>
                </a:cubicBezTo>
                <a:cubicBezTo>
                  <a:pt x="956" y="1232"/>
                  <a:pt x="954" y="1232"/>
                  <a:pt x="952" y="1231"/>
                </a:cubicBezTo>
                <a:cubicBezTo>
                  <a:pt x="951" y="1229"/>
                  <a:pt x="951" y="1227"/>
                  <a:pt x="949" y="1226"/>
                </a:cubicBezTo>
                <a:cubicBezTo>
                  <a:pt x="948" y="1225"/>
                  <a:pt x="947" y="1225"/>
                  <a:pt x="946" y="1224"/>
                </a:cubicBezTo>
                <a:cubicBezTo>
                  <a:pt x="946" y="1224"/>
                  <a:pt x="945" y="1223"/>
                  <a:pt x="944" y="1222"/>
                </a:cubicBezTo>
                <a:cubicBezTo>
                  <a:pt x="944" y="1221"/>
                  <a:pt x="942" y="1221"/>
                  <a:pt x="942" y="1220"/>
                </a:cubicBezTo>
                <a:cubicBezTo>
                  <a:pt x="941" y="1218"/>
                  <a:pt x="941" y="1217"/>
                  <a:pt x="940" y="1215"/>
                </a:cubicBezTo>
                <a:cubicBezTo>
                  <a:pt x="940" y="1214"/>
                  <a:pt x="939" y="1213"/>
                  <a:pt x="938" y="1212"/>
                </a:cubicBezTo>
                <a:cubicBezTo>
                  <a:pt x="936" y="1211"/>
                  <a:pt x="935" y="1209"/>
                  <a:pt x="934" y="1207"/>
                </a:cubicBezTo>
                <a:cubicBezTo>
                  <a:pt x="934" y="1206"/>
                  <a:pt x="934" y="1205"/>
                  <a:pt x="933" y="1204"/>
                </a:cubicBezTo>
                <a:cubicBezTo>
                  <a:pt x="933" y="1203"/>
                  <a:pt x="933" y="1203"/>
                  <a:pt x="932" y="1202"/>
                </a:cubicBezTo>
                <a:cubicBezTo>
                  <a:pt x="931" y="1199"/>
                  <a:pt x="931" y="1198"/>
                  <a:pt x="931" y="1195"/>
                </a:cubicBezTo>
                <a:cubicBezTo>
                  <a:pt x="931" y="1192"/>
                  <a:pt x="930" y="1192"/>
                  <a:pt x="928" y="1190"/>
                </a:cubicBezTo>
                <a:cubicBezTo>
                  <a:pt x="927" y="1188"/>
                  <a:pt x="927" y="1186"/>
                  <a:pt x="925" y="1185"/>
                </a:cubicBezTo>
                <a:cubicBezTo>
                  <a:pt x="924" y="1184"/>
                  <a:pt x="922" y="1183"/>
                  <a:pt x="920" y="1182"/>
                </a:cubicBezTo>
                <a:cubicBezTo>
                  <a:pt x="918" y="1181"/>
                  <a:pt x="917" y="1180"/>
                  <a:pt x="916" y="1178"/>
                </a:cubicBezTo>
                <a:cubicBezTo>
                  <a:pt x="914" y="1177"/>
                  <a:pt x="913" y="1177"/>
                  <a:pt x="911" y="1175"/>
                </a:cubicBezTo>
                <a:cubicBezTo>
                  <a:pt x="909" y="1173"/>
                  <a:pt x="909" y="1173"/>
                  <a:pt x="907" y="1172"/>
                </a:cubicBezTo>
                <a:cubicBezTo>
                  <a:pt x="904" y="1171"/>
                  <a:pt x="904" y="1170"/>
                  <a:pt x="902" y="1168"/>
                </a:cubicBezTo>
                <a:cubicBezTo>
                  <a:pt x="902" y="1168"/>
                  <a:pt x="901" y="1167"/>
                  <a:pt x="900" y="1167"/>
                </a:cubicBezTo>
                <a:cubicBezTo>
                  <a:pt x="899" y="1167"/>
                  <a:pt x="898" y="1166"/>
                  <a:pt x="898" y="1165"/>
                </a:cubicBezTo>
                <a:cubicBezTo>
                  <a:pt x="896" y="1164"/>
                  <a:pt x="893" y="1163"/>
                  <a:pt x="892" y="1161"/>
                </a:cubicBezTo>
                <a:cubicBezTo>
                  <a:pt x="891" y="1160"/>
                  <a:pt x="890" y="1158"/>
                  <a:pt x="889" y="1157"/>
                </a:cubicBezTo>
                <a:cubicBezTo>
                  <a:pt x="888" y="1155"/>
                  <a:pt x="887" y="1154"/>
                  <a:pt x="886" y="1152"/>
                </a:cubicBezTo>
                <a:cubicBezTo>
                  <a:pt x="886" y="1150"/>
                  <a:pt x="886" y="1148"/>
                  <a:pt x="886" y="1146"/>
                </a:cubicBezTo>
                <a:cubicBezTo>
                  <a:pt x="885" y="1144"/>
                  <a:pt x="885" y="1142"/>
                  <a:pt x="884" y="1140"/>
                </a:cubicBezTo>
                <a:cubicBezTo>
                  <a:pt x="884" y="1138"/>
                  <a:pt x="885" y="1135"/>
                  <a:pt x="888" y="1136"/>
                </a:cubicBezTo>
                <a:cubicBezTo>
                  <a:pt x="889" y="1137"/>
                  <a:pt x="890" y="1139"/>
                  <a:pt x="891" y="1137"/>
                </a:cubicBezTo>
                <a:cubicBezTo>
                  <a:pt x="890" y="1135"/>
                  <a:pt x="890" y="1135"/>
                  <a:pt x="891" y="1134"/>
                </a:cubicBezTo>
                <a:cubicBezTo>
                  <a:pt x="893" y="1132"/>
                  <a:pt x="892" y="1129"/>
                  <a:pt x="889" y="1127"/>
                </a:cubicBezTo>
                <a:cubicBezTo>
                  <a:pt x="888" y="1126"/>
                  <a:pt x="887" y="1126"/>
                  <a:pt x="887" y="1125"/>
                </a:cubicBezTo>
                <a:cubicBezTo>
                  <a:pt x="886" y="1124"/>
                  <a:pt x="886" y="1123"/>
                  <a:pt x="885" y="1122"/>
                </a:cubicBezTo>
                <a:cubicBezTo>
                  <a:pt x="884" y="1121"/>
                  <a:pt x="881" y="1120"/>
                  <a:pt x="882" y="1118"/>
                </a:cubicBezTo>
                <a:cubicBezTo>
                  <a:pt x="882" y="1117"/>
                  <a:pt x="883" y="1117"/>
                  <a:pt x="884" y="1116"/>
                </a:cubicBezTo>
                <a:cubicBezTo>
                  <a:pt x="884" y="1115"/>
                  <a:pt x="885" y="1114"/>
                  <a:pt x="885" y="1113"/>
                </a:cubicBezTo>
                <a:cubicBezTo>
                  <a:pt x="886" y="1112"/>
                  <a:pt x="888" y="1110"/>
                  <a:pt x="890" y="1110"/>
                </a:cubicBezTo>
                <a:cubicBezTo>
                  <a:pt x="890" y="1111"/>
                  <a:pt x="887" y="1115"/>
                  <a:pt x="890" y="1114"/>
                </a:cubicBezTo>
                <a:cubicBezTo>
                  <a:pt x="891" y="1113"/>
                  <a:pt x="892" y="1113"/>
                  <a:pt x="893" y="1113"/>
                </a:cubicBezTo>
                <a:cubicBezTo>
                  <a:pt x="894" y="1113"/>
                  <a:pt x="894" y="1113"/>
                  <a:pt x="896" y="1112"/>
                </a:cubicBezTo>
                <a:cubicBezTo>
                  <a:pt x="898" y="1111"/>
                  <a:pt x="899" y="1110"/>
                  <a:pt x="901" y="1109"/>
                </a:cubicBezTo>
                <a:cubicBezTo>
                  <a:pt x="903" y="1109"/>
                  <a:pt x="905" y="1109"/>
                  <a:pt x="907" y="1108"/>
                </a:cubicBezTo>
                <a:cubicBezTo>
                  <a:pt x="908" y="1107"/>
                  <a:pt x="909" y="1106"/>
                  <a:pt x="909" y="1106"/>
                </a:cubicBezTo>
                <a:cubicBezTo>
                  <a:pt x="910" y="1105"/>
                  <a:pt x="910" y="1104"/>
                  <a:pt x="910" y="1103"/>
                </a:cubicBezTo>
                <a:cubicBezTo>
                  <a:pt x="911" y="1102"/>
                  <a:pt x="912" y="1102"/>
                  <a:pt x="913" y="1101"/>
                </a:cubicBezTo>
                <a:cubicBezTo>
                  <a:pt x="914" y="1101"/>
                  <a:pt x="915" y="1102"/>
                  <a:pt x="916" y="1102"/>
                </a:cubicBezTo>
                <a:cubicBezTo>
                  <a:pt x="918" y="1103"/>
                  <a:pt x="920" y="1102"/>
                  <a:pt x="922" y="1102"/>
                </a:cubicBezTo>
                <a:cubicBezTo>
                  <a:pt x="924" y="1102"/>
                  <a:pt x="925" y="1104"/>
                  <a:pt x="925" y="1106"/>
                </a:cubicBezTo>
                <a:cubicBezTo>
                  <a:pt x="926" y="1107"/>
                  <a:pt x="927" y="1107"/>
                  <a:pt x="927" y="1108"/>
                </a:cubicBezTo>
                <a:cubicBezTo>
                  <a:pt x="926" y="1108"/>
                  <a:pt x="926" y="1108"/>
                  <a:pt x="925" y="1109"/>
                </a:cubicBezTo>
                <a:cubicBezTo>
                  <a:pt x="925" y="1110"/>
                  <a:pt x="925" y="1110"/>
                  <a:pt x="924" y="1110"/>
                </a:cubicBezTo>
                <a:cubicBezTo>
                  <a:pt x="924" y="1111"/>
                  <a:pt x="923" y="1111"/>
                  <a:pt x="923" y="1111"/>
                </a:cubicBezTo>
                <a:cubicBezTo>
                  <a:pt x="923" y="1111"/>
                  <a:pt x="923" y="1112"/>
                  <a:pt x="923" y="1112"/>
                </a:cubicBezTo>
                <a:cubicBezTo>
                  <a:pt x="923" y="1112"/>
                  <a:pt x="923" y="1113"/>
                  <a:pt x="923" y="1113"/>
                </a:cubicBezTo>
                <a:cubicBezTo>
                  <a:pt x="923" y="1113"/>
                  <a:pt x="923" y="1113"/>
                  <a:pt x="923" y="1113"/>
                </a:cubicBezTo>
                <a:cubicBezTo>
                  <a:pt x="922" y="1114"/>
                  <a:pt x="922" y="1114"/>
                  <a:pt x="922" y="1116"/>
                </a:cubicBezTo>
                <a:cubicBezTo>
                  <a:pt x="923" y="1117"/>
                  <a:pt x="923" y="1118"/>
                  <a:pt x="923" y="1119"/>
                </a:cubicBezTo>
                <a:cubicBezTo>
                  <a:pt x="923" y="1121"/>
                  <a:pt x="923" y="1120"/>
                  <a:pt x="924" y="1121"/>
                </a:cubicBezTo>
                <a:cubicBezTo>
                  <a:pt x="925" y="1123"/>
                  <a:pt x="923" y="1126"/>
                  <a:pt x="924" y="1128"/>
                </a:cubicBezTo>
                <a:cubicBezTo>
                  <a:pt x="925" y="1128"/>
                  <a:pt x="926" y="1129"/>
                  <a:pt x="926" y="1129"/>
                </a:cubicBezTo>
                <a:cubicBezTo>
                  <a:pt x="927" y="1130"/>
                  <a:pt x="927" y="1131"/>
                  <a:pt x="928" y="1131"/>
                </a:cubicBezTo>
                <a:cubicBezTo>
                  <a:pt x="929" y="1132"/>
                  <a:pt x="930" y="1132"/>
                  <a:pt x="930" y="1133"/>
                </a:cubicBezTo>
                <a:cubicBezTo>
                  <a:pt x="931" y="1134"/>
                  <a:pt x="931" y="1135"/>
                  <a:pt x="931" y="1136"/>
                </a:cubicBezTo>
                <a:cubicBezTo>
                  <a:pt x="932" y="1139"/>
                  <a:pt x="934" y="1138"/>
                  <a:pt x="935" y="1135"/>
                </a:cubicBezTo>
                <a:cubicBezTo>
                  <a:pt x="935" y="1133"/>
                  <a:pt x="935" y="1131"/>
                  <a:pt x="936" y="1130"/>
                </a:cubicBezTo>
                <a:cubicBezTo>
                  <a:pt x="937" y="1129"/>
                  <a:pt x="938" y="1129"/>
                  <a:pt x="939" y="1129"/>
                </a:cubicBezTo>
                <a:cubicBezTo>
                  <a:pt x="940" y="1129"/>
                  <a:pt x="941" y="1130"/>
                  <a:pt x="942" y="1128"/>
                </a:cubicBezTo>
                <a:cubicBezTo>
                  <a:pt x="942" y="1127"/>
                  <a:pt x="942" y="1126"/>
                  <a:pt x="942" y="1125"/>
                </a:cubicBezTo>
                <a:cubicBezTo>
                  <a:pt x="942" y="1124"/>
                  <a:pt x="943" y="1124"/>
                  <a:pt x="944" y="1123"/>
                </a:cubicBezTo>
                <a:cubicBezTo>
                  <a:pt x="944" y="1121"/>
                  <a:pt x="943" y="1119"/>
                  <a:pt x="946" y="1118"/>
                </a:cubicBezTo>
                <a:cubicBezTo>
                  <a:pt x="947" y="1118"/>
                  <a:pt x="948" y="1118"/>
                  <a:pt x="949" y="1119"/>
                </a:cubicBezTo>
                <a:cubicBezTo>
                  <a:pt x="950" y="1119"/>
                  <a:pt x="950" y="1121"/>
                  <a:pt x="951" y="1121"/>
                </a:cubicBezTo>
                <a:cubicBezTo>
                  <a:pt x="952" y="1122"/>
                  <a:pt x="953" y="1122"/>
                  <a:pt x="954" y="1123"/>
                </a:cubicBezTo>
                <a:cubicBezTo>
                  <a:pt x="955" y="1124"/>
                  <a:pt x="955" y="1124"/>
                  <a:pt x="956" y="1125"/>
                </a:cubicBezTo>
                <a:cubicBezTo>
                  <a:pt x="957" y="1125"/>
                  <a:pt x="958" y="1125"/>
                  <a:pt x="959" y="1126"/>
                </a:cubicBezTo>
                <a:cubicBezTo>
                  <a:pt x="960" y="1127"/>
                  <a:pt x="962" y="1128"/>
                  <a:pt x="963" y="1130"/>
                </a:cubicBezTo>
                <a:cubicBezTo>
                  <a:pt x="963" y="1132"/>
                  <a:pt x="962" y="1134"/>
                  <a:pt x="963" y="1136"/>
                </a:cubicBezTo>
                <a:cubicBezTo>
                  <a:pt x="963" y="1137"/>
                  <a:pt x="964" y="1138"/>
                  <a:pt x="964" y="1139"/>
                </a:cubicBezTo>
                <a:cubicBezTo>
                  <a:pt x="965" y="1140"/>
                  <a:pt x="965" y="1141"/>
                  <a:pt x="965" y="1142"/>
                </a:cubicBezTo>
                <a:cubicBezTo>
                  <a:pt x="965" y="1144"/>
                  <a:pt x="967" y="1145"/>
                  <a:pt x="968" y="1147"/>
                </a:cubicBezTo>
                <a:cubicBezTo>
                  <a:pt x="968" y="1149"/>
                  <a:pt x="970" y="1150"/>
                  <a:pt x="972" y="1151"/>
                </a:cubicBezTo>
                <a:cubicBezTo>
                  <a:pt x="973" y="1152"/>
                  <a:pt x="974" y="1154"/>
                  <a:pt x="976" y="1154"/>
                </a:cubicBezTo>
                <a:cubicBezTo>
                  <a:pt x="977" y="1155"/>
                  <a:pt x="979" y="1155"/>
                  <a:pt x="979" y="1157"/>
                </a:cubicBezTo>
                <a:cubicBezTo>
                  <a:pt x="980" y="1159"/>
                  <a:pt x="977" y="1157"/>
                  <a:pt x="976" y="1156"/>
                </a:cubicBezTo>
                <a:cubicBezTo>
                  <a:pt x="976" y="1156"/>
                  <a:pt x="975" y="1156"/>
                  <a:pt x="974" y="1156"/>
                </a:cubicBezTo>
                <a:cubicBezTo>
                  <a:pt x="973" y="1156"/>
                  <a:pt x="973" y="1155"/>
                  <a:pt x="973" y="1155"/>
                </a:cubicBezTo>
                <a:cubicBezTo>
                  <a:pt x="971" y="1155"/>
                  <a:pt x="972" y="1155"/>
                  <a:pt x="971" y="1156"/>
                </a:cubicBezTo>
                <a:cubicBezTo>
                  <a:pt x="970" y="1156"/>
                  <a:pt x="970" y="1156"/>
                  <a:pt x="969" y="1157"/>
                </a:cubicBezTo>
                <a:cubicBezTo>
                  <a:pt x="968" y="1158"/>
                  <a:pt x="971" y="1158"/>
                  <a:pt x="972" y="1159"/>
                </a:cubicBezTo>
                <a:cubicBezTo>
                  <a:pt x="973" y="1160"/>
                  <a:pt x="973" y="1162"/>
                  <a:pt x="974" y="1164"/>
                </a:cubicBezTo>
                <a:cubicBezTo>
                  <a:pt x="975" y="1165"/>
                  <a:pt x="976" y="1165"/>
                  <a:pt x="977" y="1167"/>
                </a:cubicBezTo>
                <a:cubicBezTo>
                  <a:pt x="978" y="1167"/>
                  <a:pt x="978" y="1168"/>
                  <a:pt x="979" y="1169"/>
                </a:cubicBezTo>
                <a:cubicBezTo>
                  <a:pt x="980" y="1170"/>
                  <a:pt x="981" y="1169"/>
                  <a:pt x="982" y="1170"/>
                </a:cubicBezTo>
                <a:cubicBezTo>
                  <a:pt x="983" y="1171"/>
                  <a:pt x="983" y="1172"/>
                  <a:pt x="984" y="1173"/>
                </a:cubicBezTo>
                <a:cubicBezTo>
                  <a:pt x="985" y="1173"/>
                  <a:pt x="986" y="1173"/>
                  <a:pt x="987" y="1174"/>
                </a:cubicBezTo>
                <a:cubicBezTo>
                  <a:pt x="988" y="1174"/>
                  <a:pt x="989" y="1174"/>
                  <a:pt x="990" y="1175"/>
                </a:cubicBezTo>
                <a:cubicBezTo>
                  <a:pt x="991" y="1175"/>
                  <a:pt x="991" y="1176"/>
                  <a:pt x="992" y="1176"/>
                </a:cubicBezTo>
                <a:cubicBezTo>
                  <a:pt x="992" y="1177"/>
                  <a:pt x="992" y="1178"/>
                  <a:pt x="993" y="1178"/>
                </a:cubicBezTo>
                <a:cubicBezTo>
                  <a:pt x="993" y="1178"/>
                  <a:pt x="994" y="1178"/>
                  <a:pt x="994" y="1179"/>
                </a:cubicBezTo>
                <a:cubicBezTo>
                  <a:pt x="996" y="1180"/>
                  <a:pt x="994" y="1182"/>
                  <a:pt x="997" y="1183"/>
                </a:cubicBezTo>
                <a:cubicBezTo>
                  <a:pt x="999" y="1184"/>
                  <a:pt x="1001" y="1183"/>
                  <a:pt x="1003" y="1183"/>
                </a:cubicBezTo>
                <a:cubicBezTo>
                  <a:pt x="1005" y="1183"/>
                  <a:pt x="1008" y="1183"/>
                  <a:pt x="1010" y="1183"/>
                </a:cubicBezTo>
                <a:cubicBezTo>
                  <a:pt x="1011" y="1184"/>
                  <a:pt x="1011" y="1184"/>
                  <a:pt x="1012" y="1185"/>
                </a:cubicBezTo>
                <a:cubicBezTo>
                  <a:pt x="1013" y="1186"/>
                  <a:pt x="1014" y="1185"/>
                  <a:pt x="1015" y="1186"/>
                </a:cubicBezTo>
                <a:cubicBezTo>
                  <a:pt x="1016" y="1186"/>
                  <a:pt x="1016" y="1187"/>
                  <a:pt x="1017" y="1188"/>
                </a:cubicBezTo>
                <a:cubicBezTo>
                  <a:pt x="1017" y="1188"/>
                  <a:pt x="1018" y="1188"/>
                  <a:pt x="1019" y="1189"/>
                </a:cubicBezTo>
                <a:cubicBezTo>
                  <a:pt x="1020" y="1190"/>
                  <a:pt x="1019" y="1191"/>
                  <a:pt x="1020" y="1191"/>
                </a:cubicBezTo>
                <a:cubicBezTo>
                  <a:pt x="1021" y="1192"/>
                  <a:pt x="1023" y="1191"/>
                  <a:pt x="1023" y="1192"/>
                </a:cubicBezTo>
                <a:cubicBezTo>
                  <a:pt x="1025" y="1192"/>
                  <a:pt x="1025" y="1193"/>
                  <a:pt x="1026" y="1194"/>
                </a:cubicBezTo>
                <a:cubicBezTo>
                  <a:pt x="1027" y="1195"/>
                  <a:pt x="1027" y="1194"/>
                  <a:pt x="1028" y="1195"/>
                </a:cubicBezTo>
                <a:cubicBezTo>
                  <a:pt x="1029" y="1196"/>
                  <a:pt x="1029" y="1197"/>
                  <a:pt x="1030" y="1197"/>
                </a:cubicBezTo>
                <a:cubicBezTo>
                  <a:pt x="1031" y="1198"/>
                  <a:pt x="1032" y="1198"/>
                  <a:pt x="1033" y="1198"/>
                </a:cubicBezTo>
                <a:cubicBezTo>
                  <a:pt x="1034" y="1198"/>
                  <a:pt x="1035" y="1199"/>
                  <a:pt x="1035" y="1200"/>
                </a:cubicBezTo>
                <a:cubicBezTo>
                  <a:pt x="1036" y="1200"/>
                  <a:pt x="1037" y="1200"/>
                  <a:pt x="1038" y="1201"/>
                </a:cubicBezTo>
                <a:cubicBezTo>
                  <a:pt x="1039" y="1202"/>
                  <a:pt x="1040" y="1203"/>
                  <a:pt x="1041" y="1204"/>
                </a:cubicBezTo>
                <a:cubicBezTo>
                  <a:pt x="1041" y="1205"/>
                  <a:pt x="1042" y="1205"/>
                  <a:pt x="1043" y="1206"/>
                </a:cubicBezTo>
                <a:cubicBezTo>
                  <a:pt x="1044" y="1207"/>
                  <a:pt x="1046" y="1208"/>
                  <a:pt x="1047" y="1209"/>
                </a:cubicBezTo>
                <a:cubicBezTo>
                  <a:pt x="1047" y="1210"/>
                  <a:pt x="1047" y="1211"/>
                  <a:pt x="1048" y="1211"/>
                </a:cubicBezTo>
                <a:cubicBezTo>
                  <a:pt x="1049" y="1212"/>
                  <a:pt x="1049" y="1212"/>
                  <a:pt x="1050" y="1212"/>
                </a:cubicBezTo>
                <a:cubicBezTo>
                  <a:pt x="1051" y="1213"/>
                  <a:pt x="1051" y="1214"/>
                  <a:pt x="1052" y="1215"/>
                </a:cubicBezTo>
                <a:cubicBezTo>
                  <a:pt x="1053" y="1215"/>
                  <a:pt x="1054" y="1215"/>
                  <a:pt x="1055" y="1215"/>
                </a:cubicBezTo>
                <a:cubicBezTo>
                  <a:pt x="1056" y="1216"/>
                  <a:pt x="1057" y="1217"/>
                  <a:pt x="1059" y="1217"/>
                </a:cubicBezTo>
                <a:cubicBezTo>
                  <a:pt x="1060" y="1217"/>
                  <a:pt x="1062" y="1218"/>
                  <a:pt x="1063" y="1218"/>
                </a:cubicBezTo>
                <a:cubicBezTo>
                  <a:pt x="1065" y="1220"/>
                  <a:pt x="1067" y="1220"/>
                  <a:pt x="1069" y="1222"/>
                </a:cubicBezTo>
                <a:cubicBezTo>
                  <a:pt x="1070" y="1223"/>
                  <a:pt x="1071" y="1225"/>
                  <a:pt x="1073" y="1225"/>
                </a:cubicBezTo>
                <a:cubicBezTo>
                  <a:pt x="1073" y="1224"/>
                  <a:pt x="1071" y="1222"/>
                  <a:pt x="1072" y="1222"/>
                </a:cubicBezTo>
                <a:cubicBezTo>
                  <a:pt x="1073" y="1222"/>
                  <a:pt x="1074" y="1224"/>
                  <a:pt x="1075" y="1222"/>
                </a:cubicBezTo>
                <a:cubicBezTo>
                  <a:pt x="1075" y="1222"/>
                  <a:pt x="1075" y="1220"/>
                  <a:pt x="1076" y="1220"/>
                </a:cubicBezTo>
                <a:cubicBezTo>
                  <a:pt x="1077" y="1220"/>
                  <a:pt x="1077" y="1222"/>
                  <a:pt x="1077" y="1222"/>
                </a:cubicBezTo>
                <a:cubicBezTo>
                  <a:pt x="1077" y="1224"/>
                  <a:pt x="1075" y="1223"/>
                  <a:pt x="1074" y="1224"/>
                </a:cubicBezTo>
                <a:cubicBezTo>
                  <a:pt x="1073" y="1224"/>
                  <a:pt x="1074" y="1226"/>
                  <a:pt x="1074" y="1227"/>
                </a:cubicBezTo>
                <a:cubicBezTo>
                  <a:pt x="1075" y="1227"/>
                  <a:pt x="1076" y="1229"/>
                  <a:pt x="1077" y="1229"/>
                </a:cubicBezTo>
                <a:cubicBezTo>
                  <a:pt x="1078" y="1230"/>
                  <a:pt x="1080" y="1230"/>
                  <a:pt x="1080" y="1231"/>
                </a:cubicBezTo>
                <a:cubicBezTo>
                  <a:pt x="1081" y="1232"/>
                  <a:pt x="1083" y="1235"/>
                  <a:pt x="1084" y="1236"/>
                </a:cubicBezTo>
                <a:cubicBezTo>
                  <a:pt x="1085" y="1236"/>
                  <a:pt x="1086" y="1236"/>
                  <a:pt x="1087" y="1237"/>
                </a:cubicBezTo>
                <a:cubicBezTo>
                  <a:pt x="1088" y="1238"/>
                  <a:pt x="1087" y="1240"/>
                  <a:pt x="1089" y="1241"/>
                </a:cubicBezTo>
                <a:cubicBezTo>
                  <a:pt x="1090" y="1241"/>
                  <a:pt x="1091" y="1240"/>
                  <a:pt x="1092" y="1241"/>
                </a:cubicBezTo>
                <a:cubicBezTo>
                  <a:pt x="1093" y="1242"/>
                  <a:pt x="1094" y="1244"/>
                  <a:pt x="1096" y="1244"/>
                </a:cubicBezTo>
                <a:cubicBezTo>
                  <a:pt x="1097" y="1244"/>
                  <a:pt x="1097" y="1243"/>
                  <a:pt x="1098" y="1244"/>
                </a:cubicBezTo>
                <a:cubicBezTo>
                  <a:pt x="1099" y="1244"/>
                  <a:pt x="1099" y="1245"/>
                  <a:pt x="1099" y="1246"/>
                </a:cubicBezTo>
                <a:cubicBezTo>
                  <a:pt x="1100" y="1247"/>
                  <a:pt x="1101" y="1247"/>
                  <a:pt x="1101" y="1248"/>
                </a:cubicBezTo>
                <a:cubicBezTo>
                  <a:pt x="1101" y="1249"/>
                  <a:pt x="1102" y="1253"/>
                  <a:pt x="1100" y="1254"/>
                </a:cubicBezTo>
                <a:cubicBezTo>
                  <a:pt x="1099" y="1254"/>
                  <a:pt x="1098" y="1254"/>
                  <a:pt x="1097" y="1255"/>
                </a:cubicBezTo>
                <a:cubicBezTo>
                  <a:pt x="1097" y="1255"/>
                  <a:pt x="1097" y="1256"/>
                  <a:pt x="1097" y="1257"/>
                </a:cubicBezTo>
                <a:cubicBezTo>
                  <a:pt x="1096" y="1259"/>
                  <a:pt x="1095" y="1260"/>
                  <a:pt x="1096" y="1262"/>
                </a:cubicBezTo>
                <a:cubicBezTo>
                  <a:pt x="1097" y="1262"/>
                  <a:pt x="1098" y="1262"/>
                  <a:pt x="1099" y="1263"/>
                </a:cubicBezTo>
                <a:cubicBezTo>
                  <a:pt x="1099" y="1264"/>
                  <a:pt x="1099" y="1264"/>
                  <a:pt x="1099" y="1265"/>
                </a:cubicBezTo>
                <a:cubicBezTo>
                  <a:pt x="1099" y="1268"/>
                  <a:pt x="1098" y="1270"/>
                  <a:pt x="1098" y="1272"/>
                </a:cubicBezTo>
                <a:cubicBezTo>
                  <a:pt x="1097" y="1274"/>
                  <a:pt x="1098" y="1277"/>
                  <a:pt x="1096" y="1279"/>
                </a:cubicBezTo>
                <a:cubicBezTo>
                  <a:pt x="1096" y="1280"/>
                  <a:pt x="1095" y="1280"/>
                  <a:pt x="1095" y="1281"/>
                </a:cubicBezTo>
                <a:cubicBezTo>
                  <a:pt x="1095" y="1282"/>
                  <a:pt x="1095" y="1283"/>
                  <a:pt x="1095" y="1284"/>
                </a:cubicBezTo>
                <a:cubicBezTo>
                  <a:pt x="1094" y="1285"/>
                  <a:pt x="1093" y="1285"/>
                  <a:pt x="1093" y="1286"/>
                </a:cubicBezTo>
                <a:cubicBezTo>
                  <a:pt x="1093" y="1288"/>
                  <a:pt x="1094" y="1287"/>
                  <a:pt x="1094" y="1288"/>
                </a:cubicBezTo>
                <a:cubicBezTo>
                  <a:pt x="1095" y="1289"/>
                  <a:pt x="1094" y="1291"/>
                  <a:pt x="1095" y="1292"/>
                </a:cubicBezTo>
                <a:cubicBezTo>
                  <a:pt x="1095" y="1293"/>
                  <a:pt x="1096" y="1293"/>
                  <a:pt x="1096" y="1294"/>
                </a:cubicBezTo>
                <a:cubicBezTo>
                  <a:pt x="1096" y="1295"/>
                  <a:pt x="1096" y="1296"/>
                  <a:pt x="1095" y="1296"/>
                </a:cubicBezTo>
                <a:cubicBezTo>
                  <a:pt x="1094" y="1296"/>
                  <a:pt x="1095" y="1295"/>
                  <a:pt x="1094" y="1294"/>
                </a:cubicBezTo>
                <a:cubicBezTo>
                  <a:pt x="1093" y="1293"/>
                  <a:pt x="1093" y="1296"/>
                  <a:pt x="1094" y="1297"/>
                </a:cubicBezTo>
                <a:cubicBezTo>
                  <a:pt x="1094" y="1297"/>
                  <a:pt x="1095" y="1299"/>
                  <a:pt x="1096" y="1299"/>
                </a:cubicBezTo>
                <a:cubicBezTo>
                  <a:pt x="1096" y="1300"/>
                  <a:pt x="1098" y="1300"/>
                  <a:pt x="1098" y="1301"/>
                </a:cubicBezTo>
                <a:cubicBezTo>
                  <a:pt x="1099" y="1301"/>
                  <a:pt x="1100" y="1302"/>
                  <a:pt x="1101" y="1303"/>
                </a:cubicBezTo>
                <a:cubicBezTo>
                  <a:pt x="1102" y="1303"/>
                  <a:pt x="1103" y="1304"/>
                  <a:pt x="1104" y="1305"/>
                </a:cubicBezTo>
                <a:cubicBezTo>
                  <a:pt x="1104" y="1305"/>
                  <a:pt x="1105" y="1305"/>
                  <a:pt x="1106" y="1306"/>
                </a:cubicBezTo>
                <a:cubicBezTo>
                  <a:pt x="1108" y="1306"/>
                  <a:pt x="1108" y="1307"/>
                  <a:pt x="1109" y="1308"/>
                </a:cubicBezTo>
                <a:cubicBezTo>
                  <a:pt x="1110" y="1309"/>
                  <a:pt x="1111" y="1309"/>
                  <a:pt x="1111" y="1310"/>
                </a:cubicBezTo>
                <a:cubicBezTo>
                  <a:pt x="1111" y="1312"/>
                  <a:pt x="1110" y="1312"/>
                  <a:pt x="1111" y="1313"/>
                </a:cubicBezTo>
                <a:cubicBezTo>
                  <a:pt x="1112" y="1314"/>
                  <a:pt x="1112" y="1314"/>
                  <a:pt x="1112" y="1315"/>
                </a:cubicBezTo>
                <a:cubicBezTo>
                  <a:pt x="1113" y="1316"/>
                  <a:pt x="1113" y="1317"/>
                  <a:pt x="1114" y="1318"/>
                </a:cubicBezTo>
                <a:cubicBezTo>
                  <a:pt x="1114" y="1319"/>
                  <a:pt x="1114" y="1319"/>
                  <a:pt x="1115" y="1320"/>
                </a:cubicBezTo>
                <a:cubicBezTo>
                  <a:pt x="1115" y="1321"/>
                  <a:pt x="1116" y="1321"/>
                  <a:pt x="1116" y="1322"/>
                </a:cubicBezTo>
                <a:cubicBezTo>
                  <a:pt x="1116" y="1323"/>
                  <a:pt x="1116" y="1324"/>
                  <a:pt x="1117" y="1325"/>
                </a:cubicBezTo>
                <a:cubicBezTo>
                  <a:pt x="1118" y="1326"/>
                  <a:pt x="1118" y="1326"/>
                  <a:pt x="1119" y="1327"/>
                </a:cubicBezTo>
                <a:cubicBezTo>
                  <a:pt x="1119" y="1328"/>
                  <a:pt x="1120" y="1330"/>
                  <a:pt x="1121" y="1331"/>
                </a:cubicBezTo>
                <a:cubicBezTo>
                  <a:pt x="1122" y="1332"/>
                  <a:pt x="1123" y="1331"/>
                  <a:pt x="1123" y="1333"/>
                </a:cubicBezTo>
                <a:cubicBezTo>
                  <a:pt x="1123" y="1336"/>
                  <a:pt x="1125" y="1334"/>
                  <a:pt x="1127" y="1336"/>
                </a:cubicBezTo>
                <a:cubicBezTo>
                  <a:pt x="1128" y="1336"/>
                  <a:pt x="1128" y="1337"/>
                  <a:pt x="1129" y="1338"/>
                </a:cubicBezTo>
                <a:cubicBezTo>
                  <a:pt x="1130" y="1338"/>
                  <a:pt x="1131" y="1338"/>
                  <a:pt x="1131" y="1339"/>
                </a:cubicBezTo>
                <a:cubicBezTo>
                  <a:pt x="1132" y="1340"/>
                  <a:pt x="1133" y="1341"/>
                  <a:pt x="1133" y="1342"/>
                </a:cubicBezTo>
                <a:cubicBezTo>
                  <a:pt x="1134" y="1342"/>
                  <a:pt x="1134" y="1343"/>
                  <a:pt x="1135" y="1344"/>
                </a:cubicBezTo>
                <a:cubicBezTo>
                  <a:pt x="1135" y="1345"/>
                  <a:pt x="1136" y="1345"/>
                  <a:pt x="1137" y="1344"/>
                </a:cubicBezTo>
                <a:cubicBezTo>
                  <a:pt x="1137" y="1343"/>
                  <a:pt x="1137" y="1343"/>
                  <a:pt x="1137" y="1342"/>
                </a:cubicBezTo>
                <a:cubicBezTo>
                  <a:pt x="1138" y="1341"/>
                  <a:pt x="1138" y="1340"/>
                  <a:pt x="1139" y="1340"/>
                </a:cubicBezTo>
                <a:cubicBezTo>
                  <a:pt x="1141" y="1339"/>
                  <a:pt x="1140" y="1341"/>
                  <a:pt x="1141" y="1341"/>
                </a:cubicBezTo>
                <a:cubicBezTo>
                  <a:pt x="1143" y="1343"/>
                  <a:pt x="1145" y="1340"/>
                  <a:pt x="1146" y="1343"/>
                </a:cubicBezTo>
                <a:cubicBezTo>
                  <a:pt x="1146" y="1343"/>
                  <a:pt x="1147" y="1345"/>
                  <a:pt x="1147" y="1345"/>
                </a:cubicBezTo>
                <a:cubicBezTo>
                  <a:pt x="1147" y="1346"/>
                  <a:pt x="1147" y="1348"/>
                  <a:pt x="1146" y="1348"/>
                </a:cubicBezTo>
                <a:cubicBezTo>
                  <a:pt x="1145" y="1349"/>
                  <a:pt x="1145" y="1347"/>
                  <a:pt x="1145" y="1347"/>
                </a:cubicBezTo>
                <a:cubicBezTo>
                  <a:pt x="1144" y="1346"/>
                  <a:pt x="1143" y="1346"/>
                  <a:pt x="1142" y="1346"/>
                </a:cubicBezTo>
                <a:cubicBezTo>
                  <a:pt x="1141" y="1346"/>
                  <a:pt x="1140" y="1345"/>
                  <a:pt x="1139" y="1346"/>
                </a:cubicBezTo>
                <a:cubicBezTo>
                  <a:pt x="1138" y="1346"/>
                  <a:pt x="1137" y="1347"/>
                  <a:pt x="1136" y="1347"/>
                </a:cubicBezTo>
                <a:cubicBezTo>
                  <a:pt x="1135" y="1348"/>
                  <a:pt x="1137" y="1349"/>
                  <a:pt x="1136" y="1350"/>
                </a:cubicBezTo>
                <a:cubicBezTo>
                  <a:pt x="1135" y="1350"/>
                  <a:pt x="1134" y="1350"/>
                  <a:pt x="1133" y="1350"/>
                </a:cubicBezTo>
                <a:cubicBezTo>
                  <a:pt x="1133" y="1351"/>
                  <a:pt x="1132" y="1352"/>
                  <a:pt x="1132" y="1353"/>
                </a:cubicBezTo>
                <a:cubicBezTo>
                  <a:pt x="1131" y="1353"/>
                  <a:pt x="1131" y="1354"/>
                  <a:pt x="1131" y="1355"/>
                </a:cubicBezTo>
                <a:cubicBezTo>
                  <a:pt x="1131" y="1356"/>
                  <a:pt x="1131" y="1356"/>
                  <a:pt x="1131" y="1357"/>
                </a:cubicBezTo>
                <a:cubicBezTo>
                  <a:pt x="1131" y="1357"/>
                  <a:pt x="1130" y="1357"/>
                  <a:pt x="1130" y="1358"/>
                </a:cubicBezTo>
                <a:cubicBezTo>
                  <a:pt x="1130" y="1359"/>
                  <a:pt x="1131" y="1359"/>
                  <a:pt x="1132" y="1359"/>
                </a:cubicBezTo>
                <a:cubicBezTo>
                  <a:pt x="1133" y="1359"/>
                  <a:pt x="1133" y="1358"/>
                  <a:pt x="1134" y="1357"/>
                </a:cubicBezTo>
                <a:cubicBezTo>
                  <a:pt x="1135" y="1357"/>
                  <a:pt x="1136" y="1357"/>
                  <a:pt x="1136" y="1355"/>
                </a:cubicBezTo>
                <a:cubicBezTo>
                  <a:pt x="1136" y="1354"/>
                  <a:pt x="1135" y="1354"/>
                  <a:pt x="1135" y="1353"/>
                </a:cubicBezTo>
                <a:cubicBezTo>
                  <a:pt x="1134" y="1352"/>
                  <a:pt x="1135" y="1351"/>
                  <a:pt x="1136" y="1352"/>
                </a:cubicBezTo>
                <a:cubicBezTo>
                  <a:pt x="1137" y="1352"/>
                  <a:pt x="1137" y="1353"/>
                  <a:pt x="1138" y="1354"/>
                </a:cubicBezTo>
                <a:cubicBezTo>
                  <a:pt x="1139" y="1354"/>
                  <a:pt x="1140" y="1354"/>
                  <a:pt x="1140" y="1355"/>
                </a:cubicBezTo>
                <a:cubicBezTo>
                  <a:pt x="1141" y="1356"/>
                  <a:pt x="1141" y="1357"/>
                  <a:pt x="1142" y="1358"/>
                </a:cubicBezTo>
                <a:cubicBezTo>
                  <a:pt x="1142" y="1359"/>
                  <a:pt x="1143" y="1359"/>
                  <a:pt x="1144" y="1360"/>
                </a:cubicBezTo>
                <a:cubicBezTo>
                  <a:pt x="1145" y="1360"/>
                  <a:pt x="1145" y="1362"/>
                  <a:pt x="1145" y="1363"/>
                </a:cubicBezTo>
                <a:cubicBezTo>
                  <a:pt x="1145" y="1364"/>
                  <a:pt x="1146" y="1366"/>
                  <a:pt x="1147" y="1367"/>
                </a:cubicBezTo>
                <a:cubicBezTo>
                  <a:pt x="1148" y="1367"/>
                  <a:pt x="1149" y="1367"/>
                  <a:pt x="1149" y="1366"/>
                </a:cubicBezTo>
                <a:cubicBezTo>
                  <a:pt x="1150" y="1365"/>
                  <a:pt x="1150" y="1365"/>
                  <a:pt x="1151" y="1365"/>
                </a:cubicBezTo>
                <a:cubicBezTo>
                  <a:pt x="1153" y="1365"/>
                  <a:pt x="1153" y="1365"/>
                  <a:pt x="1154" y="1364"/>
                </a:cubicBezTo>
                <a:cubicBezTo>
                  <a:pt x="1154" y="1363"/>
                  <a:pt x="1154" y="1362"/>
                  <a:pt x="1156" y="1363"/>
                </a:cubicBezTo>
                <a:cubicBezTo>
                  <a:pt x="1157" y="1364"/>
                  <a:pt x="1156" y="1365"/>
                  <a:pt x="1156" y="1366"/>
                </a:cubicBezTo>
                <a:cubicBezTo>
                  <a:pt x="1157" y="1367"/>
                  <a:pt x="1158" y="1367"/>
                  <a:pt x="1159" y="1368"/>
                </a:cubicBezTo>
                <a:cubicBezTo>
                  <a:pt x="1160" y="1369"/>
                  <a:pt x="1159" y="1369"/>
                  <a:pt x="1161" y="1368"/>
                </a:cubicBezTo>
                <a:cubicBezTo>
                  <a:pt x="1163" y="1366"/>
                  <a:pt x="1166" y="1368"/>
                  <a:pt x="1168" y="1367"/>
                </a:cubicBezTo>
                <a:cubicBezTo>
                  <a:pt x="1170" y="1365"/>
                  <a:pt x="1171" y="1366"/>
                  <a:pt x="1173" y="1367"/>
                </a:cubicBezTo>
                <a:cubicBezTo>
                  <a:pt x="1176" y="1367"/>
                  <a:pt x="1177" y="1366"/>
                  <a:pt x="1179" y="1366"/>
                </a:cubicBezTo>
                <a:cubicBezTo>
                  <a:pt x="1182" y="1366"/>
                  <a:pt x="1183" y="1366"/>
                  <a:pt x="1185" y="1366"/>
                </a:cubicBezTo>
                <a:cubicBezTo>
                  <a:pt x="1187" y="1366"/>
                  <a:pt x="1188" y="1365"/>
                  <a:pt x="1190" y="1366"/>
                </a:cubicBezTo>
                <a:cubicBezTo>
                  <a:pt x="1190" y="1366"/>
                  <a:pt x="1190" y="1367"/>
                  <a:pt x="1191" y="1367"/>
                </a:cubicBezTo>
                <a:cubicBezTo>
                  <a:pt x="1191" y="1367"/>
                  <a:pt x="1192" y="1368"/>
                  <a:pt x="1193" y="1367"/>
                </a:cubicBezTo>
                <a:cubicBezTo>
                  <a:pt x="1194" y="1367"/>
                  <a:pt x="1194" y="1367"/>
                  <a:pt x="1195" y="1367"/>
                </a:cubicBezTo>
                <a:cubicBezTo>
                  <a:pt x="1196" y="1367"/>
                  <a:pt x="1196" y="1368"/>
                  <a:pt x="1197" y="1368"/>
                </a:cubicBezTo>
                <a:cubicBezTo>
                  <a:pt x="1197" y="1369"/>
                  <a:pt x="1198" y="1369"/>
                  <a:pt x="1199" y="1369"/>
                </a:cubicBezTo>
                <a:cubicBezTo>
                  <a:pt x="1199" y="1369"/>
                  <a:pt x="1200" y="1370"/>
                  <a:pt x="1200" y="1371"/>
                </a:cubicBezTo>
                <a:cubicBezTo>
                  <a:pt x="1201" y="1371"/>
                  <a:pt x="1203" y="1371"/>
                  <a:pt x="1203" y="1371"/>
                </a:cubicBezTo>
                <a:cubicBezTo>
                  <a:pt x="1204" y="1371"/>
                  <a:pt x="1205" y="1372"/>
                  <a:pt x="1206" y="1372"/>
                </a:cubicBezTo>
                <a:cubicBezTo>
                  <a:pt x="1207" y="1373"/>
                  <a:pt x="1208" y="1373"/>
                  <a:pt x="1208" y="1374"/>
                </a:cubicBezTo>
                <a:cubicBezTo>
                  <a:pt x="1209" y="1375"/>
                  <a:pt x="1207" y="1375"/>
                  <a:pt x="1206" y="1376"/>
                </a:cubicBezTo>
                <a:cubicBezTo>
                  <a:pt x="1205" y="1376"/>
                  <a:pt x="1205" y="1378"/>
                  <a:pt x="1204" y="1378"/>
                </a:cubicBezTo>
                <a:cubicBezTo>
                  <a:pt x="1202" y="1379"/>
                  <a:pt x="1202" y="1380"/>
                  <a:pt x="1200" y="1380"/>
                </a:cubicBezTo>
                <a:cubicBezTo>
                  <a:pt x="1198" y="1380"/>
                  <a:pt x="1196" y="1379"/>
                  <a:pt x="1195" y="1378"/>
                </a:cubicBezTo>
                <a:cubicBezTo>
                  <a:pt x="1194" y="1378"/>
                  <a:pt x="1194" y="1377"/>
                  <a:pt x="1192" y="1377"/>
                </a:cubicBezTo>
                <a:cubicBezTo>
                  <a:pt x="1191" y="1377"/>
                  <a:pt x="1191" y="1376"/>
                  <a:pt x="1190" y="1375"/>
                </a:cubicBezTo>
                <a:cubicBezTo>
                  <a:pt x="1189" y="1374"/>
                  <a:pt x="1187" y="1375"/>
                  <a:pt x="1186" y="1374"/>
                </a:cubicBezTo>
                <a:cubicBezTo>
                  <a:pt x="1185" y="1373"/>
                  <a:pt x="1185" y="1372"/>
                  <a:pt x="1184" y="1372"/>
                </a:cubicBezTo>
                <a:cubicBezTo>
                  <a:pt x="1183" y="1372"/>
                  <a:pt x="1182" y="1372"/>
                  <a:pt x="1181" y="1372"/>
                </a:cubicBezTo>
                <a:cubicBezTo>
                  <a:pt x="1180" y="1371"/>
                  <a:pt x="1179" y="1370"/>
                  <a:pt x="1177" y="1369"/>
                </a:cubicBezTo>
                <a:cubicBezTo>
                  <a:pt x="1177" y="1369"/>
                  <a:pt x="1176" y="1369"/>
                  <a:pt x="1175" y="1369"/>
                </a:cubicBezTo>
                <a:cubicBezTo>
                  <a:pt x="1173" y="1368"/>
                  <a:pt x="1171" y="1367"/>
                  <a:pt x="1168" y="1368"/>
                </a:cubicBezTo>
                <a:cubicBezTo>
                  <a:pt x="1167" y="1368"/>
                  <a:pt x="1166" y="1369"/>
                  <a:pt x="1165" y="1369"/>
                </a:cubicBezTo>
                <a:cubicBezTo>
                  <a:pt x="1164" y="1369"/>
                  <a:pt x="1163" y="1369"/>
                  <a:pt x="1162" y="1369"/>
                </a:cubicBezTo>
                <a:cubicBezTo>
                  <a:pt x="1160" y="1369"/>
                  <a:pt x="1160" y="1372"/>
                  <a:pt x="1158" y="1373"/>
                </a:cubicBezTo>
                <a:cubicBezTo>
                  <a:pt x="1157" y="1373"/>
                  <a:pt x="1156" y="1373"/>
                  <a:pt x="1155" y="1373"/>
                </a:cubicBezTo>
                <a:cubicBezTo>
                  <a:pt x="1154" y="1374"/>
                  <a:pt x="1154" y="1375"/>
                  <a:pt x="1153" y="1376"/>
                </a:cubicBezTo>
                <a:cubicBezTo>
                  <a:pt x="1152" y="1378"/>
                  <a:pt x="1151" y="1379"/>
                  <a:pt x="1150" y="1380"/>
                </a:cubicBezTo>
                <a:cubicBezTo>
                  <a:pt x="1148" y="1381"/>
                  <a:pt x="1145" y="1382"/>
                  <a:pt x="1147" y="1384"/>
                </a:cubicBezTo>
                <a:cubicBezTo>
                  <a:pt x="1148" y="1385"/>
                  <a:pt x="1149" y="1385"/>
                  <a:pt x="1149" y="1385"/>
                </a:cubicBezTo>
                <a:cubicBezTo>
                  <a:pt x="1150" y="1386"/>
                  <a:pt x="1150" y="1387"/>
                  <a:pt x="1151" y="1388"/>
                </a:cubicBezTo>
                <a:cubicBezTo>
                  <a:pt x="1153" y="1390"/>
                  <a:pt x="1155" y="1390"/>
                  <a:pt x="1156" y="1392"/>
                </a:cubicBezTo>
                <a:cubicBezTo>
                  <a:pt x="1157" y="1393"/>
                  <a:pt x="1157" y="1394"/>
                  <a:pt x="1158" y="1395"/>
                </a:cubicBezTo>
                <a:cubicBezTo>
                  <a:pt x="1158" y="1395"/>
                  <a:pt x="1160" y="1396"/>
                  <a:pt x="1160" y="1396"/>
                </a:cubicBezTo>
                <a:cubicBezTo>
                  <a:pt x="1162" y="1398"/>
                  <a:pt x="1163" y="1399"/>
                  <a:pt x="1163" y="1401"/>
                </a:cubicBezTo>
                <a:cubicBezTo>
                  <a:pt x="1164" y="1405"/>
                  <a:pt x="1158" y="1409"/>
                  <a:pt x="1161" y="1412"/>
                </a:cubicBezTo>
                <a:cubicBezTo>
                  <a:pt x="1162" y="1413"/>
                  <a:pt x="1163" y="1414"/>
                  <a:pt x="1164" y="1415"/>
                </a:cubicBezTo>
                <a:cubicBezTo>
                  <a:pt x="1165" y="1416"/>
                  <a:pt x="1163" y="1420"/>
                  <a:pt x="1165" y="1420"/>
                </a:cubicBezTo>
                <a:cubicBezTo>
                  <a:pt x="1166" y="1420"/>
                  <a:pt x="1167" y="1419"/>
                  <a:pt x="1167" y="1419"/>
                </a:cubicBezTo>
                <a:cubicBezTo>
                  <a:pt x="1169" y="1417"/>
                  <a:pt x="1171" y="1418"/>
                  <a:pt x="1172" y="1416"/>
                </a:cubicBezTo>
                <a:cubicBezTo>
                  <a:pt x="1173" y="1414"/>
                  <a:pt x="1173" y="1412"/>
                  <a:pt x="1176" y="1412"/>
                </a:cubicBezTo>
                <a:cubicBezTo>
                  <a:pt x="1178" y="1413"/>
                  <a:pt x="1178" y="1415"/>
                  <a:pt x="1180" y="1416"/>
                </a:cubicBezTo>
                <a:cubicBezTo>
                  <a:pt x="1181" y="1418"/>
                  <a:pt x="1183" y="1419"/>
                  <a:pt x="1183" y="1421"/>
                </a:cubicBezTo>
                <a:cubicBezTo>
                  <a:pt x="1184" y="1423"/>
                  <a:pt x="1184" y="1425"/>
                  <a:pt x="1185" y="1427"/>
                </a:cubicBezTo>
                <a:cubicBezTo>
                  <a:pt x="1186" y="1429"/>
                  <a:pt x="1187" y="1430"/>
                  <a:pt x="1187" y="1432"/>
                </a:cubicBezTo>
                <a:cubicBezTo>
                  <a:pt x="1187" y="1432"/>
                  <a:pt x="1188" y="1434"/>
                  <a:pt x="1188" y="1434"/>
                </a:cubicBezTo>
                <a:cubicBezTo>
                  <a:pt x="1189" y="1434"/>
                  <a:pt x="1189" y="1432"/>
                  <a:pt x="1189" y="1431"/>
                </a:cubicBezTo>
                <a:cubicBezTo>
                  <a:pt x="1189" y="1430"/>
                  <a:pt x="1186" y="1428"/>
                  <a:pt x="1188" y="1426"/>
                </a:cubicBezTo>
                <a:cubicBezTo>
                  <a:pt x="1188" y="1425"/>
                  <a:pt x="1189" y="1425"/>
                  <a:pt x="1190" y="1424"/>
                </a:cubicBezTo>
                <a:cubicBezTo>
                  <a:pt x="1190" y="1424"/>
                  <a:pt x="1190" y="1422"/>
                  <a:pt x="1190" y="1421"/>
                </a:cubicBezTo>
                <a:cubicBezTo>
                  <a:pt x="1191" y="1418"/>
                  <a:pt x="1193" y="1421"/>
                  <a:pt x="1195" y="1422"/>
                </a:cubicBezTo>
                <a:cubicBezTo>
                  <a:pt x="1196" y="1423"/>
                  <a:pt x="1198" y="1422"/>
                  <a:pt x="1200" y="1424"/>
                </a:cubicBezTo>
                <a:cubicBezTo>
                  <a:pt x="1201" y="1424"/>
                  <a:pt x="1201" y="1425"/>
                  <a:pt x="1202" y="1426"/>
                </a:cubicBezTo>
                <a:cubicBezTo>
                  <a:pt x="1202" y="1426"/>
                  <a:pt x="1203" y="1426"/>
                  <a:pt x="1204" y="1427"/>
                </a:cubicBezTo>
                <a:cubicBezTo>
                  <a:pt x="1205" y="1428"/>
                  <a:pt x="1206" y="1430"/>
                  <a:pt x="1207" y="1431"/>
                </a:cubicBezTo>
                <a:cubicBezTo>
                  <a:pt x="1208" y="1432"/>
                  <a:pt x="1209" y="1433"/>
                  <a:pt x="1209" y="1432"/>
                </a:cubicBezTo>
                <a:cubicBezTo>
                  <a:pt x="1210" y="1431"/>
                  <a:pt x="1209" y="1430"/>
                  <a:pt x="1208" y="1429"/>
                </a:cubicBezTo>
                <a:cubicBezTo>
                  <a:pt x="1207" y="1427"/>
                  <a:pt x="1206" y="1426"/>
                  <a:pt x="1205" y="1424"/>
                </a:cubicBezTo>
                <a:cubicBezTo>
                  <a:pt x="1205" y="1422"/>
                  <a:pt x="1205" y="1420"/>
                  <a:pt x="1204" y="1418"/>
                </a:cubicBezTo>
                <a:cubicBezTo>
                  <a:pt x="1204" y="1416"/>
                  <a:pt x="1202" y="1415"/>
                  <a:pt x="1202" y="1412"/>
                </a:cubicBezTo>
                <a:cubicBezTo>
                  <a:pt x="1202" y="1410"/>
                  <a:pt x="1202" y="1408"/>
                  <a:pt x="1200" y="1407"/>
                </a:cubicBezTo>
                <a:cubicBezTo>
                  <a:pt x="1200" y="1406"/>
                  <a:pt x="1199" y="1405"/>
                  <a:pt x="1199" y="1404"/>
                </a:cubicBezTo>
                <a:cubicBezTo>
                  <a:pt x="1198" y="1403"/>
                  <a:pt x="1199" y="1402"/>
                  <a:pt x="1199" y="1401"/>
                </a:cubicBezTo>
                <a:cubicBezTo>
                  <a:pt x="1198" y="1400"/>
                  <a:pt x="1196" y="1397"/>
                  <a:pt x="1198" y="1396"/>
                </a:cubicBezTo>
                <a:cubicBezTo>
                  <a:pt x="1199" y="1396"/>
                  <a:pt x="1200" y="1397"/>
                  <a:pt x="1200" y="1398"/>
                </a:cubicBezTo>
                <a:cubicBezTo>
                  <a:pt x="1201" y="1399"/>
                  <a:pt x="1201" y="1400"/>
                  <a:pt x="1202" y="1400"/>
                </a:cubicBezTo>
                <a:cubicBezTo>
                  <a:pt x="1204" y="1401"/>
                  <a:pt x="1206" y="1401"/>
                  <a:pt x="1208" y="1403"/>
                </a:cubicBezTo>
                <a:cubicBezTo>
                  <a:pt x="1208" y="1403"/>
                  <a:pt x="1209" y="1405"/>
                  <a:pt x="1210" y="1404"/>
                </a:cubicBezTo>
                <a:cubicBezTo>
                  <a:pt x="1211" y="1403"/>
                  <a:pt x="1211" y="1402"/>
                  <a:pt x="1211" y="1401"/>
                </a:cubicBezTo>
                <a:cubicBezTo>
                  <a:pt x="1213" y="1399"/>
                  <a:pt x="1218" y="1399"/>
                  <a:pt x="1217" y="1395"/>
                </a:cubicBezTo>
                <a:cubicBezTo>
                  <a:pt x="1216" y="1395"/>
                  <a:pt x="1216" y="1394"/>
                  <a:pt x="1216" y="1394"/>
                </a:cubicBezTo>
                <a:cubicBezTo>
                  <a:pt x="1215" y="1393"/>
                  <a:pt x="1215" y="1392"/>
                  <a:pt x="1215" y="1391"/>
                </a:cubicBezTo>
                <a:cubicBezTo>
                  <a:pt x="1213" y="1389"/>
                  <a:pt x="1212" y="1392"/>
                  <a:pt x="1210" y="1392"/>
                </a:cubicBezTo>
                <a:cubicBezTo>
                  <a:pt x="1209" y="1392"/>
                  <a:pt x="1209" y="1391"/>
                  <a:pt x="1209" y="1390"/>
                </a:cubicBezTo>
                <a:cubicBezTo>
                  <a:pt x="1208" y="1389"/>
                  <a:pt x="1208" y="1388"/>
                  <a:pt x="1207" y="1388"/>
                </a:cubicBezTo>
                <a:cubicBezTo>
                  <a:pt x="1206" y="1387"/>
                  <a:pt x="1206" y="1386"/>
                  <a:pt x="1206" y="1385"/>
                </a:cubicBezTo>
                <a:cubicBezTo>
                  <a:pt x="1205" y="1384"/>
                  <a:pt x="1202" y="1382"/>
                  <a:pt x="1205" y="1381"/>
                </a:cubicBezTo>
                <a:cubicBezTo>
                  <a:pt x="1206" y="1381"/>
                  <a:pt x="1207" y="1381"/>
                  <a:pt x="1208" y="1380"/>
                </a:cubicBezTo>
                <a:cubicBezTo>
                  <a:pt x="1209" y="1380"/>
                  <a:pt x="1210" y="1380"/>
                  <a:pt x="1211" y="1380"/>
                </a:cubicBezTo>
                <a:cubicBezTo>
                  <a:pt x="1212" y="1380"/>
                  <a:pt x="1213" y="1380"/>
                  <a:pt x="1214" y="1380"/>
                </a:cubicBezTo>
                <a:cubicBezTo>
                  <a:pt x="1214" y="1380"/>
                  <a:pt x="1215" y="1380"/>
                  <a:pt x="1215" y="1380"/>
                </a:cubicBezTo>
                <a:cubicBezTo>
                  <a:pt x="1216" y="1380"/>
                  <a:pt x="1216" y="1381"/>
                  <a:pt x="1216" y="1381"/>
                </a:cubicBezTo>
                <a:cubicBezTo>
                  <a:pt x="1218" y="1382"/>
                  <a:pt x="1217" y="1378"/>
                  <a:pt x="1219" y="1377"/>
                </a:cubicBezTo>
                <a:cubicBezTo>
                  <a:pt x="1221" y="1376"/>
                  <a:pt x="1220" y="1381"/>
                  <a:pt x="1221" y="1382"/>
                </a:cubicBezTo>
                <a:cubicBezTo>
                  <a:pt x="1222" y="1382"/>
                  <a:pt x="1223" y="1381"/>
                  <a:pt x="1224" y="1382"/>
                </a:cubicBezTo>
                <a:cubicBezTo>
                  <a:pt x="1225" y="1382"/>
                  <a:pt x="1225" y="1383"/>
                  <a:pt x="1225" y="1384"/>
                </a:cubicBezTo>
                <a:cubicBezTo>
                  <a:pt x="1226" y="1386"/>
                  <a:pt x="1228" y="1385"/>
                  <a:pt x="1229" y="1387"/>
                </a:cubicBezTo>
                <a:cubicBezTo>
                  <a:pt x="1230" y="1388"/>
                  <a:pt x="1230" y="1389"/>
                  <a:pt x="1230" y="1390"/>
                </a:cubicBezTo>
                <a:cubicBezTo>
                  <a:pt x="1231" y="1391"/>
                  <a:pt x="1232" y="1389"/>
                  <a:pt x="1233" y="1389"/>
                </a:cubicBezTo>
                <a:cubicBezTo>
                  <a:pt x="1234" y="1389"/>
                  <a:pt x="1234" y="1390"/>
                  <a:pt x="1236" y="1389"/>
                </a:cubicBezTo>
                <a:cubicBezTo>
                  <a:pt x="1236" y="1388"/>
                  <a:pt x="1237" y="1387"/>
                  <a:pt x="1236" y="1386"/>
                </a:cubicBezTo>
                <a:cubicBezTo>
                  <a:pt x="1236" y="1385"/>
                  <a:pt x="1235" y="1384"/>
                  <a:pt x="1235" y="1384"/>
                </a:cubicBezTo>
                <a:cubicBezTo>
                  <a:pt x="1234" y="1383"/>
                  <a:pt x="1234" y="1382"/>
                  <a:pt x="1234" y="1381"/>
                </a:cubicBezTo>
                <a:cubicBezTo>
                  <a:pt x="1234" y="1379"/>
                  <a:pt x="1232" y="1377"/>
                  <a:pt x="1233" y="1375"/>
                </a:cubicBezTo>
                <a:cubicBezTo>
                  <a:pt x="1234" y="1374"/>
                  <a:pt x="1235" y="1374"/>
                  <a:pt x="1235" y="1373"/>
                </a:cubicBezTo>
                <a:cubicBezTo>
                  <a:pt x="1234" y="1372"/>
                  <a:pt x="1233" y="1372"/>
                  <a:pt x="1232" y="1371"/>
                </a:cubicBezTo>
                <a:cubicBezTo>
                  <a:pt x="1231" y="1370"/>
                  <a:pt x="1230" y="1368"/>
                  <a:pt x="1228" y="1368"/>
                </a:cubicBezTo>
                <a:cubicBezTo>
                  <a:pt x="1227" y="1367"/>
                  <a:pt x="1223" y="1366"/>
                  <a:pt x="1224" y="1364"/>
                </a:cubicBezTo>
                <a:cubicBezTo>
                  <a:pt x="1224" y="1363"/>
                  <a:pt x="1228" y="1365"/>
                  <a:pt x="1229" y="1365"/>
                </a:cubicBezTo>
                <a:cubicBezTo>
                  <a:pt x="1230" y="1365"/>
                  <a:pt x="1231" y="1365"/>
                  <a:pt x="1232" y="1365"/>
                </a:cubicBezTo>
                <a:cubicBezTo>
                  <a:pt x="1233" y="1366"/>
                  <a:pt x="1233" y="1367"/>
                  <a:pt x="1234" y="1368"/>
                </a:cubicBezTo>
                <a:cubicBezTo>
                  <a:pt x="1235" y="1369"/>
                  <a:pt x="1236" y="1369"/>
                  <a:pt x="1237" y="1371"/>
                </a:cubicBezTo>
                <a:cubicBezTo>
                  <a:pt x="1237" y="1372"/>
                  <a:pt x="1237" y="1373"/>
                  <a:pt x="1237" y="1374"/>
                </a:cubicBezTo>
                <a:cubicBezTo>
                  <a:pt x="1238" y="1375"/>
                  <a:pt x="1239" y="1375"/>
                  <a:pt x="1240" y="1375"/>
                </a:cubicBezTo>
                <a:cubicBezTo>
                  <a:pt x="1240" y="1376"/>
                  <a:pt x="1241" y="1376"/>
                  <a:pt x="1242" y="1377"/>
                </a:cubicBezTo>
                <a:cubicBezTo>
                  <a:pt x="1242" y="1377"/>
                  <a:pt x="1242" y="1378"/>
                  <a:pt x="1243" y="1378"/>
                </a:cubicBezTo>
                <a:cubicBezTo>
                  <a:pt x="1245" y="1379"/>
                  <a:pt x="1248" y="1381"/>
                  <a:pt x="1250" y="1379"/>
                </a:cubicBezTo>
                <a:cubicBezTo>
                  <a:pt x="1250" y="1378"/>
                  <a:pt x="1250" y="1374"/>
                  <a:pt x="1249" y="1373"/>
                </a:cubicBezTo>
                <a:cubicBezTo>
                  <a:pt x="1248" y="1373"/>
                  <a:pt x="1247" y="1373"/>
                  <a:pt x="1246" y="1373"/>
                </a:cubicBezTo>
                <a:cubicBezTo>
                  <a:pt x="1245" y="1373"/>
                  <a:pt x="1244" y="1373"/>
                  <a:pt x="1243" y="1372"/>
                </a:cubicBezTo>
                <a:cubicBezTo>
                  <a:pt x="1241" y="1371"/>
                  <a:pt x="1241" y="1369"/>
                  <a:pt x="1240" y="1367"/>
                </a:cubicBezTo>
                <a:cubicBezTo>
                  <a:pt x="1239" y="1366"/>
                  <a:pt x="1239" y="1364"/>
                  <a:pt x="1239" y="1362"/>
                </a:cubicBezTo>
                <a:cubicBezTo>
                  <a:pt x="1239" y="1362"/>
                  <a:pt x="1239" y="1361"/>
                  <a:pt x="1238" y="1360"/>
                </a:cubicBezTo>
                <a:cubicBezTo>
                  <a:pt x="1238" y="1360"/>
                  <a:pt x="1237" y="1360"/>
                  <a:pt x="1236" y="1359"/>
                </a:cubicBezTo>
                <a:cubicBezTo>
                  <a:pt x="1235" y="1358"/>
                  <a:pt x="1236" y="1357"/>
                  <a:pt x="1235" y="1356"/>
                </a:cubicBezTo>
                <a:cubicBezTo>
                  <a:pt x="1233" y="1353"/>
                  <a:pt x="1231" y="1356"/>
                  <a:pt x="1229" y="1355"/>
                </a:cubicBezTo>
                <a:cubicBezTo>
                  <a:pt x="1228" y="1355"/>
                  <a:pt x="1227" y="1354"/>
                  <a:pt x="1227" y="1354"/>
                </a:cubicBezTo>
                <a:cubicBezTo>
                  <a:pt x="1226" y="1353"/>
                  <a:pt x="1225" y="1352"/>
                  <a:pt x="1224" y="1352"/>
                </a:cubicBezTo>
                <a:cubicBezTo>
                  <a:pt x="1222" y="1351"/>
                  <a:pt x="1220" y="1351"/>
                  <a:pt x="1219" y="1351"/>
                </a:cubicBezTo>
                <a:cubicBezTo>
                  <a:pt x="1217" y="1350"/>
                  <a:pt x="1217" y="1349"/>
                  <a:pt x="1216" y="1348"/>
                </a:cubicBezTo>
                <a:cubicBezTo>
                  <a:pt x="1215" y="1347"/>
                  <a:pt x="1215" y="1346"/>
                  <a:pt x="1215" y="1345"/>
                </a:cubicBezTo>
                <a:cubicBezTo>
                  <a:pt x="1214" y="1344"/>
                  <a:pt x="1213" y="1343"/>
                  <a:pt x="1213" y="1343"/>
                </a:cubicBezTo>
                <a:cubicBezTo>
                  <a:pt x="1211" y="1342"/>
                  <a:pt x="1208" y="1342"/>
                  <a:pt x="1207" y="1344"/>
                </a:cubicBezTo>
                <a:cubicBezTo>
                  <a:pt x="1206" y="1344"/>
                  <a:pt x="1206" y="1345"/>
                  <a:pt x="1205" y="1346"/>
                </a:cubicBezTo>
                <a:cubicBezTo>
                  <a:pt x="1204" y="1346"/>
                  <a:pt x="1203" y="1347"/>
                  <a:pt x="1202" y="1347"/>
                </a:cubicBezTo>
                <a:cubicBezTo>
                  <a:pt x="1201" y="1347"/>
                  <a:pt x="1199" y="1348"/>
                  <a:pt x="1199" y="1349"/>
                </a:cubicBezTo>
                <a:cubicBezTo>
                  <a:pt x="1200" y="1349"/>
                  <a:pt x="1201" y="1349"/>
                  <a:pt x="1202" y="1349"/>
                </a:cubicBezTo>
                <a:cubicBezTo>
                  <a:pt x="1203" y="1348"/>
                  <a:pt x="1204" y="1349"/>
                  <a:pt x="1205" y="1349"/>
                </a:cubicBezTo>
                <a:cubicBezTo>
                  <a:pt x="1206" y="1349"/>
                  <a:pt x="1207" y="1349"/>
                  <a:pt x="1207" y="1350"/>
                </a:cubicBezTo>
                <a:cubicBezTo>
                  <a:pt x="1208" y="1351"/>
                  <a:pt x="1208" y="1351"/>
                  <a:pt x="1209" y="1352"/>
                </a:cubicBezTo>
                <a:cubicBezTo>
                  <a:pt x="1210" y="1352"/>
                  <a:pt x="1212" y="1352"/>
                  <a:pt x="1212" y="1353"/>
                </a:cubicBezTo>
                <a:cubicBezTo>
                  <a:pt x="1213" y="1354"/>
                  <a:pt x="1212" y="1355"/>
                  <a:pt x="1213" y="1356"/>
                </a:cubicBezTo>
                <a:cubicBezTo>
                  <a:pt x="1214" y="1357"/>
                  <a:pt x="1216" y="1357"/>
                  <a:pt x="1217" y="1357"/>
                </a:cubicBezTo>
                <a:cubicBezTo>
                  <a:pt x="1217" y="1358"/>
                  <a:pt x="1218" y="1359"/>
                  <a:pt x="1218" y="1360"/>
                </a:cubicBezTo>
                <a:cubicBezTo>
                  <a:pt x="1219" y="1362"/>
                  <a:pt x="1223" y="1362"/>
                  <a:pt x="1223" y="1365"/>
                </a:cubicBezTo>
                <a:cubicBezTo>
                  <a:pt x="1222" y="1365"/>
                  <a:pt x="1221" y="1364"/>
                  <a:pt x="1220" y="1364"/>
                </a:cubicBezTo>
                <a:cubicBezTo>
                  <a:pt x="1219" y="1363"/>
                  <a:pt x="1218" y="1364"/>
                  <a:pt x="1217" y="1363"/>
                </a:cubicBezTo>
                <a:cubicBezTo>
                  <a:pt x="1216" y="1362"/>
                  <a:pt x="1216" y="1362"/>
                  <a:pt x="1215" y="1361"/>
                </a:cubicBezTo>
                <a:cubicBezTo>
                  <a:pt x="1214" y="1361"/>
                  <a:pt x="1213" y="1361"/>
                  <a:pt x="1212" y="1360"/>
                </a:cubicBezTo>
                <a:cubicBezTo>
                  <a:pt x="1211" y="1360"/>
                  <a:pt x="1209" y="1359"/>
                  <a:pt x="1209" y="1358"/>
                </a:cubicBezTo>
                <a:cubicBezTo>
                  <a:pt x="1208" y="1356"/>
                  <a:pt x="1207" y="1357"/>
                  <a:pt x="1206" y="1356"/>
                </a:cubicBezTo>
                <a:cubicBezTo>
                  <a:pt x="1205" y="1355"/>
                  <a:pt x="1205" y="1353"/>
                  <a:pt x="1203" y="1352"/>
                </a:cubicBezTo>
                <a:cubicBezTo>
                  <a:pt x="1201" y="1351"/>
                  <a:pt x="1199" y="1352"/>
                  <a:pt x="1197" y="1351"/>
                </a:cubicBezTo>
                <a:cubicBezTo>
                  <a:pt x="1196" y="1351"/>
                  <a:pt x="1195" y="1350"/>
                  <a:pt x="1195" y="1350"/>
                </a:cubicBezTo>
                <a:cubicBezTo>
                  <a:pt x="1194" y="1350"/>
                  <a:pt x="1192" y="1350"/>
                  <a:pt x="1191" y="1350"/>
                </a:cubicBezTo>
                <a:cubicBezTo>
                  <a:pt x="1191" y="1350"/>
                  <a:pt x="1191" y="1349"/>
                  <a:pt x="1191" y="1349"/>
                </a:cubicBezTo>
                <a:cubicBezTo>
                  <a:pt x="1192" y="1349"/>
                  <a:pt x="1193" y="1349"/>
                  <a:pt x="1194" y="1349"/>
                </a:cubicBezTo>
                <a:cubicBezTo>
                  <a:pt x="1195" y="1348"/>
                  <a:pt x="1196" y="1347"/>
                  <a:pt x="1197" y="1347"/>
                </a:cubicBezTo>
                <a:cubicBezTo>
                  <a:pt x="1198" y="1346"/>
                  <a:pt x="1199" y="1347"/>
                  <a:pt x="1200" y="1346"/>
                </a:cubicBezTo>
                <a:cubicBezTo>
                  <a:pt x="1200" y="1346"/>
                  <a:pt x="1202" y="1346"/>
                  <a:pt x="1202" y="1345"/>
                </a:cubicBezTo>
                <a:cubicBezTo>
                  <a:pt x="1205" y="1344"/>
                  <a:pt x="1203" y="1343"/>
                  <a:pt x="1202" y="1341"/>
                </a:cubicBezTo>
                <a:cubicBezTo>
                  <a:pt x="1201" y="1341"/>
                  <a:pt x="1202" y="1339"/>
                  <a:pt x="1201" y="1339"/>
                </a:cubicBezTo>
                <a:cubicBezTo>
                  <a:pt x="1201" y="1338"/>
                  <a:pt x="1199" y="1338"/>
                  <a:pt x="1198" y="1337"/>
                </a:cubicBezTo>
                <a:cubicBezTo>
                  <a:pt x="1198" y="1336"/>
                  <a:pt x="1198" y="1335"/>
                  <a:pt x="1199" y="1335"/>
                </a:cubicBezTo>
                <a:cubicBezTo>
                  <a:pt x="1199" y="1334"/>
                  <a:pt x="1200" y="1335"/>
                  <a:pt x="1201" y="1334"/>
                </a:cubicBezTo>
                <a:cubicBezTo>
                  <a:pt x="1203" y="1333"/>
                  <a:pt x="1204" y="1332"/>
                  <a:pt x="1206" y="1333"/>
                </a:cubicBezTo>
                <a:cubicBezTo>
                  <a:pt x="1206" y="1334"/>
                  <a:pt x="1206" y="1335"/>
                  <a:pt x="1207" y="1335"/>
                </a:cubicBezTo>
                <a:cubicBezTo>
                  <a:pt x="1207" y="1336"/>
                  <a:pt x="1208" y="1336"/>
                  <a:pt x="1209" y="1337"/>
                </a:cubicBezTo>
                <a:cubicBezTo>
                  <a:pt x="1210" y="1339"/>
                  <a:pt x="1206" y="1339"/>
                  <a:pt x="1207" y="1341"/>
                </a:cubicBezTo>
                <a:cubicBezTo>
                  <a:pt x="1208" y="1342"/>
                  <a:pt x="1208" y="1341"/>
                  <a:pt x="1209" y="1340"/>
                </a:cubicBezTo>
                <a:cubicBezTo>
                  <a:pt x="1210" y="1339"/>
                  <a:pt x="1211" y="1339"/>
                  <a:pt x="1212" y="1339"/>
                </a:cubicBezTo>
                <a:cubicBezTo>
                  <a:pt x="1215" y="1337"/>
                  <a:pt x="1211" y="1335"/>
                  <a:pt x="1210" y="1334"/>
                </a:cubicBezTo>
                <a:cubicBezTo>
                  <a:pt x="1208" y="1333"/>
                  <a:pt x="1209" y="1331"/>
                  <a:pt x="1207" y="1329"/>
                </a:cubicBezTo>
                <a:cubicBezTo>
                  <a:pt x="1205" y="1328"/>
                  <a:pt x="1203" y="1329"/>
                  <a:pt x="1203" y="1326"/>
                </a:cubicBezTo>
                <a:cubicBezTo>
                  <a:pt x="1202" y="1325"/>
                  <a:pt x="1203" y="1324"/>
                  <a:pt x="1202" y="1322"/>
                </a:cubicBezTo>
                <a:cubicBezTo>
                  <a:pt x="1202" y="1321"/>
                  <a:pt x="1201" y="1321"/>
                  <a:pt x="1201" y="1320"/>
                </a:cubicBezTo>
                <a:cubicBezTo>
                  <a:pt x="1200" y="1319"/>
                  <a:pt x="1199" y="1318"/>
                  <a:pt x="1198" y="1317"/>
                </a:cubicBezTo>
                <a:cubicBezTo>
                  <a:pt x="1197" y="1316"/>
                  <a:pt x="1197" y="1315"/>
                  <a:pt x="1196" y="1314"/>
                </a:cubicBezTo>
                <a:cubicBezTo>
                  <a:pt x="1195" y="1313"/>
                  <a:pt x="1194" y="1312"/>
                  <a:pt x="1194" y="1311"/>
                </a:cubicBezTo>
                <a:cubicBezTo>
                  <a:pt x="1193" y="1310"/>
                  <a:pt x="1193" y="1309"/>
                  <a:pt x="1193" y="1308"/>
                </a:cubicBezTo>
                <a:cubicBezTo>
                  <a:pt x="1192" y="1308"/>
                  <a:pt x="1191" y="1307"/>
                  <a:pt x="1191" y="1306"/>
                </a:cubicBezTo>
                <a:cubicBezTo>
                  <a:pt x="1190" y="1305"/>
                  <a:pt x="1190" y="1304"/>
                  <a:pt x="1190" y="1303"/>
                </a:cubicBezTo>
                <a:cubicBezTo>
                  <a:pt x="1191" y="1301"/>
                  <a:pt x="1191" y="1299"/>
                  <a:pt x="1191" y="1297"/>
                </a:cubicBezTo>
                <a:cubicBezTo>
                  <a:pt x="1191" y="1296"/>
                  <a:pt x="1191" y="1295"/>
                  <a:pt x="1192" y="1294"/>
                </a:cubicBezTo>
                <a:cubicBezTo>
                  <a:pt x="1193" y="1293"/>
                  <a:pt x="1193" y="1293"/>
                  <a:pt x="1194" y="1292"/>
                </a:cubicBezTo>
                <a:cubicBezTo>
                  <a:pt x="1194" y="1291"/>
                  <a:pt x="1195" y="1291"/>
                  <a:pt x="1196" y="1290"/>
                </a:cubicBezTo>
                <a:cubicBezTo>
                  <a:pt x="1197" y="1290"/>
                  <a:pt x="1198" y="1289"/>
                  <a:pt x="1199" y="1288"/>
                </a:cubicBezTo>
                <a:cubicBezTo>
                  <a:pt x="1200" y="1288"/>
                  <a:pt x="1200" y="1289"/>
                  <a:pt x="1200" y="1290"/>
                </a:cubicBezTo>
                <a:cubicBezTo>
                  <a:pt x="1199" y="1291"/>
                  <a:pt x="1198" y="1291"/>
                  <a:pt x="1197" y="1292"/>
                </a:cubicBezTo>
                <a:cubicBezTo>
                  <a:pt x="1196" y="1294"/>
                  <a:pt x="1199" y="1294"/>
                  <a:pt x="1200" y="1295"/>
                </a:cubicBezTo>
                <a:cubicBezTo>
                  <a:pt x="1201" y="1296"/>
                  <a:pt x="1201" y="1297"/>
                  <a:pt x="1202" y="1297"/>
                </a:cubicBezTo>
                <a:cubicBezTo>
                  <a:pt x="1203" y="1298"/>
                  <a:pt x="1204" y="1297"/>
                  <a:pt x="1205" y="1298"/>
                </a:cubicBezTo>
                <a:cubicBezTo>
                  <a:pt x="1206" y="1298"/>
                  <a:pt x="1207" y="1299"/>
                  <a:pt x="1207" y="1299"/>
                </a:cubicBezTo>
                <a:cubicBezTo>
                  <a:pt x="1208" y="1300"/>
                  <a:pt x="1209" y="1300"/>
                  <a:pt x="1210" y="1300"/>
                </a:cubicBezTo>
                <a:cubicBezTo>
                  <a:pt x="1212" y="1301"/>
                  <a:pt x="1213" y="1303"/>
                  <a:pt x="1213" y="1305"/>
                </a:cubicBezTo>
                <a:cubicBezTo>
                  <a:pt x="1213" y="1308"/>
                  <a:pt x="1213" y="1309"/>
                  <a:pt x="1216" y="1310"/>
                </a:cubicBezTo>
                <a:cubicBezTo>
                  <a:pt x="1217" y="1311"/>
                  <a:pt x="1218" y="1311"/>
                  <a:pt x="1219" y="1312"/>
                </a:cubicBezTo>
                <a:cubicBezTo>
                  <a:pt x="1220" y="1312"/>
                  <a:pt x="1221" y="1311"/>
                  <a:pt x="1222" y="1312"/>
                </a:cubicBezTo>
                <a:cubicBezTo>
                  <a:pt x="1223" y="1312"/>
                  <a:pt x="1223" y="1313"/>
                  <a:pt x="1224" y="1313"/>
                </a:cubicBezTo>
                <a:cubicBezTo>
                  <a:pt x="1226" y="1313"/>
                  <a:pt x="1225" y="1312"/>
                  <a:pt x="1224" y="1311"/>
                </a:cubicBezTo>
                <a:cubicBezTo>
                  <a:pt x="1223" y="1311"/>
                  <a:pt x="1223" y="1311"/>
                  <a:pt x="1222" y="1310"/>
                </a:cubicBezTo>
                <a:cubicBezTo>
                  <a:pt x="1221" y="1309"/>
                  <a:pt x="1221" y="1308"/>
                  <a:pt x="1220" y="1307"/>
                </a:cubicBezTo>
                <a:cubicBezTo>
                  <a:pt x="1218" y="1306"/>
                  <a:pt x="1216" y="1307"/>
                  <a:pt x="1215" y="1305"/>
                </a:cubicBezTo>
                <a:cubicBezTo>
                  <a:pt x="1214" y="1304"/>
                  <a:pt x="1214" y="1303"/>
                  <a:pt x="1214" y="1302"/>
                </a:cubicBezTo>
                <a:cubicBezTo>
                  <a:pt x="1215" y="1300"/>
                  <a:pt x="1216" y="1301"/>
                  <a:pt x="1217" y="1301"/>
                </a:cubicBezTo>
                <a:cubicBezTo>
                  <a:pt x="1218" y="1302"/>
                  <a:pt x="1219" y="1301"/>
                  <a:pt x="1220" y="1301"/>
                </a:cubicBezTo>
                <a:cubicBezTo>
                  <a:pt x="1221" y="1301"/>
                  <a:pt x="1222" y="1302"/>
                  <a:pt x="1222" y="1303"/>
                </a:cubicBezTo>
                <a:cubicBezTo>
                  <a:pt x="1223" y="1304"/>
                  <a:pt x="1223" y="1304"/>
                  <a:pt x="1224" y="1305"/>
                </a:cubicBezTo>
                <a:cubicBezTo>
                  <a:pt x="1225" y="1305"/>
                  <a:pt x="1226" y="1306"/>
                  <a:pt x="1227" y="1306"/>
                </a:cubicBezTo>
                <a:cubicBezTo>
                  <a:pt x="1227" y="1307"/>
                  <a:pt x="1227" y="1308"/>
                  <a:pt x="1228" y="1309"/>
                </a:cubicBezTo>
                <a:cubicBezTo>
                  <a:pt x="1229" y="1310"/>
                  <a:pt x="1230" y="1310"/>
                  <a:pt x="1231" y="1310"/>
                </a:cubicBezTo>
                <a:cubicBezTo>
                  <a:pt x="1231" y="1310"/>
                  <a:pt x="1232" y="1312"/>
                  <a:pt x="1233" y="1310"/>
                </a:cubicBezTo>
                <a:cubicBezTo>
                  <a:pt x="1233" y="1309"/>
                  <a:pt x="1231" y="1309"/>
                  <a:pt x="1231" y="1309"/>
                </a:cubicBezTo>
                <a:cubicBezTo>
                  <a:pt x="1230" y="1308"/>
                  <a:pt x="1230" y="1307"/>
                  <a:pt x="1229" y="1306"/>
                </a:cubicBezTo>
                <a:cubicBezTo>
                  <a:pt x="1229" y="1304"/>
                  <a:pt x="1226" y="1304"/>
                  <a:pt x="1226" y="1302"/>
                </a:cubicBezTo>
                <a:cubicBezTo>
                  <a:pt x="1225" y="1301"/>
                  <a:pt x="1224" y="1297"/>
                  <a:pt x="1227" y="1297"/>
                </a:cubicBezTo>
                <a:cubicBezTo>
                  <a:pt x="1228" y="1297"/>
                  <a:pt x="1229" y="1297"/>
                  <a:pt x="1230" y="1297"/>
                </a:cubicBezTo>
                <a:cubicBezTo>
                  <a:pt x="1231" y="1297"/>
                  <a:pt x="1231" y="1296"/>
                  <a:pt x="1232" y="1297"/>
                </a:cubicBezTo>
                <a:cubicBezTo>
                  <a:pt x="1233" y="1298"/>
                  <a:pt x="1233" y="1299"/>
                  <a:pt x="1234" y="1299"/>
                </a:cubicBezTo>
                <a:cubicBezTo>
                  <a:pt x="1236" y="1300"/>
                  <a:pt x="1235" y="1298"/>
                  <a:pt x="1235" y="1298"/>
                </a:cubicBezTo>
                <a:cubicBezTo>
                  <a:pt x="1233" y="1297"/>
                  <a:pt x="1232" y="1295"/>
                  <a:pt x="1230" y="1294"/>
                </a:cubicBezTo>
                <a:cubicBezTo>
                  <a:pt x="1228" y="1293"/>
                  <a:pt x="1229" y="1291"/>
                  <a:pt x="1228" y="1289"/>
                </a:cubicBezTo>
                <a:cubicBezTo>
                  <a:pt x="1227" y="1287"/>
                  <a:pt x="1224" y="1286"/>
                  <a:pt x="1226" y="1283"/>
                </a:cubicBezTo>
                <a:cubicBezTo>
                  <a:pt x="1227" y="1281"/>
                  <a:pt x="1230" y="1283"/>
                  <a:pt x="1232" y="1282"/>
                </a:cubicBezTo>
                <a:cubicBezTo>
                  <a:pt x="1233" y="1282"/>
                  <a:pt x="1233" y="1280"/>
                  <a:pt x="1234" y="1280"/>
                </a:cubicBezTo>
                <a:cubicBezTo>
                  <a:pt x="1236" y="1279"/>
                  <a:pt x="1237" y="1279"/>
                  <a:pt x="1238" y="1278"/>
                </a:cubicBezTo>
                <a:cubicBezTo>
                  <a:pt x="1240" y="1277"/>
                  <a:pt x="1242" y="1276"/>
                  <a:pt x="1243" y="1276"/>
                </a:cubicBezTo>
                <a:cubicBezTo>
                  <a:pt x="1245" y="1276"/>
                  <a:pt x="1246" y="1277"/>
                  <a:pt x="1247" y="1277"/>
                </a:cubicBezTo>
                <a:cubicBezTo>
                  <a:pt x="1248" y="1277"/>
                  <a:pt x="1248" y="1276"/>
                  <a:pt x="1250" y="1276"/>
                </a:cubicBezTo>
                <a:cubicBezTo>
                  <a:pt x="1252" y="1276"/>
                  <a:pt x="1253" y="1277"/>
                  <a:pt x="1255" y="1278"/>
                </a:cubicBezTo>
                <a:cubicBezTo>
                  <a:pt x="1257" y="1279"/>
                  <a:pt x="1259" y="1279"/>
                  <a:pt x="1261" y="1278"/>
                </a:cubicBezTo>
                <a:cubicBezTo>
                  <a:pt x="1263" y="1277"/>
                  <a:pt x="1264" y="1275"/>
                  <a:pt x="1266" y="1275"/>
                </a:cubicBezTo>
                <a:cubicBezTo>
                  <a:pt x="1268" y="1274"/>
                  <a:pt x="1269" y="1275"/>
                  <a:pt x="1271" y="1276"/>
                </a:cubicBezTo>
                <a:cubicBezTo>
                  <a:pt x="1274" y="1276"/>
                  <a:pt x="1275" y="1277"/>
                  <a:pt x="1277" y="1277"/>
                </a:cubicBezTo>
                <a:cubicBezTo>
                  <a:pt x="1279" y="1278"/>
                  <a:pt x="1281" y="1278"/>
                  <a:pt x="1283" y="1279"/>
                </a:cubicBezTo>
                <a:cubicBezTo>
                  <a:pt x="1284" y="1279"/>
                  <a:pt x="1285" y="1281"/>
                  <a:pt x="1286" y="1281"/>
                </a:cubicBezTo>
                <a:cubicBezTo>
                  <a:pt x="1287" y="1282"/>
                  <a:pt x="1288" y="1282"/>
                  <a:pt x="1289" y="1282"/>
                </a:cubicBezTo>
                <a:cubicBezTo>
                  <a:pt x="1292" y="1283"/>
                  <a:pt x="1292" y="1284"/>
                  <a:pt x="1293" y="1286"/>
                </a:cubicBezTo>
                <a:cubicBezTo>
                  <a:pt x="1294" y="1288"/>
                  <a:pt x="1295" y="1288"/>
                  <a:pt x="1297" y="1288"/>
                </a:cubicBezTo>
                <a:cubicBezTo>
                  <a:pt x="1299" y="1289"/>
                  <a:pt x="1301" y="1289"/>
                  <a:pt x="1303" y="1288"/>
                </a:cubicBezTo>
                <a:cubicBezTo>
                  <a:pt x="1305" y="1288"/>
                  <a:pt x="1307" y="1287"/>
                  <a:pt x="1309" y="1287"/>
                </a:cubicBezTo>
                <a:cubicBezTo>
                  <a:pt x="1310" y="1288"/>
                  <a:pt x="1311" y="1287"/>
                  <a:pt x="1312" y="1287"/>
                </a:cubicBezTo>
                <a:cubicBezTo>
                  <a:pt x="1313" y="1286"/>
                  <a:pt x="1313" y="1287"/>
                  <a:pt x="1313" y="1288"/>
                </a:cubicBezTo>
                <a:cubicBezTo>
                  <a:pt x="1314" y="1289"/>
                  <a:pt x="1315" y="1289"/>
                  <a:pt x="1313" y="1290"/>
                </a:cubicBezTo>
                <a:cubicBezTo>
                  <a:pt x="1312" y="1291"/>
                  <a:pt x="1311" y="1291"/>
                  <a:pt x="1310" y="1291"/>
                </a:cubicBezTo>
                <a:cubicBezTo>
                  <a:pt x="1308" y="1292"/>
                  <a:pt x="1307" y="1294"/>
                  <a:pt x="1305" y="1294"/>
                </a:cubicBezTo>
                <a:cubicBezTo>
                  <a:pt x="1303" y="1295"/>
                  <a:pt x="1301" y="1295"/>
                  <a:pt x="1300" y="1296"/>
                </a:cubicBezTo>
                <a:cubicBezTo>
                  <a:pt x="1298" y="1298"/>
                  <a:pt x="1297" y="1300"/>
                  <a:pt x="1297" y="1303"/>
                </a:cubicBezTo>
                <a:cubicBezTo>
                  <a:pt x="1297" y="1305"/>
                  <a:pt x="1297" y="1305"/>
                  <a:pt x="1299" y="1304"/>
                </a:cubicBezTo>
                <a:cubicBezTo>
                  <a:pt x="1302" y="1304"/>
                  <a:pt x="1304" y="1302"/>
                  <a:pt x="1307" y="1300"/>
                </a:cubicBezTo>
                <a:cubicBezTo>
                  <a:pt x="1308" y="1299"/>
                  <a:pt x="1310" y="1299"/>
                  <a:pt x="1311" y="1298"/>
                </a:cubicBezTo>
                <a:cubicBezTo>
                  <a:pt x="1312" y="1297"/>
                  <a:pt x="1313" y="1296"/>
                  <a:pt x="1315" y="1295"/>
                </a:cubicBezTo>
                <a:cubicBezTo>
                  <a:pt x="1316" y="1295"/>
                  <a:pt x="1317" y="1294"/>
                  <a:pt x="1317" y="1293"/>
                </a:cubicBezTo>
                <a:cubicBezTo>
                  <a:pt x="1318" y="1292"/>
                  <a:pt x="1318" y="1291"/>
                  <a:pt x="1319" y="1291"/>
                </a:cubicBezTo>
                <a:cubicBezTo>
                  <a:pt x="1321" y="1289"/>
                  <a:pt x="1323" y="1288"/>
                  <a:pt x="1325" y="1287"/>
                </a:cubicBezTo>
                <a:cubicBezTo>
                  <a:pt x="1327" y="1286"/>
                  <a:pt x="1328" y="1285"/>
                  <a:pt x="1329" y="1283"/>
                </a:cubicBezTo>
                <a:cubicBezTo>
                  <a:pt x="1331" y="1282"/>
                  <a:pt x="1333" y="1282"/>
                  <a:pt x="1334" y="1280"/>
                </a:cubicBezTo>
                <a:cubicBezTo>
                  <a:pt x="1336" y="1279"/>
                  <a:pt x="1336" y="1277"/>
                  <a:pt x="1338" y="1276"/>
                </a:cubicBezTo>
                <a:cubicBezTo>
                  <a:pt x="1340" y="1274"/>
                  <a:pt x="1342" y="1274"/>
                  <a:pt x="1344" y="1274"/>
                </a:cubicBezTo>
                <a:cubicBezTo>
                  <a:pt x="1346" y="1274"/>
                  <a:pt x="1348" y="1273"/>
                  <a:pt x="1350" y="1273"/>
                </a:cubicBezTo>
                <a:cubicBezTo>
                  <a:pt x="1352" y="1273"/>
                  <a:pt x="1355" y="1274"/>
                  <a:pt x="1356" y="1273"/>
                </a:cubicBezTo>
                <a:cubicBezTo>
                  <a:pt x="1357" y="1273"/>
                  <a:pt x="1358" y="1272"/>
                  <a:pt x="1359" y="1271"/>
                </a:cubicBezTo>
                <a:cubicBezTo>
                  <a:pt x="1360" y="1271"/>
                  <a:pt x="1360" y="1272"/>
                  <a:pt x="1361" y="1272"/>
                </a:cubicBezTo>
                <a:cubicBezTo>
                  <a:pt x="1363" y="1274"/>
                  <a:pt x="1365" y="1273"/>
                  <a:pt x="1367" y="1273"/>
                </a:cubicBezTo>
                <a:cubicBezTo>
                  <a:pt x="1368" y="1273"/>
                  <a:pt x="1368" y="1275"/>
                  <a:pt x="1370" y="1275"/>
                </a:cubicBezTo>
                <a:cubicBezTo>
                  <a:pt x="1371" y="1275"/>
                  <a:pt x="1373" y="1275"/>
                  <a:pt x="1374" y="1275"/>
                </a:cubicBezTo>
                <a:cubicBezTo>
                  <a:pt x="1377" y="1276"/>
                  <a:pt x="1378" y="1276"/>
                  <a:pt x="1380" y="1274"/>
                </a:cubicBezTo>
                <a:cubicBezTo>
                  <a:pt x="1382" y="1272"/>
                  <a:pt x="1382" y="1274"/>
                  <a:pt x="1384" y="1276"/>
                </a:cubicBezTo>
                <a:cubicBezTo>
                  <a:pt x="1385" y="1277"/>
                  <a:pt x="1385" y="1277"/>
                  <a:pt x="1386" y="1277"/>
                </a:cubicBezTo>
                <a:cubicBezTo>
                  <a:pt x="1387" y="1278"/>
                  <a:pt x="1388" y="1278"/>
                  <a:pt x="1389" y="1279"/>
                </a:cubicBezTo>
                <a:cubicBezTo>
                  <a:pt x="1390" y="1280"/>
                  <a:pt x="1391" y="1280"/>
                  <a:pt x="1392" y="1281"/>
                </a:cubicBezTo>
                <a:cubicBezTo>
                  <a:pt x="1393" y="1281"/>
                  <a:pt x="1394" y="1281"/>
                  <a:pt x="1396" y="1282"/>
                </a:cubicBezTo>
                <a:cubicBezTo>
                  <a:pt x="1397" y="1283"/>
                  <a:pt x="1398" y="1283"/>
                  <a:pt x="1400" y="1283"/>
                </a:cubicBezTo>
                <a:cubicBezTo>
                  <a:pt x="1401" y="1283"/>
                  <a:pt x="1403" y="1282"/>
                  <a:pt x="1403" y="1284"/>
                </a:cubicBezTo>
                <a:cubicBezTo>
                  <a:pt x="1403" y="1285"/>
                  <a:pt x="1402" y="1284"/>
                  <a:pt x="1401" y="1284"/>
                </a:cubicBezTo>
                <a:cubicBezTo>
                  <a:pt x="1399" y="1284"/>
                  <a:pt x="1399" y="1284"/>
                  <a:pt x="1398" y="1284"/>
                </a:cubicBezTo>
                <a:cubicBezTo>
                  <a:pt x="1396" y="1284"/>
                  <a:pt x="1393" y="1284"/>
                  <a:pt x="1391" y="1285"/>
                </a:cubicBezTo>
                <a:cubicBezTo>
                  <a:pt x="1389" y="1286"/>
                  <a:pt x="1388" y="1286"/>
                  <a:pt x="1385" y="1286"/>
                </a:cubicBezTo>
                <a:cubicBezTo>
                  <a:pt x="1384" y="1286"/>
                  <a:pt x="1383" y="1286"/>
                  <a:pt x="1382" y="1286"/>
                </a:cubicBezTo>
                <a:cubicBezTo>
                  <a:pt x="1381" y="1286"/>
                  <a:pt x="1380" y="1287"/>
                  <a:pt x="1379" y="1287"/>
                </a:cubicBezTo>
                <a:cubicBezTo>
                  <a:pt x="1378" y="1288"/>
                  <a:pt x="1376" y="1288"/>
                  <a:pt x="1375" y="1289"/>
                </a:cubicBezTo>
                <a:cubicBezTo>
                  <a:pt x="1375" y="1291"/>
                  <a:pt x="1377" y="1291"/>
                  <a:pt x="1378" y="1292"/>
                </a:cubicBezTo>
                <a:cubicBezTo>
                  <a:pt x="1379" y="1292"/>
                  <a:pt x="1379" y="1292"/>
                  <a:pt x="1380" y="1293"/>
                </a:cubicBezTo>
                <a:cubicBezTo>
                  <a:pt x="1381" y="1293"/>
                  <a:pt x="1382" y="1292"/>
                  <a:pt x="1383" y="1293"/>
                </a:cubicBezTo>
                <a:cubicBezTo>
                  <a:pt x="1387" y="1294"/>
                  <a:pt x="1382" y="1296"/>
                  <a:pt x="1380" y="1297"/>
                </a:cubicBezTo>
                <a:cubicBezTo>
                  <a:pt x="1378" y="1297"/>
                  <a:pt x="1377" y="1296"/>
                  <a:pt x="1375" y="1296"/>
                </a:cubicBezTo>
                <a:cubicBezTo>
                  <a:pt x="1373" y="1297"/>
                  <a:pt x="1372" y="1297"/>
                  <a:pt x="1370" y="1296"/>
                </a:cubicBezTo>
                <a:cubicBezTo>
                  <a:pt x="1369" y="1296"/>
                  <a:pt x="1369" y="1295"/>
                  <a:pt x="1368" y="1295"/>
                </a:cubicBezTo>
                <a:cubicBezTo>
                  <a:pt x="1367" y="1295"/>
                  <a:pt x="1366" y="1295"/>
                  <a:pt x="1365" y="1295"/>
                </a:cubicBezTo>
                <a:cubicBezTo>
                  <a:pt x="1363" y="1295"/>
                  <a:pt x="1361" y="1296"/>
                  <a:pt x="1359" y="1295"/>
                </a:cubicBezTo>
                <a:cubicBezTo>
                  <a:pt x="1357" y="1295"/>
                  <a:pt x="1355" y="1294"/>
                  <a:pt x="1353" y="1295"/>
                </a:cubicBezTo>
                <a:cubicBezTo>
                  <a:pt x="1352" y="1295"/>
                  <a:pt x="1351" y="1296"/>
                  <a:pt x="1350" y="1296"/>
                </a:cubicBezTo>
                <a:cubicBezTo>
                  <a:pt x="1349" y="1295"/>
                  <a:pt x="1350" y="1294"/>
                  <a:pt x="1349" y="1293"/>
                </a:cubicBezTo>
                <a:cubicBezTo>
                  <a:pt x="1349" y="1292"/>
                  <a:pt x="1349" y="1291"/>
                  <a:pt x="1348" y="1291"/>
                </a:cubicBezTo>
                <a:cubicBezTo>
                  <a:pt x="1347" y="1291"/>
                  <a:pt x="1347" y="1292"/>
                  <a:pt x="1346" y="1291"/>
                </a:cubicBezTo>
                <a:cubicBezTo>
                  <a:pt x="1346" y="1291"/>
                  <a:pt x="1345" y="1291"/>
                  <a:pt x="1345" y="1291"/>
                </a:cubicBezTo>
                <a:cubicBezTo>
                  <a:pt x="1341" y="1290"/>
                  <a:pt x="1345" y="1294"/>
                  <a:pt x="1346" y="1295"/>
                </a:cubicBezTo>
                <a:cubicBezTo>
                  <a:pt x="1346" y="1298"/>
                  <a:pt x="1343" y="1297"/>
                  <a:pt x="1342" y="1297"/>
                </a:cubicBezTo>
                <a:cubicBezTo>
                  <a:pt x="1340" y="1298"/>
                  <a:pt x="1338" y="1299"/>
                  <a:pt x="1337" y="1297"/>
                </a:cubicBezTo>
                <a:cubicBezTo>
                  <a:pt x="1336" y="1297"/>
                  <a:pt x="1336" y="1296"/>
                  <a:pt x="1334" y="1295"/>
                </a:cubicBezTo>
                <a:cubicBezTo>
                  <a:pt x="1333" y="1295"/>
                  <a:pt x="1333" y="1295"/>
                  <a:pt x="1332" y="1294"/>
                </a:cubicBezTo>
                <a:cubicBezTo>
                  <a:pt x="1330" y="1292"/>
                  <a:pt x="1329" y="1293"/>
                  <a:pt x="1327" y="1293"/>
                </a:cubicBezTo>
                <a:cubicBezTo>
                  <a:pt x="1326" y="1294"/>
                  <a:pt x="1325" y="1293"/>
                  <a:pt x="1324" y="1294"/>
                </a:cubicBezTo>
                <a:cubicBezTo>
                  <a:pt x="1323" y="1295"/>
                  <a:pt x="1323" y="1295"/>
                  <a:pt x="1322" y="1296"/>
                </a:cubicBezTo>
                <a:cubicBezTo>
                  <a:pt x="1321" y="1296"/>
                  <a:pt x="1319" y="1296"/>
                  <a:pt x="1319" y="1296"/>
                </a:cubicBezTo>
                <a:cubicBezTo>
                  <a:pt x="1318" y="1297"/>
                  <a:pt x="1317" y="1297"/>
                  <a:pt x="1316" y="1298"/>
                </a:cubicBezTo>
                <a:cubicBezTo>
                  <a:pt x="1315" y="1298"/>
                  <a:pt x="1314" y="1298"/>
                  <a:pt x="1313" y="1299"/>
                </a:cubicBezTo>
                <a:cubicBezTo>
                  <a:pt x="1312" y="1300"/>
                  <a:pt x="1310" y="1300"/>
                  <a:pt x="1308" y="1301"/>
                </a:cubicBezTo>
                <a:cubicBezTo>
                  <a:pt x="1307" y="1302"/>
                  <a:pt x="1306" y="1303"/>
                  <a:pt x="1305" y="1303"/>
                </a:cubicBezTo>
                <a:cubicBezTo>
                  <a:pt x="1303" y="1304"/>
                  <a:pt x="1300" y="1304"/>
                  <a:pt x="1298" y="1305"/>
                </a:cubicBezTo>
                <a:cubicBezTo>
                  <a:pt x="1295" y="1307"/>
                  <a:pt x="1298" y="1308"/>
                  <a:pt x="1297" y="1311"/>
                </a:cubicBezTo>
                <a:cubicBezTo>
                  <a:pt x="1297" y="1311"/>
                  <a:pt x="1296" y="1312"/>
                  <a:pt x="1296" y="1313"/>
                </a:cubicBezTo>
                <a:cubicBezTo>
                  <a:pt x="1296" y="1314"/>
                  <a:pt x="1295" y="1315"/>
                  <a:pt x="1296" y="1316"/>
                </a:cubicBezTo>
                <a:cubicBezTo>
                  <a:pt x="1296" y="1317"/>
                  <a:pt x="1297" y="1318"/>
                  <a:pt x="1297" y="1319"/>
                </a:cubicBezTo>
                <a:cubicBezTo>
                  <a:pt x="1297" y="1321"/>
                  <a:pt x="1297" y="1323"/>
                  <a:pt x="1295" y="1324"/>
                </a:cubicBezTo>
                <a:cubicBezTo>
                  <a:pt x="1294" y="1326"/>
                  <a:pt x="1294" y="1327"/>
                  <a:pt x="1296" y="1328"/>
                </a:cubicBezTo>
                <a:cubicBezTo>
                  <a:pt x="1297" y="1329"/>
                  <a:pt x="1299" y="1327"/>
                  <a:pt x="1300" y="1327"/>
                </a:cubicBezTo>
                <a:cubicBezTo>
                  <a:pt x="1303" y="1327"/>
                  <a:pt x="1305" y="1327"/>
                  <a:pt x="1308" y="1326"/>
                </a:cubicBezTo>
                <a:cubicBezTo>
                  <a:pt x="1310" y="1325"/>
                  <a:pt x="1312" y="1326"/>
                  <a:pt x="1314" y="1326"/>
                </a:cubicBezTo>
                <a:cubicBezTo>
                  <a:pt x="1316" y="1326"/>
                  <a:pt x="1320" y="1325"/>
                  <a:pt x="1319" y="1328"/>
                </a:cubicBezTo>
                <a:cubicBezTo>
                  <a:pt x="1319" y="1328"/>
                  <a:pt x="1317" y="1329"/>
                  <a:pt x="1316" y="1329"/>
                </a:cubicBezTo>
                <a:cubicBezTo>
                  <a:pt x="1315" y="1330"/>
                  <a:pt x="1315" y="1330"/>
                  <a:pt x="1314" y="1331"/>
                </a:cubicBezTo>
                <a:cubicBezTo>
                  <a:pt x="1313" y="1332"/>
                  <a:pt x="1310" y="1334"/>
                  <a:pt x="1312" y="1336"/>
                </a:cubicBezTo>
                <a:cubicBezTo>
                  <a:pt x="1313" y="1336"/>
                  <a:pt x="1314" y="1336"/>
                  <a:pt x="1314" y="1337"/>
                </a:cubicBezTo>
                <a:cubicBezTo>
                  <a:pt x="1314" y="1338"/>
                  <a:pt x="1314" y="1338"/>
                  <a:pt x="1314" y="1339"/>
                </a:cubicBezTo>
                <a:cubicBezTo>
                  <a:pt x="1314" y="1339"/>
                  <a:pt x="1314" y="1340"/>
                  <a:pt x="1315" y="1340"/>
                </a:cubicBezTo>
                <a:cubicBezTo>
                  <a:pt x="1316" y="1342"/>
                  <a:pt x="1315" y="1345"/>
                  <a:pt x="1316" y="1346"/>
                </a:cubicBezTo>
                <a:cubicBezTo>
                  <a:pt x="1318" y="1347"/>
                  <a:pt x="1322" y="1345"/>
                  <a:pt x="1322" y="1348"/>
                </a:cubicBezTo>
                <a:cubicBezTo>
                  <a:pt x="1323" y="1350"/>
                  <a:pt x="1319" y="1351"/>
                  <a:pt x="1318" y="1352"/>
                </a:cubicBezTo>
                <a:cubicBezTo>
                  <a:pt x="1317" y="1353"/>
                  <a:pt x="1317" y="1353"/>
                  <a:pt x="1316" y="1353"/>
                </a:cubicBezTo>
                <a:cubicBezTo>
                  <a:pt x="1315" y="1354"/>
                  <a:pt x="1314" y="1354"/>
                  <a:pt x="1314" y="1355"/>
                </a:cubicBezTo>
                <a:cubicBezTo>
                  <a:pt x="1313" y="1356"/>
                  <a:pt x="1314" y="1357"/>
                  <a:pt x="1315" y="1357"/>
                </a:cubicBezTo>
                <a:cubicBezTo>
                  <a:pt x="1316" y="1358"/>
                  <a:pt x="1316" y="1359"/>
                  <a:pt x="1317" y="1360"/>
                </a:cubicBezTo>
                <a:cubicBezTo>
                  <a:pt x="1318" y="1362"/>
                  <a:pt x="1320" y="1362"/>
                  <a:pt x="1321" y="1363"/>
                </a:cubicBezTo>
                <a:cubicBezTo>
                  <a:pt x="1322" y="1364"/>
                  <a:pt x="1323" y="1364"/>
                  <a:pt x="1323" y="1365"/>
                </a:cubicBezTo>
                <a:cubicBezTo>
                  <a:pt x="1324" y="1366"/>
                  <a:pt x="1322" y="1365"/>
                  <a:pt x="1321" y="1365"/>
                </a:cubicBezTo>
                <a:cubicBezTo>
                  <a:pt x="1319" y="1365"/>
                  <a:pt x="1316" y="1366"/>
                  <a:pt x="1314" y="1366"/>
                </a:cubicBezTo>
                <a:cubicBezTo>
                  <a:pt x="1314" y="1365"/>
                  <a:pt x="1313" y="1364"/>
                  <a:pt x="1312" y="1364"/>
                </a:cubicBezTo>
                <a:cubicBezTo>
                  <a:pt x="1311" y="1364"/>
                  <a:pt x="1310" y="1364"/>
                  <a:pt x="1310" y="1363"/>
                </a:cubicBezTo>
                <a:cubicBezTo>
                  <a:pt x="1309" y="1362"/>
                  <a:pt x="1310" y="1361"/>
                  <a:pt x="1309" y="1360"/>
                </a:cubicBezTo>
                <a:cubicBezTo>
                  <a:pt x="1309" y="1358"/>
                  <a:pt x="1309" y="1358"/>
                  <a:pt x="1308" y="1358"/>
                </a:cubicBezTo>
                <a:cubicBezTo>
                  <a:pt x="1307" y="1357"/>
                  <a:pt x="1306" y="1356"/>
                  <a:pt x="1306" y="1356"/>
                </a:cubicBezTo>
                <a:cubicBezTo>
                  <a:pt x="1304" y="1355"/>
                  <a:pt x="1304" y="1357"/>
                  <a:pt x="1304" y="1358"/>
                </a:cubicBezTo>
                <a:cubicBezTo>
                  <a:pt x="1304" y="1359"/>
                  <a:pt x="1305" y="1359"/>
                  <a:pt x="1305" y="1360"/>
                </a:cubicBezTo>
                <a:cubicBezTo>
                  <a:pt x="1306" y="1361"/>
                  <a:pt x="1306" y="1361"/>
                  <a:pt x="1306" y="1362"/>
                </a:cubicBezTo>
                <a:cubicBezTo>
                  <a:pt x="1306" y="1364"/>
                  <a:pt x="1307" y="1365"/>
                  <a:pt x="1305" y="1366"/>
                </a:cubicBezTo>
                <a:cubicBezTo>
                  <a:pt x="1304" y="1367"/>
                  <a:pt x="1303" y="1366"/>
                  <a:pt x="1302" y="1366"/>
                </a:cubicBezTo>
                <a:cubicBezTo>
                  <a:pt x="1301" y="1366"/>
                  <a:pt x="1301" y="1367"/>
                  <a:pt x="1300" y="1368"/>
                </a:cubicBezTo>
                <a:cubicBezTo>
                  <a:pt x="1300" y="1369"/>
                  <a:pt x="1299" y="1369"/>
                  <a:pt x="1299" y="1369"/>
                </a:cubicBezTo>
                <a:cubicBezTo>
                  <a:pt x="1298" y="1371"/>
                  <a:pt x="1299" y="1371"/>
                  <a:pt x="1301" y="1371"/>
                </a:cubicBezTo>
                <a:cubicBezTo>
                  <a:pt x="1302" y="1371"/>
                  <a:pt x="1302" y="1371"/>
                  <a:pt x="1304" y="1372"/>
                </a:cubicBezTo>
                <a:cubicBezTo>
                  <a:pt x="1305" y="1372"/>
                  <a:pt x="1306" y="1372"/>
                  <a:pt x="1307" y="1372"/>
                </a:cubicBezTo>
                <a:cubicBezTo>
                  <a:pt x="1309" y="1372"/>
                  <a:pt x="1311" y="1372"/>
                  <a:pt x="1313" y="1372"/>
                </a:cubicBezTo>
                <a:cubicBezTo>
                  <a:pt x="1315" y="1373"/>
                  <a:pt x="1317" y="1374"/>
                  <a:pt x="1319" y="1375"/>
                </a:cubicBezTo>
                <a:cubicBezTo>
                  <a:pt x="1320" y="1375"/>
                  <a:pt x="1321" y="1376"/>
                  <a:pt x="1322" y="1377"/>
                </a:cubicBezTo>
                <a:cubicBezTo>
                  <a:pt x="1323" y="1378"/>
                  <a:pt x="1324" y="1378"/>
                  <a:pt x="1325" y="1378"/>
                </a:cubicBezTo>
                <a:cubicBezTo>
                  <a:pt x="1326" y="1378"/>
                  <a:pt x="1326" y="1379"/>
                  <a:pt x="1327" y="1380"/>
                </a:cubicBezTo>
                <a:cubicBezTo>
                  <a:pt x="1327" y="1380"/>
                  <a:pt x="1327" y="1381"/>
                  <a:pt x="1327" y="1381"/>
                </a:cubicBezTo>
                <a:cubicBezTo>
                  <a:pt x="1328" y="1381"/>
                  <a:pt x="1328" y="1381"/>
                  <a:pt x="1329" y="1382"/>
                </a:cubicBezTo>
                <a:cubicBezTo>
                  <a:pt x="1330" y="1383"/>
                  <a:pt x="1329" y="1383"/>
                  <a:pt x="1329" y="1384"/>
                </a:cubicBezTo>
                <a:cubicBezTo>
                  <a:pt x="1330" y="1385"/>
                  <a:pt x="1331" y="1385"/>
                  <a:pt x="1330" y="1387"/>
                </a:cubicBezTo>
                <a:cubicBezTo>
                  <a:pt x="1329" y="1388"/>
                  <a:pt x="1328" y="1388"/>
                  <a:pt x="1327" y="1388"/>
                </a:cubicBezTo>
                <a:cubicBezTo>
                  <a:pt x="1327" y="1389"/>
                  <a:pt x="1326" y="1389"/>
                  <a:pt x="1325" y="1389"/>
                </a:cubicBezTo>
                <a:cubicBezTo>
                  <a:pt x="1324" y="1390"/>
                  <a:pt x="1323" y="1389"/>
                  <a:pt x="1322" y="1390"/>
                </a:cubicBezTo>
                <a:cubicBezTo>
                  <a:pt x="1322" y="1392"/>
                  <a:pt x="1324" y="1392"/>
                  <a:pt x="1324" y="1392"/>
                </a:cubicBezTo>
                <a:cubicBezTo>
                  <a:pt x="1325" y="1393"/>
                  <a:pt x="1325" y="1394"/>
                  <a:pt x="1326" y="1394"/>
                </a:cubicBezTo>
                <a:cubicBezTo>
                  <a:pt x="1327" y="1395"/>
                  <a:pt x="1328" y="1395"/>
                  <a:pt x="1329" y="1396"/>
                </a:cubicBezTo>
                <a:cubicBezTo>
                  <a:pt x="1329" y="1397"/>
                  <a:pt x="1328" y="1398"/>
                  <a:pt x="1328" y="1399"/>
                </a:cubicBezTo>
                <a:cubicBezTo>
                  <a:pt x="1327" y="1403"/>
                  <a:pt x="1331" y="1401"/>
                  <a:pt x="1333" y="1401"/>
                </a:cubicBezTo>
                <a:cubicBezTo>
                  <a:pt x="1335" y="1401"/>
                  <a:pt x="1336" y="1402"/>
                  <a:pt x="1338" y="1403"/>
                </a:cubicBezTo>
                <a:cubicBezTo>
                  <a:pt x="1341" y="1405"/>
                  <a:pt x="1340" y="1407"/>
                  <a:pt x="1338" y="1408"/>
                </a:cubicBezTo>
                <a:cubicBezTo>
                  <a:pt x="1337" y="1409"/>
                  <a:pt x="1337" y="1410"/>
                  <a:pt x="1336" y="1410"/>
                </a:cubicBezTo>
                <a:cubicBezTo>
                  <a:pt x="1334" y="1411"/>
                  <a:pt x="1334" y="1410"/>
                  <a:pt x="1334" y="1410"/>
                </a:cubicBezTo>
                <a:cubicBezTo>
                  <a:pt x="1333" y="1409"/>
                  <a:pt x="1328" y="1409"/>
                  <a:pt x="1328" y="1411"/>
                </a:cubicBezTo>
                <a:cubicBezTo>
                  <a:pt x="1329" y="1412"/>
                  <a:pt x="1329" y="1411"/>
                  <a:pt x="1330" y="1412"/>
                </a:cubicBezTo>
                <a:cubicBezTo>
                  <a:pt x="1330" y="1412"/>
                  <a:pt x="1330" y="1412"/>
                  <a:pt x="1331" y="1413"/>
                </a:cubicBezTo>
                <a:cubicBezTo>
                  <a:pt x="1331" y="1414"/>
                  <a:pt x="1331" y="1414"/>
                  <a:pt x="1333" y="1414"/>
                </a:cubicBezTo>
                <a:cubicBezTo>
                  <a:pt x="1334" y="1414"/>
                  <a:pt x="1335" y="1414"/>
                  <a:pt x="1336" y="1414"/>
                </a:cubicBezTo>
                <a:cubicBezTo>
                  <a:pt x="1337" y="1413"/>
                  <a:pt x="1338" y="1414"/>
                  <a:pt x="1339" y="1414"/>
                </a:cubicBezTo>
                <a:cubicBezTo>
                  <a:pt x="1340" y="1414"/>
                  <a:pt x="1341" y="1414"/>
                  <a:pt x="1342" y="1413"/>
                </a:cubicBezTo>
                <a:cubicBezTo>
                  <a:pt x="1343" y="1413"/>
                  <a:pt x="1344" y="1413"/>
                  <a:pt x="1345" y="1413"/>
                </a:cubicBezTo>
                <a:cubicBezTo>
                  <a:pt x="1347" y="1414"/>
                  <a:pt x="1348" y="1413"/>
                  <a:pt x="1349" y="1412"/>
                </a:cubicBezTo>
                <a:cubicBezTo>
                  <a:pt x="1351" y="1412"/>
                  <a:pt x="1352" y="1412"/>
                  <a:pt x="1354" y="1412"/>
                </a:cubicBezTo>
                <a:cubicBezTo>
                  <a:pt x="1355" y="1412"/>
                  <a:pt x="1360" y="1412"/>
                  <a:pt x="1358" y="1414"/>
                </a:cubicBezTo>
                <a:cubicBezTo>
                  <a:pt x="1357" y="1415"/>
                  <a:pt x="1356" y="1415"/>
                  <a:pt x="1355" y="1416"/>
                </a:cubicBezTo>
                <a:cubicBezTo>
                  <a:pt x="1354" y="1416"/>
                  <a:pt x="1353" y="1417"/>
                  <a:pt x="1352" y="1418"/>
                </a:cubicBezTo>
                <a:cubicBezTo>
                  <a:pt x="1351" y="1419"/>
                  <a:pt x="1348" y="1419"/>
                  <a:pt x="1346" y="1419"/>
                </a:cubicBezTo>
                <a:cubicBezTo>
                  <a:pt x="1344" y="1420"/>
                  <a:pt x="1343" y="1421"/>
                  <a:pt x="1340" y="1421"/>
                </a:cubicBezTo>
                <a:cubicBezTo>
                  <a:pt x="1339" y="1421"/>
                  <a:pt x="1336" y="1421"/>
                  <a:pt x="1335" y="1423"/>
                </a:cubicBezTo>
                <a:cubicBezTo>
                  <a:pt x="1333" y="1425"/>
                  <a:pt x="1338" y="1423"/>
                  <a:pt x="1339" y="1423"/>
                </a:cubicBezTo>
                <a:cubicBezTo>
                  <a:pt x="1340" y="1423"/>
                  <a:pt x="1341" y="1424"/>
                  <a:pt x="1342" y="1423"/>
                </a:cubicBezTo>
                <a:cubicBezTo>
                  <a:pt x="1343" y="1423"/>
                  <a:pt x="1345" y="1423"/>
                  <a:pt x="1346" y="1422"/>
                </a:cubicBezTo>
                <a:cubicBezTo>
                  <a:pt x="1346" y="1422"/>
                  <a:pt x="1347" y="1422"/>
                  <a:pt x="1347" y="1421"/>
                </a:cubicBezTo>
                <a:cubicBezTo>
                  <a:pt x="1348" y="1421"/>
                  <a:pt x="1350" y="1421"/>
                  <a:pt x="1351" y="1421"/>
                </a:cubicBezTo>
                <a:cubicBezTo>
                  <a:pt x="1352" y="1422"/>
                  <a:pt x="1351" y="1422"/>
                  <a:pt x="1351" y="1423"/>
                </a:cubicBezTo>
                <a:cubicBezTo>
                  <a:pt x="1351" y="1424"/>
                  <a:pt x="1350" y="1424"/>
                  <a:pt x="1350" y="1424"/>
                </a:cubicBezTo>
                <a:cubicBezTo>
                  <a:pt x="1351" y="1425"/>
                  <a:pt x="1351" y="1425"/>
                  <a:pt x="1351" y="1425"/>
                </a:cubicBezTo>
                <a:cubicBezTo>
                  <a:pt x="1352" y="1425"/>
                  <a:pt x="1353" y="1425"/>
                  <a:pt x="1352" y="1426"/>
                </a:cubicBezTo>
                <a:cubicBezTo>
                  <a:pt x="1352" y="1427"/>
                  <a:pt x="1351" y="1426"/>
                  <a:pt x="1351" y="1428"/>
                </a:cubicBezTo>
                <a:cubicBezTo>
                  <a:pt x="1354" y="1428"/>
                  <a:pt x="1355" y="1426"/>
                  <a:pt x="1356" y="1424"/>
                </a:cubicBezTo>
                <a:cubicBezTo>
                  <a:pt x="1358" y="1423"/>
                  <a:pt x="1360" y="1422"/>
                  <a:pt x="1361" y="1420"/>
                </a:cubicBezTo>
                <a:cubicBezTo>
                  <a:pt x="1363" y="1419"/>
                  <a:pt x="1365" y="1419"/>
                  <a:pt x="1367" y="1419"/>
                </a:cubicBezTo>
                <a:cubicBezTo>
                  <a:pt x="1368" y="1420"/>
                  <a:pt x="1369" y="1420"/>
                  <a:pt x="1370" y="1421"/>
                </a:cubicBezTo>
                <a:cubicBezTo>
                  <a:pt x="1370" y="1422"/>
                  <a:pt x="1370" y="1423"/>
                  <a:pt x="1371" y="1424"/>
                </a:cubicBezTo>
                <a:cubicBezTo>
                  <a:pt x="1372" y="1424"/>
                  <a:pt x="1374" y="1423"/>
                  <a:pt x="1375" y="1425"/>
                </a:cubicBezTo>
                <a:cubicBezTo>
                  <a:pt x="1376" y="1426"/>
                  <a:pt x="1377" y="1427"/>
                  <a:pt x="1378" y="1425"/>
                </a:cubicBezTo>
                <a:cubicBezTo>
                  <a:pt x="1379" y="1423"/>
                  <a:pt x="1380" y="1423"/>
                  <a:pt x="1381" y="1425"/>
                </a:cubicBezTo>
                <a:cubicBezTo>
                  <a:pt x="1381" y="1426"/>
                  <a:pt x="1381" y="1427"/>
                  <a:pt x="1381" y="1428"/>
                </a:cubicBezTo>
                <a:cubicBezTo>
                  <a:pt x="1382" y="1430"/>
                  <a:pt x="1383" y="1430"/>
                  <a:pt x="1384" y="1431"/>
                </a:cubicBezTo>
                <a:cubicBezTo>
                  <a:pt x="1385" y="1432"/>
                  <a:pt x="1386" y="1434"/>
                  <a:pt x="1386" y="1435"/>
                </a:cubicBezTo>
                <a:cubicBezTo>
                  <a:pt x="1387" y="1436"/>
                  <a:pt x="1387" y="1436"/>
                  <a:pt x="1388" y="1436"/>
                </a:cubicBezTo>
                <a:cubicBezTo>
                  <a:pt x="1388" y="1437"/>
                  <a:pt x="1388" y="1438"/>
                  <a:pt x="1389" y="1439"/>
                </a:cubicBezTo>
                <a:cubicBezTo>
                  <a:pt x="1390" y="1439"/>
                  <a:pt x="1391" y="1439"/>
                  <a:pt x="1392" y="1438"/>
                </a:cubicBezTo>
                <a:cubicBezTo>
                  <a:pt x="1394" y="1438"/>
                  <a:pt x="1395" y="1440"/>
                  <a:pt x="1397" y="1440"/>
                </a:cubicBezTo>
                <a:cubicBezTo>
                  <a:pt x="1398" y="1440"/>
                  <a:pt x="1399" y="1440"/>
                  <a:pt x="1400" y="1441"/>
                </a:cubicBezTo>
                <a:cubicBezTo>
                  <a:pt x="1401" y="1441"/>
                  <a:pt x="1401" y="1441"/>
                  <a:pt x="1402" y="1442"/>
                </a:cubicBezTo>
                <a:cubicBezTo>
                  <a:pt x="1403" y="1443"/>
                  <a:pt x="1404" y="1443"/>
                  <a:pt x="1405" y="1443"/>
                </a:cubicBezTo>
                <a:cubicBezTo>
                  <a:pt x="1407" y="1442"/>
                  <a:pt x="1406" y="1442"/>
                  <a:pt x="1407" y="1441"/>
                </a:cubicBezTo>
                <a:cubicBezTo>
                  <a:pt x="1409" y="1440"/>
                  <a:pt x="1411" y="1441"/>
                  <a:pt x="1413" y="1440"/>
                </a:cubicBezTo>
                <a:cubicBezTo>
                  <a:pt x="1415" y="1439"/>
                  <a:pt x="1416" y="1436"/>
                  <a:pt x="1418" y="1438"/>
                </a:cubicBezTo>
                <a:cubicBezTo>
                  <a:pt x="1419" y="1438"/>
                  <a:pt x="1419" y="1439"/>
                  <a:pt x="1420" y="1440"/>
                </a:cubicBezTo>
                <a:cubicBezTo>
                  <a:pt x="1421" y="1440"/>
                  <a:pt x="1423" y="1440"/>
                  <a:pt x="1423" y="1440"/>
                </a:cubicBezTo>
                <a:cubicBezTo>
                  <a:pt x="1425" y="1439"/>
                  <a:pt x="1425" y="1439"/>
                  <a:pt x="1425" y="1438"/>
                </a:cubicBezTo>
                <a:cubicBezTo>
                  <a:pt x="1425" y="1436"/>
                  <a:pt x="1426" y="1436"/>
                  <a:pt x="1426" y="1435"/>
                </a:cubicBezTo>
                <a:cubicBezTo>
                  <a:pt x="1427" y="1433"/>
                  <a:pt x="1427" y="1430"/>
                  <a:pt x="1427" y="1428"/>
                </a:cubicBezTo>
                <a:cubicBezTo>
                  <a:pt x="1427" y="1426"/>
                  <a:pt x="1427" y="1425"/>
                  <a:pt x="1428" y="1423"/>
                </a:cubicBezTo>
                <a:cubicBezTo>
                  <a:pt x="1429" y="1421"/>
                  <a:pt x="1429" y="1419"/>
                  <a:pt x="1430" y="1417"/>
                </a:cubicBezTo>
                <a:cubicBezTo>
                  <a:pt x="1432" y="1416"/>
                  <a:pt x="1433" y="1419"/>
                  <a:pt x="1435" y="1419"/>
                </a:cubicBezTo>
                <a:cubicBezTo>
                  <a:pt x="1438" y="1420"/>
                  <a:pt x="1441" y="1418"/>
                  <a:pt x="1444" y="1419"/>
                </a:cubicBezTo>
                <a:cubicBezTo>
                  <a:pt x="1446" y="1419"/>
                  <a:pt x="1447" y="1421"/>
                  <a:pt x="1449" y="1421"/>
                </a:cubicBezTo>
                <a:cubicBezTo>
                  <a:pt x="1452" y="1421"/>
                  <a:pt x="1453" y="1422"/>
                  <a:pt x="1455" y="1424"/>
                </a:cubicBezTo>
                <a:cubicBezTo>
                  <a:pt x="1457" y="1425"/>
                  <a:pt x="1459" y="1425"/>
                  <a:pt x="1461" y="1426"/>
                </a:cubicBezTo>
                <a:cubicBezTo>
                  <a:pt x="1462" y="1427"/>
                  <a:pt x="1463" y="1427"/>
                  <a:pt x="1463" y="1428"/>
                </a:cubicBezTo>
                <a:cubicBezTo>
                  <a:pt x="1464" y="1429"/>
                  <a:pt x="1465" y="1429"/>
                  <a:pt x="1466" y="1430"/>
                </a:cubicBezTo>
                <a:cubicBezTo>
                  <a:pt x="1468" y="1430"/>
                  <a:pt x="1470" y="1431"/>
                  <a:pt x="1472" y="1433"/>
                </a:cubicBezTo>
                <a:cubicBezTo>
                  <a:pt x="1473" y="1435"/>
                  <a:pt x="1475" y="1436"/>
                  <a:pt x="1477" y="1437"/>
                </a:cubicBezTo>
                <a:cubicBezTo>
                  <a:pt x="1479" y="1438"/>
                  <a:pt x="1480" y="1439"/>
                  <a:pt x="1481" y="1441"/>
                </a:cubicBezTo>
                <a:cubicBezTo>
                  <a:pt x="1485" y="1444"/>
                  <a:pt x="1489" y="1444"/>
                  <a:pt x="1493" y="1444"/>
                </a:cubicBezTo>
                <a:cubicBezTo>
                  <a:pt x="1496" y="1444"/>
                  <a:pt x="1498" y="1443"/>
                  <a:pt x="1500" y="1443"/>
                </a:cubicBezTo>
                <a:cubicBezTo>
                  <a:pt x="1502" y="1443"/>
                  <a:pt x="1505" y="1443"/>
                  <a:pt x="1508" y="1443"/>
                </a:cubicBezTo>
                <a:cubicBezTo>
                  <a:pt x="1513" y="1443"/>
                  <a:pt x="1518" y="1443"/>
                  <a:pt x="1524" y="1442"/>
                </a:cubicBezTo>
                <a:cubicBezTo>
                  <a:pt x="1526" y="1441"/>
                  <a:pt x="1529" y="1440"/>
                  <a:pt x="1530" y="1438"/>
                </a:cubicBezTo>
                <a:cubicBezTo>
                  <a:pt x="1531" y="1435"/>
                  <a:pt x="1532" y="1434"/>
                  <a:pt x="1534" y="1432"/>
                </a:cubicBezTo>
                <a:cubicBezTo>
                  <a:pt x="1536" y="1431"/>
                  <a:pt x="1538" y="1429"/>
                  <a:pt x="1540" y="1427"/>
                </a:cubicBezTo>
                <a:cubicBezTo>
                  <a:pt x="1542" y="1426"/>
                  <a:pt x="1544" y="1425"/>
                  <a:pt x="1546" y="1424"/>
                </a:cubicBezTo>
                <a:cubicBezTo>
                  <a:pt x="1548" y="1422"/>
                  <a:pt x="1550" y="1421"/>
                  <a:pt x="1553" y="1421"/>
                </a:cubicBezTo>
                <a:cubicBezTo>
                  <a:pt x="1555" y="1421"/>
                  <a:pt x="1556" y="1423"/>
                  <a:pt x="1558" y="1423"/>
                </a:cubicBezTo>
                <a:cubicBezTo>
                  <a:pt x="1559" y="1424"/>
                  <a:pt x="1560" y="1424"/>
                  <a:pt x="1561" y="1424"/>
                </a:cubicBezTo>
                <a:cubicBezTo>
                  <a:pt x="1562" y="1425"/>
                  <a:pt x="1562" y="1425"/>
                  <a:pt x="1563" y="1426"/>
                </a:cubicBezTo>
                <a:cubicBezTo>
                  <a:pt x="1564" y="1426"/>
                  <a:pt x="1565" y="1426"/>
                  <a:pt x="1566" y="1427"/>
                </a:cubicBezTo>
                <a:cubicBezTo>
                  <a:pt x="1567" y="1427"/>
                  <a:pt x="1568" y="1428"/>
                  <a:pt x="1569" y="1429"/>
                </a:cubicBezTo>
                <a:cubicBezTo>
                  <a:pt x="1571" y="1430"/>
                  <a:pt x="1574" y="1428"/>
                  <a:pt x="1575" y="1427"/>
                </a:cubicBezTo>
                <a:cubicBezTo>
                  <a:pt x="1576" y="1426"/>
                  <a:pt x="1576" y="1425"/>
                  <a:pt x="1577" y="1424"/>
                </a:cubicBezTo>
                <a:cubicBezTo>
                  <a:pt x="1578" y="1424"/>
                  <a:pt x="1579" y="1424"/>
                  <a:pt x="1580" y="1423"/>
                </a:cubicBezTo>
                <a:cubicBezTo>
                  <a:pt x="1582" y="1422"/>
                  <a:pt x="1583" y="1420"/>
                  <a:pt x="1584" y="1419"/>
                </a:cubicBezTo>
                <a:cubicBezTo>
                  <a:pt x="1585" y="1417"/>
                  <a:pt x="1587" y="1416"/>
                  <a:pt x="1589" y="1416"/>
                </a:cubicBezTo>
                <a:cubicBezTo>
                  <a:pt x="1590" y="1417"/>
                  <a:pt x="1590" y="1418"/>
                  <a:pt x="1591" y="1418"/>
                </a:cubicBezTo>
                <a:cubicBezTo>
                  <a:pt x="1592" y="1419"/>
                  <a:pt x="1593" y="1419"/>
                  <a:pt x="1593" y="1419"/>
                </a:cubicBezTo>
                <a:cubicBezTo>
                  <a:pt x="1594" y="1421"/>
                  <a:pt x="1594" y="1423"/>
                  <a:pt x="1593" y="1424"/>
                </a:cubicBezTo>
                <a:cubicBezTo>
                  <a:pt x="1593" y="1424"/>
                  <a:pt x="1592" y="1425"/>
                  <a:pt x="1591" y="1425"/>
                </a:cubicBezTo>
                <a:cubicBezTo>
                  <a:pt x="1591" y="1426"/>
                  <a:pt x="1591" y="1428"/>
                  <a:pt x="1590" y="1429"/>
                </a:cubicBezTo>
                <a:cubicBezTo>
                  <a:pt x="1590" y="1430"/>
                  <a:pt x="1588" y="1431"/>
                  <a:pt x="1587" y="1432"/>
                </a:cubicBezTo>
                <a:cubicBezTo>
                  <a:pt x="1587" y="1433"/>
                  <a:pt x="1587" y="1433"/>
                  <a:pt x="1586" y="1434"/>
                </a:cubicBezTo>
                <a:cubicBezTo>
                  <a:pt x="1585" y="1435"/>
                  <a:pt x="1584" y="1436"/>
                  <a:pt x="1584" y="1437"/>
                </a:cubicBezTo>
                <a:cubicBezTo>
                  <a:pt x="1583" y="1438"/>
                  <a:pt x="1582" y="1441"/>
                  <a:pt x="1584" y="1442"/>
                </a:cubicBezTo>
                <a:cubicBezTo>
                  <a:pt x="1586" y="1443"/>
                  <a:pt x="1587" y="1444"/>
                  <a:pt x="1588" y="1447"/>
                </a:cubicBezTo>
                <a:cubicBezTo>
                  <a:pt x="1588" y="1450"/>
                  <a:pt x="1587" y="1449"/>
                  <a:pt x="1584" y="1451"/>
                </a:cubicBezTo>
                <a:cubicBezTo>
                  <a:pt x="1583" y="1452"/>
                  <a:pt x="1583" y="1454"/>
                  <a:pt x="1583" y="1456"/>
                </a:cubicBezTo>
                <a:cubicBezTo>
                  <a:pt x="1583" y="1458"/>
                  <a:pt x="1583" y="1459"/>
                  <a:pt x="1582" y="1460"/>
                </a:cubicBezTo>
                <a:cubicBezTo>
                  <a:pt x="1582" y="1460"/>
                  <a:pt x="1581" y="1461"/>
                  <a:pt x="1581" y="1462"/>
                </a:cubicBezTo>
                <a:cubicBezTo>
                  <a:pt x="1582" y="1464"/>
                  <a:pt x="1584" y="1464"/>
                  <a:pt x="1585" y="1466"/>
                </a:cubicBezTo>
                <a:cubicBezTo>
                  <a:pt x="1587" y="1468"/>
                  <a:pt x="1586" y="1473"/>
                  <a:pt x="1585" y="1476"/>
                </a:cubicBezTo>
                <a:cubicBezTo>
                  <a:pt x="1585" y="1479"/>
                  <a:pt x="1586" y="1481"/>
                  <a:pt x="1586" y="1484"/>
                </a:cubicBezTo>
                <a:cubicBezTo>
                  <a:pt x="1586" y="1486"/>
                  <a:pt x="1585" y="1487"/>
                  <a:pt x="1586" y="1489"/>
                </a:cubicBezTo>
                <a:cubicBezTo>
                  <a:pt x="1588" y="1491"/>
                  <a:pt x="1588" y="1493"/>
                  <a:pt x="1587" y="1495"/>
                </a:cubicBezTo>
                <a:cubicBezTo>
                  <a:pt x="1587" y="1497"/>
                  <a:pt x="1585" y="1498"/>
                  <a:pt x="1584" y="1500"/>
                </a:cubicBezTo>
                <a:cubicBezTo>
                  <a:pt x="1582" y="1501"/>
                  <a:pt x="1581" y="1502"/>
                  <a:pt x="1580" y="1504"/>
                </a:cubicBezTo>
                <a:cubicBezTo>
                  <a:pt x="1579" y="1506"/>
                  <a:pt x="1579" y="1507"/>
                  <a:pt x="1578" y="1509"/>
                </a:cubicBezTo>
                <a:cubicBezTo>
                  <a:pt x="1578" y="1511"/>
                  <a:pt x="1577" y="1514"/>
                  <a:pt x="1576" y="1515"/>
                </a:cubicBezTo>
                <a:cubicBezTo>
                  <a:pt x="1576" y="1516"/>
                  <a:pt x="1575" y="1517"/>
                  <a:pt x="1574" y="1518"/>
                </a:cubicBezTo>
                <a:cubicBezTo>
                  <a:pt x="1574" y="1519"/>
                  <a:pt x="1574" y="1520"/>
                  <a:pt x="1573" y="1521"/>
                </a:cubicBezTo>
                <a:cubicBezTo>
                  <a:pt x="1572" y="1522"/>
                  <a:pt x="1572" y="1523"/>
                  <a:pt x="1571" y="1523"/>
                </a:cubicBezTo>
                <a:cubicBezTo>
                  <a:pt x="1571" y="1525"/>
                  <a:pt x="1571" y="1526"/>
                  <a:pt x="1571" y="1527"/>
                </a:cubicBezTo>
                <a:cubicBezTo>
                  <a:pt x="1570" y="1528"/>
                  <a:pt x="1570" y="1528"/>
                  <a:pt x="1569" y="1529"/>
                </a:cubicBezTo>
                <a:cubicBezTo>
                  <a:pt x="1569" y="1530"/>
                  <a:pt x="1568" y="1532"/>
                  <a:pt x="1568" y="1533"/>
                </a:cubicBezTo>
                <a:cubicBezTo>
                  <a:pt x="1568" y="1534"/>
                  <a:pt x="1567" y="1534"/>
                  <a:pt x="1566" y="1535"/>
                </a:cubicBezTo>
                <a:cubicBezTo>
                  <a:pt x="1566" y="1536"/>
                  <a:pt x="1566" y="1537"/>
                  <a:pt x="1565" y="1538"/>
                </a:cubicBezTo>
                <a:cubicBezTo>
                  <a:pt x="1565" y="1540"/>
                  <a:pt x="1564" y="1541"/>
                  <a:pt x="1563" y="1543"/>
                </a:cubicBezTo>
                <a:cubicBezTo>
                  <a:pt x="1561" y="1544"/>
                  <a:pt x="1562" y="1546"/>
                  <a:pt x="1562" y="1548"/>
                </a:cubicBezTo>
                <a:cubicBezTo>
                  <a:pt x="1562" y="1550"/>
                  <a:pt x="1561" y="1552"/>
                  <a:pt x="1560" y="1554"/>
                </a:cubicBezTo>
                <a:cubicBezTo>
                  <a:pt x="1560" y="1555"/>
                  <a:pt x="1559" y="1555"/>
                  <a:pt x="1559" y="1556"/>
                </a:cubicBezTo>
                <a:cubicBezTo>
                  <a:pt x="1558" y="1558"/>
                  <a:pt x="1558" y="1559"/>
                  <a:pt x="1558" y="1561"/>
                </a:cubicBezTo>
                <a:cubicBezTo>
                  <a:pt x="1557" y="1562"/>
                  <a:pt x="1556" y="1563"/>
                  <a:pt x="1556" y="1564"/>
                </a:cubicBezTo>
                <a:cubicBezTo>
                  <a:pt x="1555" y="1566"/>
                  <a:pt x="1555" y="1568"/>
                  <a:pt x="1554" y="1570"/>
                </a:cubicBezTo>
                <a:cubicBezTo>
                  <a:pt x="1554" y="1572"/>
                  <a:pt x="1553" y="1573"/>
                  <a:pt x="1552" y="1575"/>
                </a:cubicBezTo>
                <a:cubicBezTo>
                  <a:pt x="1552" y="1577"/>
                  <a:pt x="1552" y="1579"/>
                  <a:pt x="1550" y="1581"/>
                </a:cubicBezTo>
                <a:cubicBezTo>
                  <a:pt x="1548" y="1584"/>
                  <a:pt x="1547" y="1588"/>
                  <a:pt x="1546" y="1591"/>
                </a:cubicBezTo>
                <a:cubicBezTo>
                  <a:pt x="1545" y="1593"/>
                  <a:pt x="1544" y="1594"/>
                  <a:pt x="1542" y="1595"/>
                </a:cubicBezTo>
                <a:cubicBezTo>
                  <a:pt x="1541" y="1597"/>
                  <a:pt x="1540" y="1598"/>
                  <a:pt x="1539" y="1600"/>
                </a:cubicBezTo>
                <a:cubicBezTo>
                  <a:pt x="1537" y="1602"/>
                  <a:pt x="1534" y="1603"/>
                  <a:pt x="1530" y="1605"/>
                </a:cubicBezTo>
                <a:cubicBezTo>
                  <a:pt x="1529" y="1606"/>
                  <a:pt x="1528" y="1607"/>
                  <a:pt x="1526" y="1607"/>
                </a:cubicBezTo>
                <a:cubicBezTo>
                  <a:pt x="1525" y="1607"/>
                  <a:pt x="1524" y="1607"/>
                  <a:pt x="1523" y="1608"/>
                </a:cubicBezTo>
                <a:cubicBezTo>
                  <a:pt x="1523" y="1608"/>
                  <a:pt x="1522" y="1608"/>
                  <a:pt x="1522" y="1608"/>
                </a:cubicBezTo>
                <a:cubicBezTo>
                  <a:pt x="1519" y="1609"/>
                  <a:pt x="1516" y="1611"/>
                  <a:pt x="1513" y="1610"/>
                </a:cubicBezTo>
                <a:cubicBezTo>
                  <a:pt x="1510" y="1608"/>
                  <a:pt x="1508" y="1606"/>
                  <a:pt x="1504" y="1606"/>
                </a:cubicBezTo>
                <a:cubicBezTo>
                  <a:pt x="1501" y="1606"/>
                  <a:pt x="1495" y="1607"/>
                  <a:pt x="1495" y="1611"/>
                </a:cubicBezTo>
                <a:cubicBezTo>
                  <a:pt x="1498" y="1610"/>
                  <a:pt x="1500" y="1608"/>
                  <a:pt x="1503" y="1607"/>
                </a:cubicBezTo>
                <a:cubicBezTo>
                  <a:pt x="1505" y="1607"/>
                  <a:pt x="1508" y="1608"/>
                  <a:pt x="1510" y="1610"/>
                </a:cubicBezTo>
                <a:cubicBezTo>
                  <a:pt x="1510" y="1612"/>
                  <a:pt x="1507" y="1611"/>
                  <a:pt x="1505" y="1611"/>
                </a:cubicBezTo>
                <a:cubicBezTo>
                  <a:pt x="1502" y="1611"/>
                  <a:pt x="1501" y="1612"/>
                  <a:pt x="1499" y="1612"/>
                </a:cubicBezTo>
                <a:cubicBezTo>
                  <a:pt x="1496" y="1613"/>
                  <a:pt x="1490" y="1613"/>
                  <a:pt x="1487" y="1611"/>
                </a:cubicBezTo>
                <a:cubicBezTo>
                  <a:pt x="1485" y="1610"/>
                  <a:pt x="1483" y="1608"/>
                  <a:pt x="1481" y="1606"/>
                </a:cubicBezTo>
                <a:cubicBezTo>
                  <a:pt x="1479" y="1604"/>
                  <a:pt x="1476" y="1603"/>
                  <a:pt x="1473" y="1601"/>
                </a:cubicBezTo>
                <a:cubicBezTo>
                  <a:pt x="1470" y="1599"/>
                  <a:pt x="1469" y="1595"/>
                  <a:pt x="1465" y="1596"/>
                </a:cubicBezTo>
                <a:cubicBezTo>
                  <a:pt x="1461" y="1598"/>
                  <a:pt x="1459" y="1600"/>
                  <a:pt x="1455" y="1598"/>
                </a:cubicBezTo>
                <a:cubicBezTo>
                  <a:pt x="1453" y="1597"/>
                  <a:pt x="1451" y="1597"/>
                  <a:pt x="1449" y="1596"/>
                </a:cubicBezTo>
                <a:cubicBezTo>
                  <a:pt x="1447" y="1596"/>
                  <a:pt x="1445" y="1595"/>
                  <a:pt x="1442" y="1595"/>
                </a:cubicBezTo>
                <a:cubicBezTo>
                  <a:pt x="1439" y="1595"/>
                  <a:pt x="1436" y="1594"/>
                  <a:pt x="1433" y="1595"/>
                </a:cubicBezTo>
                <a:cubicBezTo>
                  <a:pt x="1430" y="1597"/>
                  <a:pt x="1427" y="1598"/>
                  <a:pt x="1424" y="1599"/>
                </a:cubicBezTo>
                <a:cubicBezTo>
                  <a:pt x="1421" y="1601"/>
                  <a:pt x="1419" y="1603"/>
                  <a:pt x="1415" y="1605"/>
                </a:cubicBezTo>
                <a:cubicBezTo>
                  <a:pt x="1412" y="1606"/>
                  <a:pt x="1408" y="1607"/>
                  <a:pt x="1405" y="1609"/>
                </a:cubicBezTo>
                <a:cubicBezTo>
                  <a:pt x="1401" y="1612"/>
                  <a:pt x="1398" y="1613"/>
                  <a:pt x="1394" y="1615"/>
                </a:cubicBezTo>
                <a:cubicBezTo>
                  <a:pt x="1390" y="1616"/>
                  <a:pt x="1388" y="1619"/>
                  <a:pt x="1384" y="1619"/>
                </a:cubicBezTo>
                <a:cubicBezTo>
                  <a:pt x="1380" y="1619"/>
                  <a:pt x="1377" y="1616"/>
                  <a:pt x="1374" y="1614"/>
                </a:cubicBezTo>
                <a:cubicBezTo>
                  <a:pt x="1370" y="1612"/>
                  <a:pt x="1366" y="1612"/>
                  <a:pt x="1362" y="1612"/>
                </a:cubicBezTo>
                <a:cubicBezTo>
                  <a:pt x="1358" y="1612"/>
                  <a:pt x="1354" y="1613"/>
                  <a:pt x="1350" y="1611"/>
                </a:cubicBezTo>
                <a:cubicBezTo>
                  <a:pt x="1348" y="1611"/>
                  <a:pt x="1347" y="1610"/>
                  <a:pt x="1345" y="1609"/>
                </a:cubicBezTo>
                <a:cubicBezTo>
                  <a:pt x="1344" y="1608"/>
                  <a:pt x="1342" y="1608"/>
                  <a:pt x="1340" y="1607"/>
                </a:cubicBezTo>
                <a:cubicBezTo>
                  <a:pt x="1334" y="1605"/>
                  <a:pt x="1326" y="1601"/>
                  <a:pt x="1319" y="1600"/>
                </a:cubicBezTo>
                <a:cubicBezTo>
                  <a:pt x="1315" y="1599"/>
                  <a:pt x="1311" y="1599"/>
                  <a:pt x="1307" y="1598"/>
                </a:cubicBezTo>
                <a:cubicBezTo>
                  <a:pt x="1303" y="1596"/>
                  <a:pt x="1300" y="1594"/>
                  <a:pt x="1296" y="1594"/>
                </a:cubicBezTo>
                <a:cubicBezTo>
                  <a:pt x="1292" y="1593"/>
                  <a:pt x="1288" y="1593"/>
                  <a:pt x="1284" y="1594"/>
                </a:cubicBezTo>
                <a:cubicBezTo>
                  <a:pt x="1280" y="1596"/>
                  <a:pt x="1276" y="1598"/>
                  <a:pt x="1272" y="1597"/>
                </a:cubicBezTo>
                <a:cubicBezTo>
                  <a:pt x="1269" y="1597"/>
                  <a:pt x="1268" y="1595"/>
                  <a:pt x="1267" y="1593"/>
                </a:cubicBezTo>
                <a:cubicBezTo>
                  <a:pt x="1266" y="1592"/>
                  <a:pt x="1265" y="1591"/>
                  <a:pt x="1265" y="1590"/>
                </a:cubicBezTo>
                <a:cubicBezTo>
                  <a:pt x="1264" y="1588"/>
                  <a:pt x="1265" y="1587"/>
                  <a:pt x="1264" y="1585"/>
                </a:cubicBezTo>
                <a:cubicBezTo>
                  <a:pt x="1262" y="1581"/>
                  <a:pt x="1255" y="1579"/>
                  <a:pt x="1250" y="1580"/>
                </a:cubicBezTo>
                <a:cubicBezTo>
                  <a:pt x="1248" y="1580"/>
                  <a:pt x="1246" y="1581"/>
                  <a:pt x="1244" y="1581"/>
                </a:cubicBezTo>
                <a:cubicBezTo>
                  <a:pt x="1242" y="1581"/>
                  <a:pt x="1240" y="1580"/>
                  <a:pt x="1239" y="1579"/>
                </a:cubicBezTo>
                <a:cubicBezTo>
                  <a:pt x="1235" y="1579"/>
                  <a:pt x="1232" y="1576"/>
                  <a:pt x="1228" y="1576"/>
                </a:cubicBezTo>
                <a:cubicBezTo>
                  <a:pt x="1226" y="1576"/>
                  <a:pt x="1224" y="1576"/>
                  <a:pt x="1222" y="1575"/>
                </a:cubicBezTo>
                <a:cubicBezTo>
                  <a:pt x="1220" y="1574"/>
                  <a:pt x="1219" y="1574"/>
                  <a:pt x="1216" y="1573"/>
                </a:cubicBezTo>
                <a:cubicBezTo>
                  <a:pt x="1212" y="1573"/>
                  <a:pt x="1207" y="1573"/>
                  <a:pt x="1206" y="1568"/>
                </a:cubicBezTo>
                <a:cubicBezTo>
                  <a:pt x="1205" y="1565"/>
                  <a:pt x="1208" y="1561"/>
                  <a:pt x="1205" y="1559"/>
                </a:cubicBezTo>
                <a:cubicBezTo>
                  <a:pt x="1204" y="1558"/>
                  <a:pt x="1201" y="1558"/>
                  <a:pt x="1200" y="1557"/>
                </a:cubicBezTo>
                <a:cubicBezTo>
                  <a:pt x="1198" y="1556"/>
                  <a:pt x="1196" y="1556"/>
                  <a:pt x="1194" y="1555"/>
                </a:cubicBezTo>
                <a:cubicBezTo>
                  <a:pt x="1192" y="1555"/>
                  <a:pt x="1190" y="1555"/>
                  <a:pt x="1188" y="1554"/>
                </a:cubicBezTo>
                <a:cubicBezTo>
                  <a:pt x="1186" y="1554"/>
                  <a:pt x="1184" y="1553"/>
                  <a:pt x="1182" y="1552"/>
                </a:cubicBezTo>
                <a:cubicBezTo>
                  <a:pt x="1174" y="1550"/>
                  <a:pt x="1166" y="1551"/>
                  <a:pt x="1159" y="1553"/>
                </a:cubicBezTo>
                <a:cubicBezTo>
                  <a:pt x="1151" y="1556"/>
                  <a:pt x="1143" y="1558"/>
                  <a:pt x="1136" y="1559"/>
                </a:cubicBezTo>
                <a:cubicBezTo>
                  <a:pt x="1128" y="1561"/>
                  <a:pt x="1124" y="1569"/>
                  <a:pt x="1119" y="1575"/>
                </a:cubicBezTo>
                <a:cubicBezTo>
                  <a:pt x="1114" y="1581"/>
                  <a:pt x="1109" y="1587"/>
                  <a:pt x="1112" y="1595"/>
                </a:cubicBezTo>
                <a:cubicBezTo>
                  <a:pt x="1115" y="1603"/>
                  <a:pt x="1120" y="1608"/>
                  <a:pt x="1117" y="1616"/>
                </a:cubicBezTo>
                <a:cubicBezTo>
                  <a:pt x="1115" y="1620"/>
                  <a:pt x="1113" y="1622"/>
                  <a:pt x="1110" y="1625"/>
                </a:cubicBezTo>
                <a:cubicBezTo>
                  <a:pt x="1107" y="1627"/>
                  <a:pt x="1105" y="1629"/>
                  <a:pt x="1102" y="1632"/>
                </a:cubicBezTo>
                <a:cubicBezTo>
                  <a:pt x="1097" y="1637"/>
                  <a:pt x="1087" y="1640"/>
                  <a:pt x="1081" y="1636"/>
                </a:cubicBezTo>
                <a:cubicBezTo>
                  <a:pt x="1077" y="1633"/>
                  <a:pt x="1075" y="1631"/>
                  <a:pt x="1071" y="1629"/>
                </a:cubicBezTo>
                <a:cubicBezTo>
                  <a:pt x="1068" y="1628"/>
                  <a:pt x="1066" y="1626"/>
                  <a:pt x="1063" y="1623"/>
                </a:cubicBezTo>
                <a:cubicBezTo>
                  <a:pt x="1060" y="1621"/>
                  <a:pt x="1056" y="1620"/>
                  <a:pt x="1052" y="1617"/>
                </a:cubicBezTo>
                <a:cubicBezTo>
                  <a:pt x="1051" y="1616"/>
                  <a:pt x="1049" y="1614"/>
                  <a:pt x="1047" y="1613"/>
                </a:cubicBezTo>
                <a:cubicBezTo>
                  <a:pt x="1046" y="1612"/>
                  <a:pt x="1043" y="1612"/>
                  <a:pt x="1041" y="1612"/>
                </a:cubicBezTo>
                <a:cubicBezTo>
                  <a:pt x="1039" y="1611"/>
                  <a:pt x="1037" y="1610"/>
                  <a:pt x="1035" y="1609"/>
                </a:cubicBezTo>
                <a:cubicBezTo>
                  <a:pt x="1032" y="1608"/>
                  <a:pt x="1030" y="1609"/>
                  <a:pt x="1027" y="1609"/>
                </a:cubicBezTo>
                <a:cubicBezTo>
                  <a:pt x="1025" y="1608"/>
                  <a:pt x="1022" y="1607"/>
                  <a:pt x="1019" y="1606"/>
                </a:cubicBezTo>
                <a:cubicBezTo>
                  <a:pt x="1015" y="1605"/>
                  <a:pt x="1011" y="1605"/>
                  <a:pt x="1007" y="1605"/>
                </a:cubicBezTo>
                <a:cubicBezTo>
                  <a:pt x="1000" y="1604"/>
                  <a:pt x="991" y="1602"/>
                  <a:pt x="985" y="1598"/>
                </a:cubicBezTo>
                <a:cubicBezTo>
                  <a:pt x="982" y="1595"/>
                  <a:pt x="979" y="1591"/>
                  <a:pt x="977" y="1588"/>
                </a:cubicBezTo>
                <a:cubicBezTo>
                  <a:pt x="975" y="1584"/>
                  <a:pt x="975" y="1581"/>
                  <a:pt x="975" y="1577"/>
                </a:cubicBezTo>
                <a:cubicBezTo>
                  <a:pt x="975" y="1573"/>
                  <a:pt x="973" y="1570"/>
                  <a:pt x="969" y="1567"/>
                </a:cubicBezTo>
                <a:cubicBezTo>
                  <a:pt x="966" y="1565"/>
                  <a:pt x="961" y="1566"/>
                  <a:pt x="957" y="1565"/>
                </a:cubicBezTo>
                <a:cubicBezTo>
                  <a:pt x="954" y="1564"/>
                  <a:pt x="949" y="1564"/>
                  <a:pt x="946" y="1562"/>
                </a:cubicBezTo>
                <a:cubicBezTo>
                  <a:pt x="942" y="1560"/>
                  <a:pt x="939" y="1558"/>
                  <a:pt x="935" y="1556"/>
                </a:cubicBezTo>
                <a:cubicBezTo>
                  <a:pt x="927" y="1553"/>
                  <a:pt x="919" y="1553"/>
                  <a:pt x="911" y="1553"/>
                </a:cubicBezTo>
                <a:cubicBezTo>
                  <a:pt x="902" y="1553"/>
                  <a:pt x="894" y="1555"/>
                  <a:pt x="886" y="1552"/>
                </a:cubicBezTo>
                <a:cubicBezTo>
                  <a:pt x="882" y="1551"/>
                  <a:pt x="878" y="1548"/>
                  <a:pt x="875" y="1546"/>
                </a:cubicBezTo>
                <a:cubicBezTo>
                  <a:pt x="871" y="1544"/>
                  <a:pt x="867" y="1543"/>
                  <a:pt x="864" y="1542"/>
                </a:cubicBezTo>
                <a:cubicBezTo>
                  <a:pt x="861" y="1542"/>
                  <a:pt x="858" y="1542"/>
                  <a:pt x="855" y="1541"/>
                </a:cubicBezTo>
                <a:cubicBezTo>
                  <a:pt x="854" y="1540"/>
                  <a:pt x="851" y="1540"/>
                  <a:pt x="851" y="1539"/>
                </a:cubicBezTo>
                <a:cubicBezTo>
                  <a:pt x="850" y="1538"/>
                  <a:pt x="850" y="1536"/>
                  <a:pt x="850" y="1534"/>
                </a:cubicBezTo>
                <a:cubicBezTo>
                  <a:pt x="850" y="1531"/>
                  <a:pt x="849" y="1527"/>
                  <a:pt x="846" y="1527"/>
                </a:cubicBezTo>
                <a:cubicBezTo>
                  <a:pt x="842" y="1527"/>
                  <a:pt x="843" y="1533"/>
                  <a:pt x="838" y="1532"/>
                </a:cubicBezTo>
                <a:cubicBezTo>
                  <a:pt x="837" y="1529"/>
                  <a:pt x="841" y="1525"/>
                  <a:pt x="837" y="1524"/>
                </a:cubicBezTo>
                <a:cubicBezTo>
                  <a:pt x="834" y="1524"/>
                  <a:pt x="832" y="1526"/>
                  <a:pt x="829" y="1525"/>
                </a:cubicBezTo>
                <a:cubicBezTo>
                  <a:pt x="827" y="1524"/>
                  <a:pt x="826" y="1522"/>
                  <a:pt x="824" y="1520"/>
                </a:cubicBezTo>
                <a:cubicBezTo>
                  <a:pt x="823" y="1519"/>
                  <a:pt x="821" y="1519"/>
                  <a:pt x="820" y="1518"/>
                </a:cubicBezTo>
                <a:cubicBezTo>
                  <a:pt x="818" y="1515"/>
                  <a:pt x="818" y="1508"/>
                  <a:pt x="820" y="1506"/>
                </a:cubicBezTo>
                <a:cubicBezTo>
                  <a:pt x="821" y="1505"/>
                  <a:pt x="824" y="1505"/>
                  <a:pt x="825" y="1504"/>
                </a:cubicBezTo>
                <a:cubicBezTo>
                  <a:pt x="826" y="1502"/>
                  <a:pt x="827" y="1501"/>
                  <a:pt x="828" y="1500"/>
                </a:cubicBezTo>
                <a:cubicBezTo>
                  <a:pt x="831" y="1497"/>
                  <a:pt x="836" y="1497"/>
                  <a:pt x="838" y="1494"/>
                </a:cubicBezTo>
                <a:cubicBezTo>
                  <a:pt x="841" y="1491"/>
                  <a:pt x="842" y="1487"/>
                  <a:pt x="843" y="1484"/>
                </a:cubicBezTo>
                <a:cubicBezTo>
                  <a:pt x="845" y="1480"/>
                  <a:pt x="848" y="1479"/>
                  <a:pt x="850" y="1476"/>
                </a:cubicBezTo>
                <a:cubicBezTo>
                  <a:pt x="853" y="1472"/>
                  <a:pt x="849" y="1469"/>
                  <a:pt x="848" y="1465"/>
                </a:cubicBezTo>
                <a:cubicBezTo>
                  <a:pt x="848" y="1464"/>
                  <a:pt x="849" y="1462"/>
                  <a:pt x="847" y="1461"/>
                </a:cubicBezTo>
                <a:cubicBezTo>
                  <a:pt x="845" y="1459"/>
                  <a:pt x="843" y="1459"/>
                  <a:pt x="841" y="1457"/>
                </a:cubicBezTo>
                <a:cubicBezTo>
                  <a:pt x="839" y="1456"/>
                  <a:pt x="837" y="1453"/>
                  <a:pt x="835" y="1451"/>
                </a:cubicBezTo>
                <a:cubicBezTo>
                  <a:pt x="832" y="1448"/>
                  <a:pt x="830" y="1439"/>
                  <a:pt x="833" y="1435"/>
                </a:cubicBezTo>
                <a:cubicBezTo>
                  <a:pt x="835" y="1431"/>
                  <a:pt x="840" y="1432"/>
                  <a:pt x="843" y="1429"/>
                </a:cubicBezTo>
                <a:cubicBezTo>
                  <a:pt x="846" y="1426"/>
                  <a:pt x="846" y="1422"/>
                  <a:pt x="848" y="1419"/>
                </a:cubicBezTo>
                <a:cubicBezTo>
                  <a:pt x="850" y="1415"/>
                  <a:pt x="851" y="1413"/>
                  <a:pt x="848" y="1410"/>
                </a:cubicBezTo>
                <a:cubicBezTo>
                  <a:pt x="845" y="1407"/>
                  <a:pt x="843" y="1413"/>
                  <a:pt x="840" y="1416"/>
                </a:cubicBezTo>
                <a:cubicBezTo>
                  <a:pt x="839" y="1417"/>
                  <a:pt x="837" y="1417"/>
                  <a:pt x="835" y="1418"/>
                </a:cubicBezTo>
                <a:cubicBezTo>
                  <a:pt x="833" y="1418"/>
                  <a:pt x="833" y="1420"/>
                  <a:pt x="832" y="1421"/>
                </a:cubicBezTo>
                <a:cubicBezTo>
                  <a:pt x="830" y="1422"/>
                  <a:pt x="828" y="1423"/>
                  <a:pt x="827" y="1422"/>
                </a:cubicBezTo>
                <a:cubicBezTo>
                  <a:pt x="825" y="1420"/>
                  <a:pt x="826" y="1419"/>
                  <a:pt x="826" y="1417"/>
                </a:cubicBezTo>
                <a:cubicBezTo>
                  <a:pt x="827" y="1411"/>
                  <a:pt x="816" y="1397"/>
                  <a:pt x="812" y="1406"/>
                </a:cubicBezTo>
                <a:cubicBezTo>
                  <a:pt x="809" y="1407"/>
                  <a:pt x="810" y="1400"/>
                  <a:pt x="805" y="1402"/>
                </a:cubicBezTo>
                <a:cubicBezTo>
                  <a:pt x="803" y="1402"/>
                  <a:pt x="802" y="1404"/>
                  <a:pt x="800" y="1404"/>
                </a:cubicBezTo>
                <a:cubicBezTo>
                  <a:pt x="798" y="1405"/>
                  <a:pt x="797" y="1405"/>
                  <a:pt x="795" y="1405"/>
                </a:cubicBezTo>
                <a:cubicBezTo>
                  <a:pt x="792" y="1406"/>
                  <a:pt x="789" y="1407"/>
                  <a:pt x="786" y="1409"/>
                </a:cubicBezTo>
                <a:cubicBezTo>
                  <a:pt x="784" y="1411"/>
                  <a:pt x="782" y="1414"/>
                  <a:pt x="778" y="1414"/>
                </a:cubicBezTo>
                <a:cubicBezTo>
                  <a:pt x="775" y="1415"/>
                  <a:pt x="771" y="1416"/>
                  <a:pt x="767" y="1415"/>
                </a:cubicBezTo>
                <a:cubicBezTo>
                  <a:pt x="764" y="1415"/>
                  <a:pt x="763" y="1415"/>
                  <a:pt x="761" y="1416"/>
                </a:cubicBezTo>
                <a:cubicBezTo>
                  <a:pt x="759" y="1416"/>
                  <a:pt x="757" y="1417"/>
                  <a:pt x="755" y="1417"/>
                </a:cubicBezTo>
                <a:cubicBezTo>
                  <a:pt x="750" y="1416"/>
                  <a:pt x="749" y="1413"/>
                  <a:pt x="745" y="1412"/>
                </a:cubicBezTo>
                <a:cubicBezTo>
                  <a:pt x="743" y="1411"/>
                  <a:pt x="740" y="1410"/>
                  <a:pt x="737" y="1411"/>
                </a:cubicBezTo>
                <a:cubicBezTo>
                  <a:pt x="734" y="1413"/>
                  <a:pt x="731" y="1415"/>
                  <a:pt x="727" y="1416"/>
                </a:cubicBezTo>
                <a:cubicBezTo>
                  <a:pt x="725" y="1417"/>
                  <a:pt x="724" y="1416"/>
                  <a:pt x="722" y="1415"/>
                </a:cubicBezTo>
                <a:cubicBezTo>
                  <a:pt x="720" y="1414"/>
                  <a:pt x="718" y="1414"/>
                  <a:pt x="716" y="1414"/>
                </a:cubicBezTo>
                <a:cubicBezTo>
                  <a:pt x="712" y="1413"/>
                  <a:pt x="710" y="1408"/>
                  <a:pt x="707" y="1414"/>
                </a:cubicBezTo>
                <a:cubicBezTo>
                  <a:pt x="705" y="1418"/>
                  <a:pt x="701" y="1418"/>
                  <a:pt x="697" y="1418"/>
                </a:cubicBezTo>
                <a:cubicBezTo>
                  <a:pt x="694" y="1419"/>
                  <a:pt x="691" y="1421"/>
                  <a:pt x="688" y="1422"/>
                </a:cubicBezTo>
                <a:cubicBezTo>
                  <a:pt x="684" y="1424"/>
                  <a:pt x="680" y="1426"/>
                  <a:pt x="675" y="1424"/>
                </a:cubicBezTo>
                <a:cubicBezTo>
                  <a:pt x="672" y="1423"/>
                  <a:pt x="669" y="1420"/>
                  <a:pt x="666" y="1420"/>
                </a:cubicBezTo>
                <a:cubicBezTo>
                  <a:pt x="659" y="1418"/>
                  <a:pt x="653" y="1416"/>
                  <a:pt x="646" y="1417"/>
                </a:cubicBezTo>
                <a:cubicBezTo>
                  <a:pt x="640" y="1417"/>
                  <a:pt x="633" y="1417"/>
                  <a:pt x="626" y="1419"/>
                </a:cubicBezTo>
                <a:cubicBezTo>
                  <a:pt x="623" y="1421"/>
                  <a:pt x="619" y="1423"/>
                  <a:pt x="615" y="1421"/>
                </a:cubicBezTo>
                <a:cubicBezTo>
                  <a:pt x="612" y="1420"/>
                  <a:pt x="610" y="1419"/>
                  <a:pt x="607" y="1421"/>
                </a:cubicBezTo>
                <a:cubicBezTo>
                  <a:pt x="604" y="1422"/>
                  <a:pt x="601" y="1425"/>
                  <a:pt x="597" y="1426"/>
                </a:cubicBezTo>
                <a:cubicBezTo>
                  <a:pt x="593" y="1428"/>
                  <a:pt x="589" y="1427"/>
                  <a:pt x="585" y="1427"/>
                </a:cubicBezTo>
                <a:cubicBezTo>
                  <a:pt x="580" y="1427"/>
                  <a:pt x="577" y="1428"/>
                  <a:pt x="573" y="1428"/>
                </a:cubicBezTo>
                <a:cubicBezTo>
                  <a:pt x="569" y="1429"/>
                  <a:pt x="565" y="1429"/>
                  <a:pt x="561" y="1430"/>
                </a:cubicBezTo>
                <a:cubicBezTo>
                  <a:pt x="557" y="1431"/>
                  <a:pt x="554" y="1433"/>
                  <a:pt x="550" y="1434"/>
                </a:cubicBezTo>
                <a:cubicBezTo>
                  <a:pt x="546" y="1435"/>
                  <a:pt x="542" y="1436"/>
                  <a:pt x="538" y="1437"/>
                </a:cubicBezTo>
                <a:cubicBezTo>
                  <a:pt x="535" y="1439"/>
                  <a:pt x="531" y="1440"/>
                  <a:pt x="528" y="1443"/>
                </a:cubicBezTo>
                <a:cubicBezTo>
                  <a:pt x="525" y="1445"/>
                  <a:pt x="521" y="1454"/>
                  <a:pt x="517" y="1454"/>
                </a:cubicBezTo>
                <a:cubicBezTo>
                  <a:pt x="515" y="1454"/>
                  <a:pt x="514" y="1452"/>
                  <a:pt x="513" y="1451"/>
                </a:cubicBezTo>
                <a:cubicBezTo>
                  <a:pt x="509" y="1448"/>
                  <a:pt x="506" y="1452"/>
                  <a:pt x="502" y="1454"/>
                </a:cubicBezTo>
                <a:cubicBezTo>
                  <a:pt x="499" y="1456"/>
                  <a:pt x="495" y="1456"/>
                  <a:pt x="491" y="1457"/>
                </a:cubicBezTo>
                <a:cubicBezTo>
                  <a:pt x="484" y="1460"/>
                  <a:pt x="483" y="1470"/>
                  <a:pt x="475" y="1472"/>
                </a:cubicBezTo>
                <a:cubicBezTo>
                  <a:pt x="471" y="1474"/>
                  <a:pt x="467" y="1473"/>
                  <a:pt x="463" y="1474"/>
                </a:cubicBezTo>
                <a:cubicBezTo>
                  <a:pt x="459" y="1476"/>
                  <a:pt x="456" y="1479"/>
                  <a:pt x="452" y="1477"/>
                </a:cubicBezTo>
                <a:cubicBezTo>
                  <a:pt x="448" y="1476"/>
                  <a:pt x="445" y="1474"/>
                  <a:pt x="441" y="1473"/>
                </a:cubicBezTo>
                <a:cubicBezTo>
                  <a:pt x="440" y="1473"/>
                  <a:pt x="436" y="1473"/>
                  <a:pt x="435" y="1472"/>
                </a:cubicBezTo>
                <a:cubicBezTo>
                  <a:pt x="433" y="1471"/>
                  <a:pt x="434" y="1469"/>
                  <a:pt x="432" y="1467"/>
                </a:cubicBezTo>
                <a:cubicBezTo>
                  <a:pt x="431" y="1467"/>
                  <a:pt x="428" y="1467"/>
                  <a:pt x="427" y="1468"/>
                </a:cubicBezTo>
                <a:cubicBezTo>
                  <a:pt x="423" y="1469"/>
                  <a:pt x="419" y="1471"/>
                  <a:pt x="415" y="1472"/>
                </a:cubicBezTo>
                <a:cubicBezTo>
                  <a:pt x="412" y="1473"/>
                  <a:pt x="408" y="1474"/>
                  <a:pt x="404" y="1474"/>
                </a:cubicBezTo>
                <a:cubicBezTo>
                  <a:pt x="401" y="1475"/>
                  <a:pt x="397" y="1474"/>
                  <a:pt x="394" y="1474"/>
                </a:cubicBezTo>
                <a:cubicBezTo>
                  <a:pt x="392" y="1474"/>
                  <a:pt x="390" y="1474"/>
                  <a:pt x="388" y="1474"/>
                </a:cubicBezTo>
                <a:cubicBezTo>
                  <a:pt x="386" y="1474"/>
                  <a:pt x="385" y="1474"/>
                  <a:pt x="383" y="1474"/>
                </a:cubicBezTo>
                <a:cubicBezTo>
                  <a:pt x="382" y="1473"/>
                  <a:pt x="381" y="1472"/>
                  <a:pt x="380" y="1471"/>
                </a:cubicBezTo>
                <a:cubicBezTo>
                  <a:pt x="378" y="1469"/>
                  <a:pt x="375" y="1469"/>
                  <a:pt x="373" y="1468"/>
                </a:cubicBezTo>
                <a:cubicBezTo>
                  <a:pt x="368" y="1465"/>
                  <a:pt x="368" y="1459"/>
                  <a:pt x="364" y="1456"/>
                </a:cubicBezTo>
                <a:cubicBezTo>
                  <a:pt x="362" y="1455"/>
                  <a:pt x="362" y="1453"/>
                  <a:pt x="363" y="1452"/>
                </a:cubicBezTo>
                <a:cubicBezTo>
                  <a:pt x="365" y="1449"/>
                  <a:pt x="363" y="1449"/>
                  <a:pt x="361" y="1450"/>
                </a:cubicBezTo>
                <a:cubicBezTo>
                  <a:pt x="358" y="1450"/>
                  <a:pt x="357" y="1450"/>
                  <a:pt x="355" y="1452"/>
                </a:cubicBezTo>
                <a:cubicBezTo>
                  <a:pt x="355" y="1452"/>
                  <a:pt x="354" y="1453"/>
                  <a:pt x="353" y="1453"/>
                </a:cubicBezTo>
                <a:cubicBezTo>
                  <a:pt x="350" y="1453"/>
                  <a:pt x="346" y="1452"/>
                  <a:pt x="344" y="1455"/>
                </a:cubicBezTo>
                <a:cubicBezTo>
                  <a:pt x="343" y="1457"/>
                  <a:pt x="343" y="1459"/>
                  <a:pt x="343" y="1461"/>
                </a:cubicBezTo>
                <a:cubicBezTo>
                  <a:pt x="342" y="1464"/>
                  <a:pt x="340" y="1467"/>
                  <a:pt x="339" y="1470"/>
                </a:cubicBezTo>
                <a:cubicBezTo>
                  <a:pt x="337" y="1473"/>
                  <a:pt x="336" y="1477"/>
                  <a:pt x="335" y="1480"/>
                </a:cubicBezTo>
                <a:cubicBezTo>
                  <a:pt x="334" y="1483"/>
                  <a:pt x="332" y="1487"/>
                  <a:pt x="330" y="1490"/>
                </a:cubicBezTo>
                <a:cubicBezTo>
                  <a:pt x="329" y="1494"/>
                  <a:pt x="328" y="1497"/>
                  <a:pt x="326" y="1501"/>
                </a:cubicBezTo>
                <a:cubicBezTo>
                  <a:pt x="323" y="1507"/>
                  <a:pt x="320" y="1512"/>
                  <a:pt x="315" y="1516"/>
                </a:cubicBezTo>
                <a:cubicBezTo>
                  <a:pt x="312" y="1519"/>
                  <a:pt x="309" y="1521"/>
                  <a:pt x="305" y="1523"/>
                </a:cubicBezTo>
                <a:cubicBezTo>
                  <a:pt x="302" y="1524"/>
                  <a:pt x="300" y="1526"/>
                  <a:pt x="297" y="1527"/>
                </a:cubicBezTo>
                <a:cubicBezTo>
                  <a:pt x="294" y="1528"/>
                  <a:pt x="290" y="1529"/>
                  <a:pt x="287" y="1531"/>
                </a:cubicBezTo>
                <a:cubicBezTo>
                  <a:pt x="286" y="1531"/>
                  <a:pt x="285" y="1532"/>
                  <a:pt x="284" y="1532"/>
                </a:cubicBezTo>
                <a:cubicBezTo>
                  <a:pt x="283" y="1533"/>
                  <a:pt x="281" y="1533"/>
                  <a:pt x="280" y="1533"/>
                </a:cubicBezTo>
                <a:cubicBezTo>
                  <a:pt x="277" y="1535"/>
                  <a:pt x="273" y="1536"/>
                  <a:pt x="269" y="1537"/>
                </a:cubicBezTo>
                <a:cubicBezTo>
                  <a:pt x="264" y="1540"/>
                  <a:pt x="260" y="1545"/>
                  <a:pt x="257" y="1550"/>
                </a:cubicBezTo>
                <a:cubicBezTo>
                  <a:pt x="256" y="1552"/>
                  <a:pt x="255" y="1554"/>
                  <a:pt x="253" y="1556"/>
                </a:cubicBezTo>
                <a:cubicBezTo>
                  <a:pt x="251" y="1558"/>
                  <a:pt x="249" y="1559"/>
                  <a:pt x="247" y="1561"/>
                </a:cubicBezTo>
                <a:cubicBezTo>
                  <a:pt x="245" y="1562"/>
                  <a:pt x="244" y="1564"/>
                  <a:pt x="244" y="1567"/>
                </a:cubicBezTo>
                <a:cubicBezTo>
                  <a:pt x="244" y="1569"/>
                  <a:pt x="243" y="1571"/>
                  <a:pt x="243" y="1574"/>
                </a:cubicBezTo>
                <a:cubicBezTo>
                  <a:pt x="242" y="1577"/>
                  <a:pt x="241" y="1580"/>
                  <a:pt x="240" y="1584"/>
                </a:cubicBezTo>
                <a:cubicBezTo>
                  <a:pt x="239" y="1586"/>
                  <a:pt x="237" y="1587"/>
                  <a:pt x="236" y="1589"/>
                </a:cubicBezTo>
                <a:cubicBezTo>
                  <a:pt x="234" y="1591"/>
                  <a:pt x="234" y="1593"/>
                  <a:pt x="232" y="1595"/>
                </a:cubicBezTo>
                <a:cubicBezTo>
                  <a:pt x="231" y="1597"/>
                  <a:pt x="229" y="1598"/>
                  <a:pt x="229" y="1601"/>
                </a:cubicBezTo>
                <a:cubicBezTo>
                  <a:pt x="228" y="1605"/>
                  <a:pt x="230" y="1610"/>
                  <a:pt x="230" y="1615"/>
                </a:cubicBezTo>
                <a:cubicBezTo>
                  <a:pt x="230" y="1619"/>
                  <a:pt x="227" y="1623"/>
                  <a:pt x="229" y="1627"/>
                </a:cubicBezTo>
                <a:cubicBezTo>
                  <a:pt x="231" y="1629"/>
                  <a:pt x="233" y="1630"/>
                  <a:pt x="234" y="1632"/>
                </a:cubicBezTo>
                <a:cubicBezTo>
                  <a:pt x="237" y="1636"/>
                  <a:pt x="235" y="1643"/>
                  <a:pt x="233" y="1647"/>
                </a:cubicBezTo>
                <a:cubicBezTo>
                  <a:pt x="232" y="1650"/>
                  <a:pt x="230" y="1653"/>
                  <a:pt x="228" y="1656"/>
                </a:cubicBezTo>
                <a:cubicBezTo>
                  <a:pt x="224" y="1661"/>
                  <a:pt x="219" y="1665"/>
                  <a:pt x="215" y="1670"/>
                </a:cubicBezTo>
                <a:cubicBezTo>
                  <a:pt x="213" y="1673"/>
                  <a:pt x="210" y="1675"/>
                  <a:pt x="208" y="1677"/>
                </a:cubicBezTo>
                <a:cubicBezTo>
                  <a:pt x="206" y="1679"/>
                  <a:pt x="204" y="1681"/>
                  <a:pt x="202" y="1682"/>
                </a:cubicBezTo>
                <a:cubicBezTo>
                  <a:pt x="199" y="1683"/>
                  <a:pt x="197" y="1685"/>
                  <a:pt x="195" y="1686"/>
                </a:cubicBezTo>
                <a:cubicBezTo>
                  <a:pt x="193" y="1687"/>
                  <a:pt x="192" y="1688"/>
                  <a:pt x="190" y="1690"/>
                </a:cubicBezTo>
                <a:cubicBezTo>
                  <a:pt x="189" y="1690"/>
                  <a:pt x="188" y="1691"/>
                  <a:pt x="187" y="1691"/>
                </a:cubicBezTo>
                <a:cubicBezTo>
                  <a:pt x="185" y="1693"/>
                  <a:pt x="182" y="1694"/>
                  <a:pt x="180" y="1696"/>
                </a:cubicBezTo>
                <a:cubicBezTo>
                  <a:pt x="178" y="1698"/>
                  <a:pt x="176" y="1700"/>
                  <a:pt x="174" y="1702"/>
                </a:cubicBezTo>
                <a:cubicBezTo>
                  <a:pt x="172" y="1705"/>
                  <a:pt x="170" y="1705"/>
                  <a:pt x="167" y="1706"/>
                </a:cubicBezTo>
                <a:cubicBezTo>
                  <a:pt x="165" y="1707"/>
                  <a:pt x="162" y="1707"/>
                  <a:pt x="160" y="1707"/>
                </a:cubicBezTo>
                <a:cubicBezTo>
                  <a:pt x="157" y="1708"/>
                  <a:pt x="155" y="1709"/>
                  <a:pt x="153" y="1709"/>
                </a:cubicBezTo>
                <a:cubicBezTo>
                  <a:pt x="150" y="1710"/>
                  <a:pt x="148" y="1710"/>
                  <a:pt x="146" y="1710"/>
                </a:cubicBezTo>
                <a:cubicBezTo>
                  <a:pt x="142" y="1711"/>
                  <a:pt x="137" y="1712"/>
                  <a:pt x="135" y="1716"/>
                </a:cubicBezTo>
                <a:cubicBezTo>
                  <a:pt x="134" y="1718"/>
                  <a:pt x="133" y="1719"/>
                  <a:pt x="131" y="1721"/>
                </a:cubicBezTo>
                <a:cubicBezTo>
                  <a:pt x="129" y="1724"/>
                  <a:pt x="128" y="1727"/>
                  <a:pt x="127" y="1731"/>
                </a:cubicBezTo>
                <a:cubicBezTo>
                  <a:pt x="126" y="1733"/>
                  <a:pt x="126" y="1736"/>
                  <a:pt x="125" y="1739"/>
                </a:cubicBezTo>
                <a:cubicBezTo>
                  <a:pt x="123" y="1745"/>
                  <a:pt x="119" y="1749"/>
                  <a:pt x="116" y="1754"/>
                </a:cubicBezTo>
                <a:cubicBezTo>
                  <a:pt x="112" y="1758"/>
                  <a:pt x="106" y="1760"/>
                  <a:pt x="101" y="1763"/>
                </a:cubicBezTo>
                <a:cubicBezTo>
                  <a:pt x="99" y="1764"/>
                  <a:pt x="97" y="1765"/>
                  <a:pt x="94" y="1766"/>
                </a:cubicBezTo>
                <a:cubicBezTo>
                  <a:pt x="91" y="1768"/>
                  <a:pt x="90" y="1773"/>
                  <a:pt x="89" y="1777"/>
                </a:cubicBezTo>
                <a:cubicBezTo>
                  <a:pt x="89" y="1779"/>
                  <a:pt x="88" y="1782"/>
                  <a:pt x="87" y="1784"/>
                </a:cubicBezTo>
                <a:cubicBezTo>
                  <a:pt x="85" y="1789"/>
                  <a:pt x="82" y="1793"/>
                  <a:pt x="80" y="1799"/>
                </a:cubicBezTo>
                <a:cubicBezTo>
                  <a:pt x="79" y="1804"/>
                  <a:pt x="81" y="1810"/>
                  <a:pt x="78" y="1815"/>
                </a:cubicBezTo>
                <a:cubicBezTo>
                  <a:pt x="76" y="1820"/>
                  <a:pt x="71" y="1825"/>
                  <a:pt x="66" y="1828"/>
                </a:cubicBezTo>
                <a:cubicBezTo>
                  <a:pt x="64" y="1830"/>
                  <a:pt x="62" y="1832"/>
                  <a:pt x="60" y="1834"/>
                </a:cubicBezTo>
                <a:cubicBezTo>
                  <a:pt x="58" y="1836"/>
                  <a:pt x="55" y="1837"/>
                  <a:pt x="54" y="1839"/>
                </a:cubicBezTo>
                <a:cubicBezTo>
                  <a:pt x="55" y="1839"/>
                  <a:pt x="56" y="1838"/>
                  <a:pt x="57" y="1838"/>
                </a:cubicBezTo>
                <a:cubicBezTo>
                  <a:pt x="57" y="1839"/>
                  <a:pt x="55" y="1840"/>
                  <a:pt x="54" y="1840"/>
                </a:cubicBezTo>
                <a:cubicBezTo>
                  <a:pt x="52" y="1842"/>
                  <a:pt x="51" y="1845"/>
                  <a:pt x="49" y="1847"/>
                </a:cubicBezTo>
                <a:cubicBezTo>
                  <a:pt x="45" y="1854"/>
                  <a:pt x="42" y="1860"/>
                  <a:pt x="39" y="1867"/>
                </a:cubicBezTo>
                <a:cubicBezTo>
                  <a:pt x="38" y="1871"/>
                  <a:pt x="37" y="1874"/>
                  <a:pt x="35" y="1877"/>
                </a:cubicBezTo>
                <a:cubicBezTo>
                  <a:pt x="34" y="1880"/>
                  <a:pt x="34" y="1883"/>
                  <a:pt x="33" y="1886"/>
                </a:cubicBezTo>
                <a:cubicBezTo>
                  <a:pt x="32" y="1888"/>
                  <a:pt x="31" y="1891"/>
                  <a:pt x="30" y="1893"/>
                </a:cubicBezTo>
                <a:cubicBezTo>
                  <a:pt x="28" y="1895"/>
                  <a:pt x="25" y="1896"/>
                  <a:pt x="23" y="1897"/>
                </a:cubicBezTo>
                <a:cubicBezTo>
                  <a:pt x="22" y="1898"/>
                  <a:pt x="20" y="1901"/>
                  <a:pt x="19" y="1903"/>
                </a:cubicBezTo>
                <a:cubicBezTo>
                  <a:pt x="18" y="1904"/>
                  <a:pt x="18" y="1906"/>
                  <a:pt x="17" y="1908"/>
                </a:cubicBezTo>
                <a:cubicBezTo>
                  <a:pt x="17" y="1910"/>
                  <a:pt x="17" y="1912"/>
                  <a:pt x="17" y="1913"/>
                </a:cubicBezTo>
                <a:cubicBezTo>
                  <a:pt x="16" y="1916"/>
                  <a:pt x="16" y="1920"/>
                  <a:pt x="16" y="1923"/>
                </a:cubicBezTo>
                <a:cubicBezTo>
                  <a:pt x="15" y="1925"/>
                  <a:pt x="15" y="1927"/>
                  <a:pt x="15" y="1929"/>
                </a:cubicBezTo>
                <a:cubicBezTo>
                  <a:pt x="15" y="1931"/>
                  <a:pt x="14" y="1934"/>
                  <a:pt x="14" y="1936"/>
                </a:cubicBezTo>
                <a:cubicBezTo>
                  <a:pt x="14" y="1937"/>
                  <a:pt x="14" y="1943"/>
                  <a:pt x="16" y="1940"/>
                </a:cubicBezTo>
                <a:cubicBezTo>
                  <a:pt x="17" y="1939"/>
                  <a:pt x="16" y="1935"/>
                  <a:pt x="16" y="1934"/>
                </a:cubicBezTo>
                <a:cubicBezTo>
                  <a:pt x="16" y="1933"/>
                  <a:pt x="17" y="1932"/>
                  <a:pt x="17" y="1931"/>
                </a:cubicBezTo>
                <a:cubicBezTo>
                  <a:pt x="18" y="1930"/>
                  <a:pt x="18" y="1929"/>
                  <a:pt x="19" y="1929"/>
                </a:cubicBezTo>
                <a:cubicBezTo>
                  <a:pt x="20" y="1928"/>
                  <a:pt x="20" y="1930"/>
                  <a:pt x="20" y="1931"/>
                </a:cubicBezTo>
                <a:cubicBezTo>
                  <a:pt x="20" y="1932"/>
                  <a:pt x="21" y="1932"/>
                  <a:pt x="22" y="1933"/>
                </a:cubicBezTo>
                <a:cubicBezTo>
                  <a:pt x="23" y="1934"/>
                  <a:pt x="24" y="1936"/>
                  <a:pt x="24" y="1938"/>
                </a:cubicBezTo>
                <a:cubicBezTo>
                  <a:pt x="25" y="1940"/>
                  <a:pt x="27" y="1940"/>
                  <a:pt x="28" y="1942"/>
                </a:cubicBezTo>
                <a:cubicBezTo>
                  <a:pt x="29" y="1943"/>
                  <a:pt x="30" y="1947"/>
                  <a:pt x="31" y="1944"/>
                </a:cubicBezTo>
                <a:cubicBezTo>
                  <a:pt x="31" y="1943"/>
                  <a:pt x="31" y="1942"/>
                  <a:pt x="33" y="1943"/>
                </a:cubicBezTo>
                <a:cubicBezTo>
                  <a:pt x="34" y="1943"/>
                  <a:pt x="34" y="1944"/>
                  <a:pt x="34" y="1945"/>
                </a:cubicBezTo>
                <a:cubicBezTo>
                  <a:pt x="35" y="1948"/>
                  <a:pt x="36" y="1948"/>
                  <a:pt x="37" y="1950"/>
                </a:cubicBezTo>
                <a:cubicBezTo>
                  <a:pt x="38" y="1952"/>
                  <a:pt x="40" y="1954"/>
                  <a:pt x="40" y="1956"/>
                </a:cubicBezTo>
                <a:cubicBezTo>
                  <a:pt x="40" y="1958"/>
                  <a:pt x="39" y="1960"/>
                  <a:pt x="39" y="1962"/>
                </a:cubicBezTo>
                <a:cubicBezTo>
                  <a:pt x="40" y="1964"/>
                  <a:pt x="38" y="1965"/>
                  <a:pt x="37" y="1967"/>
                </a:cubicBezTo>
                <a:cubicBezTo>
                  <a:pt x="35" y="1968"/>
                  <a:pt x="34" y="1969"/>
                  <a:pt x="34" y="1971"/>
                </a:cubicBezTo>
                <a:cubicBezTo>
                  <a:pt x="34" y="1972"/>
                  <a:pt x="34" y="1974"/>
                  <a:pt x="35" y="1973"/>
                </a:cubicBezTo>
                <a:cubicBezTo>
                  <a:pt x="36" y="1973"/>
                  <a:pt x="35" y="1971"/>
                  <a:pt x="36" y="1970"/>
                </a:cubicBezTo>
                <a:cubicBezTo>
                  <a:pt x="36" y="1969"/>
                  <a:pt x="37" y="1967"/>
                  <a:pt x="38" y="1967"/>
                </a:cubicBezTo>
                <a:cubicBezTo>
                  <a:pt x="39" y="1969"/>
                  <a:pt x="38" y="1971"/>
                  <a:pt x="37" y="1972"/>
                </a:cubicBezTo>
                <a:cubicBezTo>
                  <a:pt x="36" y="1973"/>
                  <a:pt x="36" y="1974"/>
                  <a:pt x="36" y="1974"/>
                </a:cubicBezTo>
                <a:cubicBezTo>
                  <a:pt x="35" y="1975"/>
                  <a:pt x="34" y="1975"/>
                  <a:pt x="34" y="1976"/>
                </a:cubicBezTo>
                <a:cubicBezTo>
                  <a:pt x="33" y="1976"/>
                  <a:pt x="32" y="1978"/>
                  <a:pt x="33" y="1978"/>
                </a:cubicBezTo>
                <a:cubicBezTo>
                  <a:pt x="33" y="1979"/>
                  <a:pt x="34" y="1979"/>
                  <a:pt x="35" y="1979"/>
                </a:cubicBezTo>
                <a:cubicBezTo>
                  <a:pt x="36" y="1980"/>
                  <a:pt x="36" y="1981"/>
                  <a:pt x="34" y="1981"/>
                </a:cubicBezTo>
                <a:cubicBezTo>
                  <a:pt x="33" y="1981"/>
                  <a:pt x="33" y="1980"/>
                  <a:pt x="32" y="1980"/>
                </a:cubicBezTo>
                <a:cubicBezTo>
                  <a:pt x="32" y="1981"/>
                  <a:pt x="32" y="1982"/>
                  <a:pt x="32" y="1982"/>
                </a:cubicBezTo>
                <a:cubicBezTo>
                  <a:pt x="33" y="1983"/>
                  <a:pt x="33" y="1983"/>
                  <a:pt x="33" y="1985"/>
                </a:cubicBezTo>
                <a:cubicBezTo>
                  <a:pt x="32" y="1987"/>
                  <a:pt x="33" y="1988"/>
                  <a:pt x="35" y="1989"/>
                </a:cubicBezTo>
                <a:cubicBezTo>
                  <a:pt x="36" y="1991"/>
                  <a:pt x="38" y="1991"/>
                  <a:pt x="39" y="1993"/>
                </a:cubicBezTo>
                <a:cubicBezTo>
                  <a:pt x="41" y="1995"/>
                  <a:pt x="40" y="1998"/>
                  <a:pt x="40" y="2001"/>
                </a:cubicBezTo>
                <a:cubicBezTo>
                  <a:pt x="41" y="2004"/>
                  <a:pt x="42" y="2008"/>
                  <a:pt x="42" y="2011"/>
                </a:cubicBezTo>
                <a:cubicBezTo>
                  <a:pt x="42" y="2013"/>
                  <a:pt x="43" y="2015"/>
                  <a:pt x="44" y="2018"/>
                </a:cubicBezTo>
                <a:cubicBezTo>
                  <a:pt x="44" y="2020"/>
                  <a:pt x="44" y="2023"/>
                  <a:pt x="44" y="2025"/>
                </a:cubicBezTo>
                <a:cubicBezTo>
                  <a:pt x="44" y="2030"/>
                  <a:pt x="43" y="2034"/>
                  <a:pt x="43" y="2039"/>
                </a:cubicBezTo>
                <a:cubicBezTo>
                  <a:pt x="43" y="2043"/>
                  <a:pt x="41" y="2046"/>
                  <a:pt x="40" y="2050"/>
                </a:cubicBezTo>
                <a:cubicBezTo>
                  <a:pt x="39" y="2051"/>
                  <a:pt x="38" y="2053"/>
                  <a:pt x="38" y="2054"/>
                </a:cubicBezTo>
                <a:cubicBezTo>
                  <a:pt x="35" y="2060"/>
                  <a:pt x="33" y="2066"/>
                  <a:pt x="32" y="2072"/>
                </a:cubicBezTo>
                <a:cubicBezTo>
                  <a:pt x="31" y="2077"/>
                  <a:pt x="31" y="2083"/>
                  <a:pt x="30" y="2088"/>
                </a:cubicBezTo>
                <a:cubicBezTo>
                  <a:pt x="28" y="2095"/>
                  <a:pt x="25" y="2101"/>
                  <a:pt x="21" y="2107"/>
                </a:cubicBezTo>
                <a:cubicBezTo>
                  <a:pt x="19" y="2111"/>
                  <a:pt x="16" y="2115"/>
                  <a:pt x="12" y="2118"/>
                </a:cubicBezTo>
                <a:cubicBezTo>
                  <a:pt x="10" y="2120"/>
                  <a:pt x="7" y="2122"/>
                  <a:pt x="4" y="2123"/>
                </a:cubicBezTo>
                <a:cubicBezTo>
                  <a:pt x="3" y="2123"/>
                  <a:pt x="2" y="2123"/>
                  <a:pt x="1" y="2124"/>
                </a:cubicBezTo>
                <a:cubicBezTo>
                  <a:pt x="0" y="2125"/>
                  <a:pt x="2" y="2125"/>
                  <a:pt x="2" y="2126"/>
                </a:cubicBezTo>
                <a:cubicBezTo>
                  <a:pt x="2" y="2126"/>
                  <a:pt x="3" y="2128"/>
                  <a:pt x="4" y="2127"/>
                </a:cubicBezTo>
                <a:cubicBezTo>
                  <a:pt x="5" y="2126"/>
                  <a:pt x="3" y="2125"/>
                  <a:pt x="4" y="2125"/>
                </a:cubicBezTo>
                <a:cubicBezTo>
                  <a:pt x="5" y="2124"/>
                  <a:pt x="7" y="2125"/>
                  <a:pt x="7" y="2125"/>
                </a:cubicBezTo>
                <a:cubicBezTo>
                  <a:pt x="8" y="2125"/>
                  <a:pt x="9" y="2125"/>
                  <a:pt x="10" y="2126"/>
                </a:cubicBezTo>
                <a:cubicBezTo>
                  <a:pt x="10" y="2127"/>
                  <a:pt x="10" y="2128"/>
                  <a:pt x="11" y="2128"/>
                </a:cubicBezTo>
                <a:cubicBezTo>
                  <a:pt x="12" y="2129"/>
                  <a:pt x="13" y="2129"/>
                  <a:pt x="14" y="2130"/>
                </a:cubicBezTo>
                <a:cubicBezTo>
                  <a:pt x="15" y="2131"/>
                  <a:pt x="15" y="2133"/>
                  <a:pt x="16" y="2135"/>
                </a:cubicBezTo>
                <a:cubicBezTo>
                  <a:pt x="17" y="2137"/>
                  <a:pt x="19" y="2138"/>
                  <a:pt x="20" y="2140"/>
                </a:cubicBezTo>
                <a:cubicBezTo>
                  <a:pt x="21" y="2142"/>
                  <a:pt x="21" y="2145"/>
                  <a:pt x="22" y="2147"/>
                </a:cubicBezTo>
                <a:cubicBezTo>
                  <a:pt x="22" y="2148"/>
                  <a:pt x="22" y="2149"/>
                  <a:pt x="23" y="2151"/>
                </a:cubicBezTo>
                <a:cubicBezTo>
                  <a:pt x="23" y="2151"/>
                  <a:pt x="24" y="2152"/>
                  <a:pt x="24" y="2152"/>
                </a:cubicBezTo>
                <a:cubicBezTo>
                  <a:pt x="25" y="2153"/>
                  <a:pt x="26" y="2152"/>
                  <a:pt x="26" y="2153"/>
                </a:cubicBezTo>
                <a:cubicBezTo>
                  <a:pt x="28" y="2154"/>
                  <a:pt x="28" y="2156"/>
                  <a:pt x="28" y="2158"/>
                </a:cubicBezTo>
                <a:cubicBezTo>
                  <a:pt x="29" y="2160"/>
                  <a:pt x="30" y="2161"/>
                  <a:pt x="31" y="2163"/>
                </a:cubicBezTo>
                <a:cubicBezTo>
                  <a:pt x="1880" y="2166"/>
                  <a:pt x="1880" y="2166"/>
                  <a:pt x="1880" y="2166"/>
                </a:cubicBezTo>
                <a:cubicBezTo>
                  <a:pt x="1882" y="2165"/>
                  <a:pt x="1884" y="2166"/>
                  <a:pt x="1886" y="2165"/>
                </a:cubicBezTo>
                <a:cubicBezTo>
                  <a:pt x="1891" y="2165"/>
                  <a:pt x="1895" y="2162"/>
                  <a:pt x="1899" y="2162"/>
                </a:cubicBezTo>
                <a:cubicBezTo>
                  <a:pt x="1902" y="2162"/>
                  <a:pt x="1904" y="2162"/>
                  <a:pt x="1906" y="2162"/>
                </a:cubicBezTo>
                <a:cubicBezTo>
                  <a:pt x="1908" y="2161"/>
                  <a:pt x="1909" y="2161"/>
                  <a:pt x="1910" y="2160"/>
                </a:cubicBezTo>
                <a:cubicBezTo>
                  <a:pt x="1912" y="2160"/>
                  <a:pt x="1913" y="2161"/>
                  <a:pt x="1915" y="2160"/>
                </a:cubicBezTo>
                <a:cubicBezTo>
                  <a:pt x="1917" y="2159"/>
                  <a:pt x="1920" y="2160"/>
                  <a:pt x="1922" y="2159"/>
                </a:cubicBezTo>
                <a:cubicBezTo>
                  <a:pt x="1925" y="2158"/>
                  <a:pt x="1927" y="2157"/>
                  <a:pt x="1929" y="2156"/>
                </a:cubicBezTo>
                <a:cubicBezTo>
                  <a:pt x="1931" y="2155"/>
                  <a:pt x="1933" y="2153"/>
                  <a:pt x="1935" y="2151"/>
                </a:cubicBezTo>
                <a:cubicBezTo>
                  <a:pt x="1937" y="2150"/>
                  <a:pt x="1939" y="2148"/>
                  <a:pt x="1942" y="2148"/>
                </a:cubicBezTo>
                <a:cubicBezTo>
                  <a:pt x="1944" y="2147"/>
                  <a:pt x="1946" y="2147"/>
                  <a:pt x="1948" y="2147"/>
                </a:cubicBezTo>
                <a:cubicBezTo>
                  <a:pt x="1952" y="2147"/>
                  <a:pt x="1957" y="2147"/>
                  <a:pt x="1962" y="2147"/>
                </a:cubicBezTo>
                <a:cubicBezTo>
                  <a:pt x="1964" y="2146"/>
                  <a:pt x="1966" y="2146"/>
                  <a:pt x="1967" y="2143"/>
                </a:cubicBezTo>
                <a:cubicBezTo>
                  <a:pt x="1969" y="2141"/>
                  <a:pt x="1971" y="2138"/>
                  <a:pt x="1973" y="2136"/>
                </a:cubicBezTo>
                <a:cubicBezTo>
                  <a:pt x="1975" y="2134"/>
                  <a:pt x="1978" y="2132"/>
                  <a:pt x="1980" y="2130"/>
                </a:cubicBezTo>
                <a:cubicBezTo>
                  <a:pt x="1983" y="2129"/>
                  <a:pt x="1986" y="2127"/>
                  <a:pt x="1989" y="2125"/>
                </a:cubicBezTo>
                <a:cubicBezTo>
                  <a:pt x="1992" y="2124"/>
                  <a:pt x="1995" y="2124"/>
                  <a:pt x="1998" y="2123"/>
                </a:cubicBezTo>
                <a:cubicBezTo>
                  <a:pt x="2001" y="2122"/>
                  <a:pt x="2004" y="2121"/>
                  <a:pt x="2008" y="2120"/>
                </a:cubicBezTo>
                <a:cubicBezTo>
                  <a:pt x="2009" y="2120"/>
                  <a:pt x="2011" y="2119"/>
                  <a:pt x="2012" y="2119"/>
                </a:cubicBezTo>
                <a:cubicBezTo>
                  <a:pt x="2015" y="2118"/>
                  <a:pt x="2018" y="2117"/>
                  <a:pt x="2021" y="2116"/>
                </a:cubicBezTo>
                <a:cubicBezTo>
                  <a:pt x="2024" y="2116"/>
                  <a:pt x="2028" y="2114"/>
                  <a:pt x="2031" y="2113"/>
                </a:cubicBezTo>
                <a:cubicBezTo>
                  <a:pt x="2037" y="2112"/>
                  <a:pt x="2042" y="2110"/>
                  <a:pt x="2047" y="2108"/>
                </a:cubicBezTo>
                <a:cubicBezTo>
                  <a:pt x="2049" y="2107"/>
                  <a:pt x="2051" y="2106"/>
                  <a:pt x="2053" y="2105"/>
                </a:cubicBezTo>
                <a:cubicBezTo>
                  <a:pt x="2055" y="2104"/>
                  <a:pt x="2057" y="2103"/>
                  <a:pt x="2060" y="2103"/>
                </a:cubicBezTo>
                <a:cubicBezTo>
                  <a:pt x="2062" y="2102"/>
                  <a:pt x="2064" y="2100"/>
                  <a:pt x="2066" y="2100"/>
                </a:cubicBezTo>
                <a:cubicBezTo>
                  <a:pt x="2068" y="2099"/>
                  <a:pt x="2070" y="2099"/>
                  <a:pt x="2071" y="2096"/>
                </a:cubicBezTo>
                <a:cubicBezTo>
                  <a:pt x="2072" y="2092"/>
                  <a:pt x="2067" y="2088"/>
                  <a:pt x="2070" y="2084"/>
                </a:cubicBezTo>
                <a:cubicBezTo>
                  <a:pt x="2071" y="2082"/>
                  <a:pt x="2073" y="2080"/>
                  <a:pt x="2075" y="2079"/>
                </a:cubicBezTo>
                <a:cubicBezTo>
                  <a:pt x="2076" y="2077"/>
                  <a:pt x="2077" y="2075"/>
                  <a:pt x="2079" y="2074"/>
                </a:cubicBezTo>
                <a:cubicBezTo>
                  <a:pt x="2080" y="2072"/>
                  <a:pt x="2082" y="2072"/>
                  <a:pt x="2084" y="2072"/>
                </a:cubicBezTo>
                <a:cubicBezTo>
                  <a:pt x="2086" y="2071"/>
                  <a:pt x="2088" y="2070"/>
                  <a:pt x="2090" y="2069"/>
                </a:cubicBezTo>
                <a:cubicBezTo>
                  <a:pt x="2092" y="2068"/>
                  <a:pt x="2094" y="2067"/>
                  <a:pt x="2097" y="2066"/>
                </a:cubicBezTo>
                <a:cubicBezTo>
                  <a:pt x="2101" y="2065"/>
                  <a:pt x="2107" y="2063"/>
                  <a:pt x="2112" y="2062"/>
                </a:cubicBezTo>
                <a:cubicBezTo>
                  <a:pt x="2114" y="2061"/>
                  <a:pt x="2115" y="2059"/>
                  <a:pt x="2117" y="2059"/>
                </a:cubicBezTo>
                <a:cubicBezTo>
                  <a:pt x="2119" y="2058"/>
                  <a:pt x="2121" y="2058"/>
                  <a:pt x="2123" y="2057"/>
                </a:cubicBezTo>
                <a:cubicBezTo>
                  <a:pt x="2125" y="2056"/>
                  <a:pt x="2127" y="2055"/>
                  <a:pt x="2130" y="2055"/>
                </a:cubicBezTo>
                <a:cubicBezTo>
                  <a:pt x="2132" y="2054"/>
                  <a:pt x="2134" y="2054"/>
                  <a:pt x="2136" y="2054"/>
                </a:cubicBezTo>
                <a:cubicBezTo>
                  <a:pt x="2140" y="2055"/>
                  <a:pt x="2144" y="2056"/>
                  <a:pt x="2149" y="2056"/>
                </a:cubicBezTo>
                <a:cubicBezTo>
                  <a:pt x="2151" y="2056"/>
                  <a:pt x="2153" y="2056"/>
                  <a:pt x="2155" y="2055"/>
                </a:cubicBezTo>
                <a:cubicBezTo>
                  <a:pt x="2157" y="2053"/>
                  <a:pt x="2158" y="2052"/>
                  <a:pt x="2159" y="2050"/>
                </a:cubicBezTo>
                <a:cubicBezTo>
                  <a:pt x="2160" y="2048"/>
                  <a:pt x="2160" y="2045"/>
                  <a:pt x="2160" y="2043"/>
                </a:cubicBezTo>
                <a:cubicBezTo>
                  <a:pt x="2160" y="2041"/>
                  <a:pt x="2161" y="2039"/>
                  <a:pt x="2162" y="2037"/>
                </a:cubicBezTo>
                <a:cubicBezTo>
                  <a:pt x="2162" y="2035"/>
                  <a:pt x="2163" y="2033"/>
                  <a:pt x="2165" y="2031"/>
                </a:cubicBezTo>
                <a:cubicBezTo>
                  <a:pt x="2166" y="2031"/>
                  <a:pt x="2167" y="2030"/>
                  <a:pt x="2168" y="2030"/>
                </a:cubicBezTo>
                <a:cubicBezTo>
                  <a:pt x="2168" y="2029"/>
                  <a:pt x="2169" y="2028"/>
                  <a:pt x="2170" y="2028"/>
                </a:cubicBezTo>
                <a:cubicBezTo>
                  <a:pt x="2174" y="2025"/>
                  <a:pt x="2179" y="2029"/>
                  <a:pt x="2183" y="2028"/>
                </a:cubicBezTo>
                <a:cubicBezTo>
                  <a:pt x="2186" y="2028"/>
                  <a:pt x="2187" y="2027"/>
                  <a:pt x="2189" y="2026"/>
                </a:cubicBezTo>
                <a:cubicBezTo>
                  <a:pt x="2191" y="2025"/>
                  <a:pt x="2193" y="2024"/>
                  <a:pt x="2195" y="2023"/>
                </a:cubicBezTo>
                <a:cubicBezTo>
                  <a:pt x="2198" y="2023"/>
                  <a:pt x="2198" y="2021"/>
                  <a:pt x="2199" y="2019"/>
                </a:cubicBezTo>
                <a:cubicBezTo>
                  <a:pt x="2199" y="2018"/>
                  <a:pt x="2199" y="2017"/>
                  <a:pt x="2199" y="2016"/>
                </a:cubicBezTo>
                <a:cubicBezTo>
                  <a:pt x="2200" y="2015"/>
                  <a:pt x="2201" y="2013"/>
                  <a:pt x="2202" y="2012"/>
                </a:cubicBezTo>
                <a:cubicBezTo>
                  <a:pt x="2202" y="2010"/>
                  <a:pt x="2202" y="2009"/>
                  <a:pt x="2203" y="2008"/>
                </a:cubicBezTo>
                <a:cubicBezTo>
                  <a:pt x="2204" y="2006"/>
                  <a:pt x="2205" y="2004"/>
                  <a:pt x="2208" y="2002"/>
                </a:cubicBezTo>
                <a:cubicBezTo>
                  <a:pt x="2208" y="2002"/>
                  <a:pt x="2209" y="2001"/>
                  <a:pt x="2211" y="2001"/>
                </a:cubicBezTo>
                <a:cubicBezTo>
                  <a:pt x="2212" y="2000"/>
                  <a:pt x="2213" y="2001"/>
                  <a:pt x="2214" y="2000"/>
                </a:cubicBezTo>
                <a:cubicBezTo>
                  <a:pt x="2216" y="2000"/>
                  <a:pt x="2218" y="1998"/>
                  <a:pt x="2220" y="1997"/>
                </a:cubicBezTo>
                <a:cubicBezTo>
                  <a:pt x="2224" y="1996"/>
                  <a:pt x="2229" y="1997"/>
                  <a:pt x="2233" y="1995"/>
                </a:cubicBezTo>
                <a:cubicBezTo>
                  <a:pt x="2235" y="1994"/>
                  <a:pt x="2236" y="1993"/>
                  <a:pt x="2236" y="1990"/>
                </a:cubicBezTo>
                <a:cubicBezTo>
                  <a:pt x="2236" y="1988"/>
                  <a:pt x="2234" y="1986"/>
                  <a:pt x="2234" y="1984"/>
                </a:cubicBezTo>
                <a:cubicBezTo>
                  <a:pt x="2234" y="1983"/>
                  <a:pt x="2235" y="1981"/>
                  <a:pt x="2235" y="1980"/>
                </a:cubicBezTo>
                <a:cubicBezTo>
                  <a:pt x="2235" y="1979"/>
                  <a:pt x="2234" y="1979"/>
                  <a:pt x="2234" y="1978"/>
                </a:cubicBezTo>
                <a:cubicBezTo>
                  <a:pt x="2233" y="1976"/>
                  <a:pt x="2233" y="1972"/>
                  <a:pt x="2233" y="1969"/>
                </a:cubicBezTo>
                <a:cubicBezTo>
                  <a:pt x="2234" y="1967"/>
                  <a:pt x="2236" y="1965"/>
                  <a:pt x="2237" y="1963"/>
                </a:cubicBezTo>
                <a:cubicBezTo>
                  <a:pt x="2238" y="1961"/>
                  <a:pt x="2238" y="1958"/>
                  <a:pt x="2238" y="1956"/>
                </a:cubicBezTo>
                <a:cubicBezTo>
                  <a:pt x="2239" y="1954"/>
                  <a:pt x="2241" y="1953"/>
                  <a:pt x="2242" y="1951"/>
                </a:cubicBezTo>
                <a:cubicBezTo>
                  <a:pt x="2243" y="1949"/>
                  <a:pt x="2243" y="1947"/>
                  <a:pt x="2245" y="1946"/>
                </a:cubicBezTo>
                <a:cubicBezTo>
                  <a:pt x="2247" y="1944"/>
                  <a:pt x="2250" y="1944"/>
                  <a:pt x="2249" y="1947"/>
                </a:cubicBezTo>
                <a:cubicBezTo>
                  <a:pt x="2248" y="1948"/>
                  <a:pt x="2247" y="1949"/>
                  <a:pt x="2247" y="1950"/>
                </a:cubicBezTo>
                <a:cubicBezTo>
                  <a:pt x="2248" y="1951"/>
                  <a:pt x="2249" y="1951"/>
                  <a:pt x="2250" y="1951"/>
                </a:cubicBezTo>
                <a:cubicBezTo>
                  <a:pt x="2251" y="1950"/>
                  <a:pt x="2252" y="1950"/>
                  <a:pt x="2253" y="1950"/>
                </a:cubicBezTo>
                <a:cubicBezTo>
                  <a:pt x="2254" y="1950"/>
                  <a:pt x="2255" y="1951"/>
                  <a:pt x="2256" y="1950"/>
                </a:cubicBezTo>
                <a:cubicBezTo>
                  <a:pt x="2259" y="1949"/>
                  <a:pt x="2259" y="1944"/>
                  <a:pt x="2262" y="1941"/>
                </a:cubicBezTo>
                <a:cubicBezTo>
                  <a:pt x="2263" y="1940"/>
                  <a:pt x="2264" y="1939"/>
                  <a:pt x="2265" y="1937"/>
                </a:cubicBezTo>
                <a:cubicBezTo>
                  <a:pt x="2265" y="1936"/>
                  <a:pt x="2265" y="1935"/>
                  <a:pt x="2266" y="1934"/>
                </a:cubicBezTo>
                <a:cubicBezTo>
                  <a:pt x="2267" y="1931"/>
                  <a:pt x="2269" y="1927"/>
                  <a:pt x="2272" y="1926"/>
                </a:cubicBezTo>
                <a:cubicBezTo>
                  <a:pt x="2274" y="1925"/>
                  <a:pt x="2275" y="1924"/>
                  <a:pt x="2277" y="1922"/>
                </a:cubicBezTo>
                <a:cubicBezTo>
                  <a:pt x="2278" y="1920"/>
                  <a:pt x="2280" y="1919"/>
                  <a:pt x="2282" y="1917"/>
                </a:cubicBezTo>
                <a:cubicBezTo>
                  <a:pt x="2284" y="1915"/>
                  <a:pt x="2284" y="1913"/>
                  <a:pt x="2286" y="1911"/>
                </a:cubicBezTo>
                <a:cubicBezTo>
                  <a:pt x="2287" y="1909"/>
                  <a:pt x="2288" y="1907"/>
                  <a:pt x="2289" y="1906"/>
                </a:cubicBezTo>
                <a:cubicBezTo>
                  <a:pt x="2290" y="1904"/>
                  <a:pt x="2291" y="1902"/>
                  <a:pt x="2291" y="1900"/>
                </a:cubicBezTo>
                <a:cubicBezTo>
                  <a:pt x="2292" y="1899"/>
                  <a:pt x="2292" y="1898"/>
                  <a:pt x="2293" y="1897"/>
                </a:cubicBezTo>
                <a:cubicBezTo>
                  <a:pt x="2293" y="1897"/>
                  <a:pt x="2294" y="1896"/>
                  <a:pt x="2294" y="1895"/>
                </a:cubicBezTo>
                <a:cubicBezTo>
                  <a:pt x="2295" y="1893"/>
                  <a:pt x="2297" y="1891"/>
                  <a:pt x="2297" y="1889"/>
                </a:cubicBezTo>
                <a:cubicBezTo>
                  <a:pt x="2297" y="1888"/>
                  <a:pt x="2296" y="1887"/>
                  <a:pt x="2296" y="1886"/>
                </a:cubicBezTo>
                <a:cubicBezTo>
                  <a:pt x="2296" y="1885"/>
                  <a:pt x="2296" y="1884"/>
                  <a:pt x="2295" y="1883"/>
                </a:cubicBezTo>
                <a:cubicBezTo>
                  <a:pt x="2294" y="1883"/>
                  <a:pt x="2294" y="1884"/>
                  <a:pt x="2293" y="1884"/>
                </a:cubicBezTo>
                <a:cubicBezTo>
                  <a:pt x="2292" y="1884"/>
                  <a:pt x="2292" y="1883"/>
                  <a:pt x="2291" y="1883"/>
                </a:cubicBezTo>
                <a:cubicBezTo>
                  <a:pt x="2290" y="1883"/>
                  <a:pt x="2289" y="1884"/>
                  <a:pt x="2287" y="1883"/>
                </a:cubicBezTo>
                <a:cubicBezTo>
                  <a:pt x="2286" y="1882"/>
                  <a:pt x="2285" y="1881"/>
                  <a:pt x="2284" y="1880"/>
                </a:cubicBezTo>
                <a:cubicBezTo>
                  <a:pt x="2282" y="1878"/>
                  <a:pt x="2281" y="1877"/>
                  <a:pt x="2279" y="1875"/>
                </a:cubicBezTo>
                <a:cubicBezTo>
                  <a:pt x="2277" y="1874"/>
                  <a:pt x="2276" y="1871"/>
                  <a:pt x="2275" y="1869"/>
                </a:cubicBezTo>
                <a:cubicBezTo>
                  <a:pt x="2274" y="1867"/>
                  <a:pt x="2273" y="1866"/>
                  <a:pt x="2271" y="1865"/>
                </a:cubicBezTo>
                <a:cubicBezTo>
                  <a:pt x="2270" y="1863"/>
                  <a:pt x="2268" y="1862"/>
                  <a:pt x="2267" y="1860"/>
                </a:cubicBezTo>
                <a:cubicBezTo>
                  <a:pt x="2266" y="1858"/>
                  <a:pt x="2265" y="1856"/>
                  <a:pt x="2263" y="1855"/>
                </a:cubicBezTo>
                <a:cubicBezTo>
                  <a:pt x="2262" y="1853"/>
                  <a:pt x="2261" y="1851"/>
                  <a:pt x="2258" y="1850"/>
                </a:cubicBezTo>
                <a:cubicBezTo>
                  <a:pt x="2256" y="1849"/>
                  <a:pt x="2254" y="1850"/>
                  <a:pt x="2252" y="1850"/>
                </a:cubicBezTo>
                <a:cubicBezTo>
                  <a:pt x="2248" y="1849"/>
                  <a:pt x="2245" y="1847"/>
                  <a:pt x="2241" y="1846"/>
                </a:cubicBezTo>
                <a:cubicBezTo>
                  <a:pt x="2239" y="1846"/>
                  <a:pt x="2237" y="1846"/>
                  <a:pt x="2235" y="1845"/>
                </a:cubicBezTo>
                <a:cubicBezTo>
                  <a:pt x="2233" y="1844"/>
                  <a:pt x="2232" y="1843"/>
                  <a:pt x="2230" y="1843"/>
                </a:cubicBezTo>
                <a:cubicBezTo>
                  <a:pt x="2226" y="1842"/>
                  <a:pt x="2221" y="1841"/>
                  <a:pt x="2217" y="1839"/>
                </a:cubicBezTo>
                <a:cubicBezTo>
                  <a:pt x="2213" y="1837"/>
                  <a:pt x="2210" y="1834"/>
                  <a:pt x="2207" y="1830"/>
                </a:cubicBezTo>
                <a:cubicBezTo>
                  <a:pt x="2206" y="1828"/>
                  <a:pt x="2203" y="1827"/>
                  <a:pt x="2202" y="1825"/>
                </a:cubicBezTo>
                <a:cubicBezTo>
                  <a:pt x="2200" y="1823"/>
                  <a:pt x="2198" y="1820"/>
                  <a:pt x="2198" y="1818"/>
                </a:cubicBezTo>
                <a:cubicBezTo>
                  <a:pt x="2197" y="1816"/>
                  <a:pt x="2196" y="1814"/>
                  <a:pt x="2195" y="1812"/>
                </a:cubicBezTo>
                <a:cubicBezTo>
                  <a:pt x="2195" y="1811"/>
                  <a:pt x="2195" y="1810"/>
                  <a:pt x="2195" y="1809"/>
                </a:cubicBezTo>
                <a:cubicBezTo>
                  <a:pt x="2194" y="1808"/>
                  <a:pt x="2194" y="1808"/>
                  <a:pt x="2194" y="1806"/>
                </a:cubicBezTo>
                <a:cubicBezTo>
                  <a:pt x="2194" y="1802"/>
                  <a:pt x="2194" y="1799"/>
                  <a:pt x="2193" y="1795"/>
                </a:cubicBezTo>
                <a:cubicBezTo>
                  <a:pt x="2193" y="1793"/>
                  <a:pt x="2193" y="1791"/>
                  <a:pt x="2191" y="1790"/>
                </a:cubicBezTo>
                <a:cubicBezTo>
                  <a:pt x="2190" y="1788"/>
                  <a:pt x="2190" y="1787"/>
                  <a:pt x="2191" y="1785"/>
                </a:cubicBezTo>
                <a:cubicBezTo>
                  <a:pt x="2192" y="1783"/>
                  <a:pt x="2192" y="1781"/>
                  <a:pt x="2193" y="1780"/>
                </a:cubicBezTo>
                <a:cubicBezTo>
                  <a:pt x="2194" y="1779"/>
                  <a:pt x="2194" y="1778"/>
                  <a:pt x="2195" y="1777"/>
                </a:cubicBezTo>
                <a:cubicBezTo>
                  <a:pt x="2195" y="1776"/>
                  <a:pt x="2195" y="1775"/>
                  <a:pt x="2195" y="1774"/>
                </a:cubicBezTo>
                <a:cubicBezTo>
                  <a:pt x="2196" y="1773"/>
                  <a:pt x="2197" y="1773"/>
                  <a:pt x="2197" y="1771"/>
                </a:cubicBezTo>
                <a:cubicBezTo>
                  <a:pt x="2197" y="1770"/>
                  <a:pt x="2193" y="1771"/>
                  <a:pt x="2195" y="1769"/>
                </a:cubicBezTo>
                <a:cubicBezTo>
                  <a:pt x="2195" y="1769"/>
                  <a:pt x="2196" y="1769"/>
                  <a:pt x="2196" y="1769"/>
                </a:cubicBezTo>
                <a:cubicBezTo>
                  <a:pt x="2197" y="1768"/>
                  <a:pt x="2197" y="1767"/>
                  <a:pt x="2197" y="1767"/>
                </a:cubicBezTo>
                <a:cubicBezTo>
                  <a:pt x="2197" y="1766"/>
                  <a:pt x="2198" y="1765"/>
                  <a:pt x="2199" y="1764"/>
                </a:cubicBezTo>
                <a:cubicBezTo>
                  <a:pt x="2198" y="1763"/>
                  <a:pt x="2197" y="1764"/>
                  <a:pt x="2196" y="1765"/>
                </a:cubicBezTo>
                <a:cubicBezTo>
                  <a:pt x="2195" y="1765"/>
                  <a:pt x="2195" y="1764"/>
                  <a:pt x="2194" y="1764"/>
                </a:cubicBezTo>
                <a:cubicBezTo>
                  <a:pt x="2192" y="1763"/>
                  <a:pt x="2191" y="1764"/>
                  <a:pt x="2189" y="1765"/>
                </a:cubicBezTo>
                <a:cubicBezTo>
                  <a:pt x="2188" y="1767"/>
                  <a:pt x="2186" y="1768"/>
                  <a:pt x="2185" y="1770"/>
                </a:cubicBezTo>
                <a:cubicBezTo>
                  <a:pt x="2184" y="1772"/>
                  <a:pt x="2183" y="1774"/>
                  <a:pt x="2181" y="1776"/>
                </a:cubicBezTo>
                <a:cubicBezTo>
                  <a:pt x="2180" y="1777"/>
                  <a:pt x="2179" y="1779"/>
                  <a:pt x="2178" y="1781"/>
                </a:cubicBezTo>
                <a:cubicBezTo>
                  <a:pt x="2176" y="1784"/>
                  <a:pt x="2173" y="1787"/>
                  <a:pt x="2169" y="1789"/>
                </a:cubicBezTo>
                <a:cubicBezTo>
                  <a:pt x="2167" y="1791"/>
                  <a:pt x="2165" y="1792"/>
                  <a:pt x="2163" y="1794"/>
                </a:cubicBezTo>
                <a:cubicBezTo>
                  <a:pt x="2161" y="1796"/>
                  <a:pt x="2159" y="1799"/>
                  <a:pt x="2158" y="1801"/>
                </a:cubicBezTo>
                <a:cubicBezTo>
                  <a:pt x="2155" y="1803"/>
                  <a:pt x="2153" y="1805"/>
                  <a:pt x="2150" y="1807"/>
                </a:cubicBezTo>
                <a:cubicBezTo>
                  <a:pt x="2147" y="1810"/>
                  <a:pt x="2141" y="1813"/>
                  <a:pt x="2140" y="1818"/>
                </a:cubicBezTo>
                <a:cubicBezTo>
                  <a:pt x="2139" y="1820"/>
                  <a:pt x="2138" y="1823"/>
                  <a:pt x="2137" y="1825"/>
                </a:cubicBezTo>
                <a:cubicBezTo>
                  <a:pt x="2136" y="1827"/>
                  <a:pt x="2133" y="1832"/>
                  <a:pt x="2130" y="1831"/>
                </a:cubicBezTo>
                <a:cubicBezTo>
                  <a:pt x="2130" y="1831"/>
                  <a:pt x="2129" y="1830"/>
                  <a:pt x="2129" y="1830"/>
                </a:cubicBezTo>
                <a:cubicBezTo>
                  <a:pt x="2127" y="1829"/>
                  <a:pt x="2126" y="1829"/>
                  <a:pt x="2125" y="1830"/>
                </a:cubicBezTo>
                <a:cubicBezTo>
                  <a:pt x="2124" y="1830"/>
                  <a:pt x="2123" y="1831"/>
                  <a:pt x="2124" y="1831"/>
                </a:cubicBezTo>
                <a:cubicBezTo>
                  <a:pt x="2124" y="1832"/>
                  <a:pt x="2125" y="1832"/>
                  <a:pt x="2125" y="1832"/>
                </a:cubicBezTo>
                <a:cubicBezTo>
                  <a:pt x="2127" y="1833"/>
                  <a:pt x="2120" y="1837"/>
                  <a:pt x="2120" y="1834"/>
                </a:cubicBezTo>
                <a:cubicBezTo>
                  <a:pt x="2120" y="1833"/>
                  <a:pt x="2121" y="1833"/>
                  <a:pt x="2121" y="1832"/>
                </a:cubicBezTo>
                <a:cubicBezTo>
                  <a:pt x="2121" y="1831"/>
                  <a:pt x="2120" y="1831"/>
                  <a:pt x="2119" y="1830"/>
                </a:cubicBezTo>
                <a:cubicBezTo>
                  <a:pt x="2116" y="1829"/>
                  <a:pt x="2115" y="1830"/>
                  <a:pt x="2113" y="1831"/>
                </a:cubicBezTo>
                <a:cubicBezTo>
                  <a:pt x="2113" y="1832"/>
                  <a:pt x="2111" y="1832"/>
                  <a:pt x="2111" y="1833"/>
                </a:cubicBezTo>
                <a:cubicBezTo>
                  <a:pt x="2111" y="1835"/>
                  <a:pt x="2113" y="1834"/>
                  <a:pt x="2114" y="1834"/>
                </a:cubicBezTo>
                <a:cubicBezTo>
                  <a:pt x="2115" y="1834"/>
                  <a:pt x="2115" y="1834"/>
                  <a:pt x="2116" y="1834"/>
                </a:cubicBezTo>
                <a:cubicBezTo>
                  <a:pt x="2117" y="1835"/>
                  <a:pt x="2118" y="1835"/>
                  <a:pt x="2118" y="1836"/>
                </a:cubicBezTo>
                <a:cubicBezTo>
                  <a:pt x="2118" y="1837"/>
                  <a:pt x="2116" y="1836"/>
                  <a:pt x="2115" y="1836"/>
                </a:cubicBezTo>
                <a:cubicBezTo>
                  <a:pt x="2114" y="1837"/>
                  <a:pt x="2114" y="1838"/>
                  <a:pt x="2113" y="1837"/>
                </a:cubicBezTo>
                <a:cubicBezTo>
                  <a:pt x="2112" y="1836"/>
                  <a:pt x="2113" y="1835"/>
                  <a:pt x="2111" y="1835"/>
                </a:cubicBezTo>
                <a:cubicBezTo>
                  <a:pt x="2110" y="1835"/>
                  <a:pt x="2109" y="1836"/>
                  <a:pt x="2109" y="1836"/>
                </a:cubicBezTo>
                <a:cubicBezTo>
                  <a:pt x="2108" y="1835"/>
                  <a:pt x="2107" y="1835"/>
                  <a:pt x="2106" y="1834"/>
                </a:cubicBezTo>
                <a:cubicBezTo>
                  <a:pt x="2105" y="1834"/>
                  <a:pt x="2102" y="1834"/>
                  <a:pt x="2100" y="1834"/>
                </a:cubicBezTo>
                <a:cubicBezTo>
                  <a:pt x="2097" y="1834"/>
                  <a:pt x="2095" y="1833"/>
                  <a:pt x="2092" y="1834"/>
                </a:cubicBezTo>
                <a:cubicBezTo>
                  <a:pt x="2088" y="1834"/>
                  <a:pt x="2084" y="1835"/>
                  <a:pt x="2080" y="1837"/>
                </a:cubicBezTo>
                <a:cubicBezTo>
                  <a:pt x="2077" y="1838"/>
                  <a:pt x="2074" y="1837"/>
                  <a:pt x="2071" y="1839"/>
                </a:cubicBezTo>
                <a:cubicBezTo>
                  <a:pt x="2068" y="1840"/>
                  <a:pt x="2063" y="1840"/>
                  <a:pt x="2060" y="1839"/>
                </a:cubicBezTo>
                <a:cubicBezTo>
                  <a:pt x="2059" y="1839"/>
                  <a:pt x="2059" y="1838"/>
                  <a:pt x="2058" y="1837"/>
                </a:cubicBezTo>
                <a:cubicBezTo>
                  <a:pt x="2057" y="1836"/>
                  <a:pt x="2056" y="1836"/>
                  <a:pt x="2056" y="1834"/>
                </a:cubicBezTo>
                <a:cubicBezTo>
                  <a:pt x="2055" y="1833"/>
                  <a:pt x="2056" y="1832"/>
                  <a:pt x="2056" y="1830"/>
                </a:cubicBezTo>
                <a:cubicBezTo>
                  <a:pt x="2055" y="1828"/>
                  <a:pt x="2055" y="1830"/>
                  <a:pt x="2054" y="1831"/>
                </a:cubicBezTo>
                <a:cubicBezTo>
                  <a:pt x="2053" y="1834"/>
                  <a:pt x="2052" y="1830"/>
                  <a:pt x="2052" y="1829"/>
                </a:cubicBezTo>
                <a:cubicBezTo>
                  <a:pt x="2052" y="1828"/>
                  <a:pt x="2052" y="1825"/>
                  <a:pt x="2051" y="1826"/>
                </a:cubicBezTo>
                <a:cubicBezTo>
                  <a:pt x="2050" y="1827"/>
                  <a:pt x="2051" y="1829"/>
                  <a:pt x="2049" y="1830"/>
                </a:cubicBezTo>
                <a:cubicBezTo>
                  <a:pt x="2048" y="1830"/>
                  <a:pt x="2047" y="1830"/>
                  <a:pt x="2046" y="1829"/>
                </a:cubicBezTo>
                <a:cubicBezTo>
                  <a:pt x="2045" y="1829"/>
                  <a:pt x="2042" y="1831"/>
                  <a:pt x="2042" y="1828"/>
                </a:cubicBezTo>
                <a:cubicBezTo>
                  <a:pt x="2042" y="1827"/>
                  <a:pt x="2042" y="1826"/>
                  <a:pt x="2043" y="1825"/>
                </a:cubicBezTo>
                <a:cubicBezTo>
                  <a:pt x="2044" y="1824"/>
                  <a:pt x="2045" y="1822"/>
                  <a:pt x="2047" y="1821"/>
                </a:cubicBezTo>
                <a:cubicBezTo>
                  <a:pt x="2049" y="1819"/>
                  <a:pt x="2046" y="1818"/>
                  <a:pt x="2047" y="1815"/>
                </a:cubicBezTo>
                <a:cubicBezTo>
                  <a:pt x="2048" y="1814"/>
                  <a:pt x="2048" y="1814"/>
                  <a:pt x="2049" y="1813"/>
                </a:cubicBezTo>
                <a:cubicBezTo>
                  <a:pt x="2049" y="1812"/>
                  <a:pt x="2049" y="1811"/>
                  <a:pt x="2049" y="1810"/>
                </a:cubicBezTo>
                <a:cubicBezTo>
                  <a:pt x="2049" y="1809"/>
                  <a:pt x="2050" y="1808"/>
                  <a:pt x="2050" y="1807"/>
                </a:cubicBezTo>
                <a:cubicBezTo>
                  <a:pt x="2052" y="1805"/>
                  <a:pt x="2051" y="1803"/>
                  <a:pt x="2052" y="1801"/>
                </a:cubicBezTo>
                <a:cubicBezTo>
                  <a:pt x="2052" y="1800"/>
                  <a:pt x="2053" y="1799"/>
                  <a:pt x="2052" y="1798"/>
                </a:cubicBezTo>
                <a:cubicBezTo>
                  <a:pt x="2051" y="1797"/>
                  <a:pt x="2051" y="1797"/>
                  <a:pt x="2051" y="1796"/>
                </a:cubicBezTo>
                <a:cubicBezTo>
                  <a:pt x="2050" y="1795"/>
                  <a:pt x="2050" y="1794"/>
                  <a:pt x="2049" y="1793"/>
                </a:cubicBezTo>
                <a:cubicBezTo>
                  <a:pt x="2048" y="1792"/>
                  <a:pt x="2047" y="1790"/>
                  <a:pt x="2048" y="1788"/>
                </a:cubicBezTo>
                <a:cubicBezTo>
                  <a:pt x="2048" y="1787"/>
                  <a:pt x="2049" y="1786"/>
                  <a:pt x="2050" y="1785"/>
                </a:cubicBezTo>
                <a:cubicBezTo>
                  <a:pt x="2050" y="1784"/>
                  <a:pt x="2050" y="1783"/>
                  <a:pt x="2050" y="1782"/>
                </a:cubicBezTo>
                <a:cubicBezTo>
                  <a:pt x="2050" y="1780"/>
                  <a:pt x="2052" y="1777"/>
                  <a:pt x="2049" y="1777"/>
                </a:cubicBezTo>
                <a:cubicBezTo>
                  <a:pt x="2048" y="1776"/>
                  <a:pt x="2047" y="1777"/>
                  <a:pt x="2046" y="1776"/>
                </a:cubicBezTo>
                <a:cubicBezTo>
                  <a:pt x="2044" y="1775"/>
                  <a:pt x="2044" y="1773"/>
                  <a:pt x="2043" y="1772"/>
                </a:cubicBezTo>
                <a:cubicBezTo>
                  <a:pt x="2043" y="1771"/>
                  <a:pt x="2042" y="1771"/>
                  <a:pt x="2041" y="1771"/>
                </a:cubicBezTo>
                <a:cubicBezTo>
                  <a:pt x="2038" y="1770"/>
                  <a:pt x="2037" y="1771"/>
                  <a:pt x="2036" y="1773"/>
                </a:cubicBezTo>
                <a:cubicBezTo>
                  <a:pt x="2034" y="1774"/>
                  <a:pt x="2033" y="1776"/>
                  <a:pt x="2033" y="1778"/>
                </a:cubicBezTo>
                <a:cubicBezTo>
                  <a:pt x="2033" y="1781"/>
                  <a:pt x="2032" y="1782"/>
                  <a:pt x="2031" y="1784"/>
                </a:cubicBezTo>
                <a:cubicBezTo>
                  <a:pt x="2030" y="1786"/>
                  <a:pt x="2029" y="1787"/>
                  <a:pt x="2029" y="1788"/>
                </a:cubicBezTo>
                <a:cubicBezTo>
                  <a:pt x="2029" y="1790"/>
                  <a:pt x="2029" y="1792"/>
                  <a:pt x="2029" y="1793"/>
                </a:cubicBezTo>
                <a:cubicBezTo>
                  <a:pt x="2027" y="1795"/>
                  <a:pt x="2027" y="1796"/>
                  <a:pt x="2027" y="1798"/>
                </a:cubicBezTo>
                <a:cubicBezTo>
                  <a:pt x="2027" y="1800"/>
                  <a:pt x="2026" y="1801"/>
                  <a:pt x="2026" y="1803"/>
                </a:cubicBezTo>
                <a:cubicBezTo>
                  <a:pt x="2028" y="1804"/>
                  <a:pt x="2028" y="1807"/>
                  <a:pt x="2028" y="1809"/>
                </a:cubicBezTo>
                <a:cubicBezTo>
                  <a:pt x="2028" y="1809"/>
                  <a:pt x="2028" y="1811"/>
                  <a:pt x="2027" y="1811"/>
                </a:cubicBezTo>
                <a:cubicBezTo>
                  <a:pt x="2026" y="1812"/>
                  <a:pt x="2025" y="1810"/>
                  <a:pt x="2025" y="1809"/>
                </a:cubicBezTo>
                <a:cubicBezTo>
                  <a:pt x="2024" y="1807"/>
                  <a:pt x="2023" y="1805"/>
                  <a:pt x="2022" y="1804"/>
                </a:cubicBezTo>
                <a:cubicBezTo>
                  <a:pt x="2021" y="1802"/>
                  <a:pt x="2020" y="1800"/>
                  <a:pt x="2020" y="1798"/>
                </a:cubicBezTo>
                <a:cubicBezTo>
                  <a:pt x="2018" y="1794"/>
                  <a:pt x="2015" y="1792"/>
                  <a:pt x="2012" y="1788"/>
                </a:cubicBezTo>
                <a:cubicBezTo>
                  <a:pt x="2010" y="1785"/>
                  <a:pt x="2008" y="1782"/>
                  <a:pt x="2006" y="1778"/>
                </a:cubicBezTo>
                <a:cubicBezTo>
                  <a:pt x="2005" y="1777"/>
                  <a:pt x="2003" y="1775"/>
                  <a:pt x="2003" y="1774"/>
                </a:cubicBezTo>
                <a:cubicBezTo>
                  <a:pt x="2003" y="1773"/>
                  <a:pt x="2003" y="1771"/>
                  <a:pt x="2004" y="1771"/>
                </a:cubicBezTo>
                <a:cubicBezTo>
                  <a:pt x="2005" y="1770"/>
                  <a:pt x="2005" y="1771"/>
                  <a:pt x="2006" y="1771"/>
                </a:cubicBezTo>
                <a:cubicBezTo>
                  <a:pt x="2006" y="1772"/>
                  <a:pt x="2007" y="1772"/>
                  <a:pt x="2007" y="1772"/>
                </a:cubicBezTo>
                <a:cubicBezTo>
                  <a:pt x="2007" y="1773"/>
                  <a:pt x="2007" y="1773"/>
                  <a:pt x="2008" y="1773"/>
                </a:cubicBezTo>
                <a:cubicBezTo>
                  <a:pt x="2008" y="1774"/>
                  <a:pt x="2009" y="1774"/>
                  <a:pt x="2009" y="1773"/>
                </a:cubicBezTo>
                <a:cubicBezTo>
                  <a:pt x="2010" y="1772"/>
                  <a:pt x="2009" y="1771"/>
                  <a:pt x="2009" y="1770"/>
                </a:cubicBezTo>
                <a:cubicBezTo>
                  <a:pt x="2010" y="1769"/>
                  <a:pt x="2010" y="1768"/>
                  <a:pt x="2010" y="1767"/>
                </a:cubicBezTo>
                <a:cubicBezTo>
                  <a:pt x="2010" y="1767"/>
                  <a:pt x="2010" y="1766"/>
                  <a:pt x="2010" y="1766"/>
                </a:cubicBezTo>
                <a:cubicBezTo>
                  <a:pt x="2011" y="1765"/>
                  <a:pt x="2011" y="1765"/>
                  <a:pt x="2011" y="1765"/>
                </a:cubicBezTo>
                <a:cubicBezTo>
                  <a:pt x="2012" y="1764"/>
                  <a:pt x="2011" y="1764"/>
                  <a:pt x="2010" y="1763"/>
                </a:cubicBezTo>
                <a:cubicBezTo>
                  <a:pt x="2010" y="1762"/>
                  <a:pt x="2010" y="1761"/>
                  <a:pt x="2009" y="1760"/>
                </a:cubicBezTo>
                <a:cubicBezTo>
                  <a:pt x="2009" y="1759"/>
                  <a:pt x="2007" y="1759"/>
                  <a:pt x="2007" y="1758"/>
                </a:cubicBezTo>
                <a:cubicBezTo>
                  <a:pt x="2005" y="1758"/>
                  <a:pt x="2003" y="1756"/>
                  <a:pt x="2004" y="1754"/>
                </a:cubicBezTo>
                <a:cubicBezTo>
                  <a:pt x="2004" y="1751"/>
                  <a:pt x="2006" y="1755"/>
                  <a:pt x="2007" y="1754"/>
                </a:cubicBezTo>
                <a:cubicBezTo>
                  <a:pt x="2009" y="1754"/>
                  <a:pt x="2008" y="1753"/>
                  <a:pt x="2007" y="1753"/>
                </a:cubicBezTo>
                <a:cubicBezTo>
                  <a:pt x="2007" y="1752"/>
                  <a:pt x="2006" y="1751"/>
                  <a:pt x="2006" y="1750"/>
                </a:cubicBezTo>
                <a:cubicBezTo>
                  <a:pt x="2005" y="1750"/>
                  <a:pt x="2005" y="1750"/>
                  <a:pt x="2004" y="1749"/>
                </a:cubicBezTo>
                <a:cubicBezTo>
                  <a:pt x="2003" y="1748"/>
                  <a:pt x="2003" y="1747"/>
                  <a:pt x="2001" y="1747"/>
                </a:cubicBezTo>
                <a:cubicBezTo>
                  <a:pt x="2000" y="1747"/>
                  <a:pt x="1999" y="1747"/>
                  <a:pt x="1997" y="1747"/>
                </a:cubicBezTo>
                <a:cubicBezTo>
                  <a:pt x="1995" y="1746"/>
                  <a:pt x="1996" y="1743"/>
                  <a:pt x="1995" y="1741"/>
                </a:cubicBezTo>
                <a:cubicBezTo>
                  <a:pt x="1994" y="1740"/>
                  <a:pt x="1993" y="1740"/>
                  <a:pt x="1992" y="1739"/>
                </a:cubicBezTo>
                <a:cubicBezTo>
                  <a:pt x="1992" y="1738"/>
                  <a:pt x="1992" y="1737"/>
                  <a:pt x="1991" y="1737"/>
                </a:cubicBezTo>
                <a:cubicBezTo>
                  <a:pt x="1989" y="1736"/>
                  <a:pt x="1989" y="1738"/>
                  <a:pt x="1987" y="1738"/>
                </a:cubicBezTo>
                <a:cubicBezTo>
                  <a:pt x="1986" y="1737"/>
                  <a:pt x="1986" y="1736"/>
                  <a:pt x="1986" y="1736"/>
                </a:cubicBezTo>
                <a:cubicBezTo>
                  <a:pt x="1984" y="1734"/>
                  <a:pt x="1983" y="1733"/>
                  <a:pt x="1981" y="1731"/>
                </a:cubicBezTo>
                <a:cubicBezTo>
                  <a:pt x="1980" y="1730"/>
                  <a:pt x="1979" y="1729"/>
                  <a:pt x="1981" y="1728"/>
                </a:cubicBezTo>
                <a:cubicBezTo>
                  <a:pt x="1982" y="1728"/>
                  <a:pt x="1985" y="1728"/>
                  <a:pt x="1983" y="1727"/>
                </a:cubicBezTo>
                <a:cubicBezTo>
                  <a:pt x="1982" y="1726"/>
                  <a:pt x="1980" y="1725"/>
                  <a:pt x="1978" y="1726"/>
                </a:cubicBezTo>
                <a:cubicBezTo>
                  <a:pt x="1978" y="1726"/>
                  <a:pt x="1977" y="1726"/>
                  <a:pt x="1976" y="1726"/>
                </a:cubicBezTo>
                <a:cubicBezTo>
                  <a:pt x="1975" y="1725"/>
                  <a:pt x="1976" y="1724"/>
                  <a:pt x="1975" y="1724"/>
                </a:cubicBezTo>
                <a:cubicBezTo>
                  <a:pt x="1974" y="1723"/>
                  <a:pt x="1973" y="1723"/>
                  <a:pt x="1972" y="1723"/>
                </a:cubicBezTo>
                <a:cubicBezTo>
                  <a:pt x="1970" y="1723"/>
                  <a:pt x="1970" y="1723"/>
                  <a:pt x="1969" y="1722"/>
                </a:cubicBezTo>
                <a:cubicBezTo>
                  <a:pt x="1968" y="1720"/>
                  <a:pt x="1967" y="1718"/>
                  <a:pt x="1966" y="1715"/>
                </a:cubicBezTo>
                <a:cubicBezTo>
                  <a:pt x="1966" y="1713"/>
                  <a:pt x="1965" y="1711"/>
                  <a:pt x="1965" y="1709"/>
                </a:cubicBezTo>
                <a:cubicBezTo>
                  <a:pt x="1964" y="1707"/>
                  <a:pt x="1963" y="1705"/>
                  <a:pt x="1962" y="1703"/>
                </a:cubicBezTo>
                <a:cubicBezTo>
                  <a:pt x="1961" y="1701"/>
                  <a:pt x="1960" y="1699"/>
                  <a:pt x="1959" y="1697"/>
                </a:cubicBezTo>
                <a:cubicBezTo>
                  <a:pt x="1958" y="1695"/>
                  <a:pt x="1956" y="1693"/>
                  <a:pt x="1956" y="1691"/>
                </a:cubicBezTo>
                <a:cubicBezTo>
                  <a:pt x="1956" y="1690"/>
                  <a:pt x="1956" y="1689"/>
                  <a:pt x="1955" y="1688"/>
                </a:cubicBezTo>
                <a:cubicBezTo>
                  <a:pt x="1955" y="1687"/>
                  <a:pt x="1954" y="1687"/>
                  <a:pt x="1954" y="1686"/>
                </a:cubicBezTo>
                <a:cubicBezTo>
                  <a:pt x="1953" y="1684"/>
                  <a:pt x="1953" y="1682"/>
                  <a:pt x="1952" y="1681"/>
                </a:cubicBezTo>
                <a:cubicBezTo>
                  <a:pt x="1950" y="1679"/>
                  <a:pt x="1950" y="1677"/>
                  <a:pt x="1949" y="1675"/>
                </a:cubicBezTo>
                <a:cubicBezTo>
                  <a:pt x="1949" y="1675"/>
                  <a:pt x="1948" y="1674"/>
                  <a:pt x="1948" y="1673"/>
                </a:cubicBezTo>
                <a:cubicBezTo>
                  <a:pt x="1947" y="1672"/>
                  <a:pt x="1948" y="1670"/>
                  <a:pt x="1947" y="1668"/>
                </a:cubicBezTo>
                <a:cubicBezTo>
                  <a:pt x="1946" y="1667"/>
                  <a:pt x="1944" y="1667"/>
                  <a:pt x="1943" y="1666"/>
                </a:cubicBezTo>
                <a:cubicBezTo>
                  <a:pt x="1942" y="1666"/>
                  <a:pt x="1941" y="1666"/>
                  <a:pt x="1940" y="1666"/>
                </a:cubicBezTo>
                <a:cubicBezTo>
                  <a:pt x="1940" y="1666"/>
                  <a:pt x="1937" y="1666"/>
                  <a:pt x="1938" y="1665"/>
                </a:cubicBezTo>
                <a:cubicBezTo>
                  <a:pt x="1939" y="1664"/>
                  <a:pt x="1940" y="1664"/>
                  <a:pt x="1941" y="1663"/>
                </a:cubicBezTo>
                <a:cubicBezTo>
                  <a:pt x="1941" y="1663"/>
                  <a:pt x="1941" y="1662"/>
                  <a:pt x="1942" y="1661"/>
                </a:cubicBezTo>
                <a:cubicBezTo>
                  <a:pt x="1943" y="1659"/>
                  <a:pt x="1945" y="1659"/>
                  <a:pt x="1946" y="1660"/>
                </a:cubicBezTo>
                <a:cubicBezTo>
                  <a:pt x="1947" y="1660"/>
                  <a:pt x="1948" y="1661"/>
                  <a:pt x="1949" y="1661"/>
                </a:cubicBezTo>
                <a:cubicBezTo>
                  <a:pt x="1950" y="1660"/>
                  <a:pt x="1950" y="1659"/>
                  <a:pt x="1951" y="1659"/>
                </a:cubicBezTo>
                <a:cubicBezTo>
                  <a:pt x="1953" y="1658"/>
                  <a:pt x="1956" y="1659"/>
                  <a:pt x="1956" y="1656"/>
                </a:cubicBezTo>
                <a:cubicBezTo>
                  <a:pt x="1956" y="1654"/>
                  <a:pt x="1955" y="1654"/>
                  <a:pt x="1955" y="1653"/>
                </a:cubicBezTo>
                <a:cubicBezTo>
                  <a:pt x="1954" y="1652"/>
                  <a:pt x="1955" y="1651"/>
                  <a:pt x="1954" y="1650"/>
                </a:cubicBezTo>
                <a:cubicBezTo>
                  <a:pt x="1954" y="1650"/>
                  <a:pt x="1953" y="1650"/>
                  <a:pt x="1953" y="1650"/>
                </a:cubicBezTo>
                <a:cubicBezTo>
                  <a:pt x="1952" y="1649"/>
                  <a:pt x="1952" y="1649"/>
                  <a:pt x="1952" y="1648"/>
                </a:cubicBezTo>
                <a:cubicBezTo>
                  <a:pt x="1951" y="1648"/>
                  <a:pt x="1951" y="1647"/>
                  <a:pt x="1950" y="1647"/>
                </a:cubicBezTo>
                <a:cubicBezTo>
                  <a:pt x="1948" y="1647"/>
                  <a:pt x="1948" y="1648"/>
                  <a:pt x="1948" y="1649"/>
                </a:cubicBezTo>
                <a:cubicBezTo>
                  <a:pt x="1947" y="1650"/>
                  <a:pt x="1946" y="1649"/>
                  <a:pt x="1945" y="1649"/>
                </a:cubicBezTo>
                <a:cubicBezTo>
                  <a:pt x="1944" y="1649"/>
                  <a:pt x="1944" y="1648"/>
                  <a:pt x="1943" y="1646"/>
                </a:cubicBezTo>
                <a:cubicBezTo>
                  <a:pt x="1943" y="1646"/>
                  <a:pt x="1942" y="1645"/>
                  <a:pt x="1944" y="1645"/>
                </a:cubicBezTo>
                <a:cubicBezTo>
                  <a:pt x="1944" y="1645"/>
                  <a:pt x="1945" y="1645"/>
                  <a:pt x="1945" y="1646"/>
                </a:cubicBezTo>
                <a:cubicBezTo>
                  <a:pt x="1945" y="1646"/>
                  <a:pt x="1946" y="1646"/>
                  <a:pt x="1946" y="1646"/>
                </a:cubicBezTo>
                <a:cubicBezTo>
                  <a:pt x="1949" y="1646"/>
                  <a:pt x="1950" y="1646"/>
                  <a:pt x="1952" y="1647"/>
                </a:cubicBezTo>
                <a:cubicBezTo>
                  <a:pt x="1953" y="1648"/>
                  <a:pt x="1954" y="1648"/>
                  <a:pt x="1955" y="1648"/>
                </a:cubicBezTo>
                <a:cubicBezTo>
                  <a:pt x="1956" y="1648"/>
                  <a:pt x="1957" y="1648"/>
                  <a:pt x="1958" y="1648"/>
                </a:cubicBezTo>
                <a:cubicBezTo>
                  <a:pt x="1960" y="1649"/>
                  <a:pt x="1961" y="1648"/>
                  <a:pt x="1963" y="1647"/>
                </a:cubicBezTo>
                <a:cubicBezTo>
                  <a:pt x="1965" y="1646"/>
                  <a:pt x="1967" y="1648"/>
                  <a:pt x="1969" y="1647"/>
                </a:cubicBezTo>
                <a:cubicBezTo>
                  <a:pt x="1971" y="1646"/>
                  <a:pt x="1972" y="1646"/>
                  <a:pt x="1973" y="1644"/>
                </a:cubicBezTo>
                <a:cubicBezTo>
                  <a:pt x="1973" y="1642"/>
                  <a:pt x="1972" y="1640"/>
                  <a:pt x="1972" y="1638"/>
                </a:cubicBezTo>
                <a:cubicBezTo>
                  <a:pt x="1971" y="1637"/>
                  <a:pt x="1971" y="1637"/>
                  <a:pt x="1971" y="1636"/>
                </a:cubicBezTo>
                <a:cubicBezTo>
                  <a:pt x="1972" y="1635"/>
                  <a:pt x="1973" y="1635"/>
                  <a:pt x="1974" y="1635"/>
                </a:cubicBezTo>
                <a:cubicBezTo>
                  <a:pt x="1976" y="1634"/>
                  <a:pt x="1975" y="1631"/>
                  <a:pt x="1978" y="1631"/>
                </a:cubicBezTo>
                <a:cubicBezTo>
                  <a:pt x="1978" y="1631"/>
                  <a:pt x="1980" y="1631"/>
                  <a:pt x="1981" y="1631"/>
                </a:cubicBezTo>
                <a:cubicBezTo>
                  <a:pt x="1982" y="1632"/>
                  <a:pt x="1981" y="1633"/>
                  <a:pt x="1980" y="1633"/>
                </a:cubicBezTo>
                <a:cubicBezTo>
                  <a:pt x="1979" y="1634"/>
                  <a:pt x="1974" y="1634"/>
                  <a:pt x="1976" y="1636"/>
                </a:cubicBezTo>
                <a:cubicBezTo>
                  <a:pt x="1977" y="1637"/>
                  <a:pt x="1978" y="1636"/>
                  <a:pt x="1979" y="1637"/>
                </a:cubicBezTo>
                <a:cubicBezTo>
                  <a:pt x="1980" y="1637"/>
                  <a:pt x="1981" y="1638"/>
                  <a:pt x="1982" y="1638"/>
                </a:cubicBezTo>
                <a:cubicBezTo>
                  <a:pt x="1984" y="1639"/>
                  <a:pt x="1986" y="1639"/>
                  <a:pt x="1987" y="1641"/>
                </a:cubicBezTo>
                <a:cubicBezTo>
                  <a:pt x="1989" y="1642"/>
                  <a:pt x="1989" y="1645"/>
                  <a:pt x="1991" y="1646"/>
                </a:cubicBezTo>
                <a:cubicBezTo>
                  <a:pt x="1992" y="1647"/>
                  <a:pt x="1993" y="1646"/>
                  <a:pt x="1993" y="1645"/>
                </a:cubicBezTo>
                <a:cubicBezTo>
                  <a:pt x="1994" y="1645"/>
                  <a:pt x="1995" y="1644"/>
                  <a:pt x="1996" y="1644"/>
                </a:cubicBezTo>
                <a:cubicBezTo>
                  <a:pt x="1997" y="1644"/>
                  <a:pt x="1998" y="1643"/>
                  <a:pt x="1999" y="1643"/>
                </a:cubicBezTo>
                <a:cubicBezTo>
                  <a:pt x="2000" y="1642"/>
                  <a:pt x="2001" y="1642"/>
                  <a:pt x="2002" y="1642"/>
                </a:cubicBezTo>
                <a:cubicBezTo>
                  <a:pt x="2003" y="1642"/>
                  <a:pt x="2004" y="1641"/>
                  <a:pt x="2005" y="1641"/>
                </a:cubicBezTo>
                <a:cubicBezTo>
                  <a:pt x="2006" y="1641"/>
                  <a:pt x="2007" y="1642"/>
                  <a:pt x="2007" y="1643"/>
                </a:cubicBezTo>
                <a:cubicBezTo>
                  <a:pt x="2008" y="1644"/>
                  <a:pt x="2007" y="1645"/>
                  <a:pt x="2009" y="1645"/>
                </a:cubicBezTo>
                <a:cubicBezTo>
                  <a:pt x="2009" y="1646"/>
                  <a:pt x="2010" y="1646"/>
                  <a:pt x="2010" y="1647"/>
                </a:cubicBezTo>
                <a:cubicBezTo>
                  <a:pt x="2011" y="1649"/>
                  <a:pt x="2010" y="1652"/>
                  <a:pt x="2012" y="1653"/>
                </a:cubicBezTo>
                <a:cubicBezTo>
                  <a:pt x="2013" y="1654"/>
                  <a:pt x="2014" y="1654"/>
                  <a:pt x="2015" y="1654"/>
                </a:cubicBezTo>
                <a:cubicBezTo>
                  <a:pt x="2015" y="1655"/>
                  <a:pt x="2016" y="1656"/>
                  <a:pt x="2016" y="1657"/>
                </a:cubicBezTo>
                <a:cubicBezTo>
                  <a:pt x="2017" y="1659"/>
                  <a:pt x="2018" y="1660"/>
                  <a:pt x="2020" y="1661"/>
                </a:cubicBezTo>
                <a:cubicBezTo>
                  <a:pt x="2021" y="1662"/>
                  <a:pt x="2023" y="1664"/>
                  <a:pt x="2024" y="1666"/>
                </a:cubicBezTo>
                <a:cubicBezTo>
                  <a:pt x="2024" y="1667"/>
                  <a:pt x="2024" y="1668"/>
                  <a:pt x="2024" y="1670"/>
                </a:cubicBezTo>
                <a:cubicBezTo>
                  <a:pt x="2024" y="1671"/>
                  <a:pt x="2022" y="1672"/>
                  <a:pt x="2023" y="1673"/>
                </a:cubicBezTo>
                <a:cubicBezTo>
                  <a:pt x="2023" y="1674"/>
                  <a:pt x="2024" y="1674"/>
                  <a:pt x="2025" y="1674"/>
                </a:cubicBezTo>
                <a:cubicBezTo>
                  <a:pt x="2026" y="1674"/>
                  <a:pt x="2026" y="1674"/>
                  <a:pt x="2027" y="1675"/>
                </a:cubicBezTo>
                <a:cubicBezTo>
                  <a:pt x="2028" y="1676"/>
                  <a:pt x="2030" y="1676"/>
                  <a:pt x="2031" y="1677"/>
                </a:cubicBezTo>
                <a:cubicBezTo>
                  <a:pt x="2031" y="1679"/>
                  <a:pt x="2030" y="1682"/>
                  <a:pt x="2031" y="1684"/>
                </a:cubicBezTo>
                <a:cubicBezTo>
                  <a:pt x="2031" y="1685"/>
                  <a:pt x="2032" y="1685"/>
                  <a:pt x="2033" y="1686"/>
                </a:cubicBezTo>
                <a:cubicBezTo>
                  <a:pt x="2033" y="1687"/>
                  <a:pt x="2034" y="1688"/>
                  <a:pt x="2034" y="1689"/>
                </a:cubicBezTo>
                <a:cubicBezTo>
                  <a:pt x="2034" y="1690"/>
                  <a:pt x="2034" y="1691"/>
                  <a:pt x="2035" y="1692"/>
                </a:cubicBezTo>
                <a:cubicBezTo>
                  <a:pt x="2035" y="1693"/>
                  <a:pt x="2036" y="1694"/>
                  <a:pt x="2036" y="1695"/>
                </a:cubicBezTo>
                <a:cubicBezTo>
                  <a:pt x="2037" y="1697"/>
                  <a:pt x="2037" y="1699"/>
                  <a:pt x="2038" y="1701"/>
                </a:cubicBezTo>
                <a:cubicBezTo>
                  <a:pt x="2039" y="1703"/>
                  <a:pt x="2041" y="1704"/>
                  <a:pt x="2042" y="1705"/>
                </a:cubicBezTo>
                <a:cubicBezTo>
                  <a:pt x="2043" y="1709"/>
                  <a:pt x="2045" y="1714"/>
                  <a:pt x="2050" y="1715"/>
                </a:cubicBezTo>
                <a:cubicBezTo>
                  <a:pt x="2054" y="1716"/>
                  <a:pt x="2059" y="1715"/>
                  <a:pt x="2063" y="1717"/>
                </a:cubicBezTo>
                <a:cubicBezTo>
                  <a:pt x="2064" y="1717"/>
                  <a:pt x="2065" y="1718"/>
                  <a:pt x="2066" y="1718"/>
                </a:cubicBezTo>
                <a:cubicBezTo>
                  <a:pt x="2067" y="1718"/>
                  <a:pt x="2068" y="1718"/>
                  <a:pt x="2069" y="1719"/>
                </a:cubicBezTo>
                <a:cubicBezTo>
                  <a:pt x="2070" y="1719"/>
                  <a:pt x="2070" y="1720"/>
                  <a:pt x="2071" y="1720"/>
                </a:cubicBezTo>
                <a:cubicBezTo>
                  <a:pt x="2072" y="1721"/>
                  <a:pt x="2073" y="1721"/>
                  <a:pt x="2074" y="1721"/>
                </a:cubicBezTo>
                <a:cubicBezTo>
                  <a:pt x="2076" y="1722"/>
                  <a:pt x="2077" y="1723"/>
                  <a:pt x="2078" y="1725"/>
                </a:cubicBezTo>
                <a:cubicBezTo>
                  <a:pt x="2080" y="1727"/>
                  <a:pt x="2081" y="1728"/>
                  <a:pt x="2083" y="1729"/>
                </a:cubicBezTo>
                <a:cubicBezTo>
                  <a:pt x="2085" y="1731"/>
                  <a:pt x="2085" y="1733"/>
                  <a:pt x="2087" y="1735"/>
                </a:cubicBezTo>
                <a:cubicBezTo>
                  <a:pt x="2088" y="1737"/>
                  <a:pt x="2090" y="1737"/>
                  <a:pt x="2092" y="1738"/>
                </a:cubicBezTo>
                <a:cubicBezTo>
                  <a:pt x="2093" y="1739"/>
                  <a:pt x="2094" y="1739"/>
                  <a:pt x="2095" y="1740"/>
                </a:cubicBezTo>
                <a:cubicBezTo>
                  <a:pt x="2097" y="1741"/>
                  <a:pt x="2098" y="1741"/>
                  <a:pt x="2099" y="1742"/>
                </a:cubicBezTo>
                <a:cubicBezTo>
                  <a:pt x="2102" y="1743"/>
                  <a:pt x="2105" y="1742"/>
                  <a:pt x="2106" y="1745"/>
                </a:cubicBezTo>
                <a:cubicBezTo>
                  <a:pt x="2108" y="1747"/>
                  <a:pt x="2108" y="1749"/>
                  <a:pt x="2110" y="1750"/>
                </a:cubicBezTo>
                <a:cubicBezTo>
                  <a:pt x="2112" y="1752"/>
                  <a:pt x="2114" y="1753"/>
                  <a:pt x="2116" y="1753"/>
                </a:cubicBezTo>
                <a:cubicBezTo>
                  <a:pt x="2118" y="1754"/>
                  <a:pt x="2120" y="1754"/>
                  <a:pt x="2122" y="1754"/>
                </a:cubicBezTo>
                <a:cubicBezTo>
                  <a:pt x="2127" y="1755"/>
                  <a:pt x="2131" y="1756"/>
                  <a:pt x="2135" y="1756"/>
                </a:cubicBezTo>
                <a:cubicBezTo>
                  <a:pt x="2137" y="1756"/>
                  <a:pt x="2138" y="1757"/>
                  <a:pt x="2140" y="1758"/>
                </a:cubicBezTo>
                <a:cubicBezTo>
                  <a:pt x="2142" y="1759"/>
                  <a:pt x="2144" y="1759"/>
                  <a:pt x="2146" y="1758"/>
                </a:cubicBezTo>
                <a:cubicBezTo>
                  <a:pt x="2148" y="1757"/>
                  <a:pt x="2150" y="1757"/>
                  <a:pt x="2151" y="1756"/>
                </a:cubicBezTo>
                <a:cubicBezTo>
                  <a:pt x="2154" y="1756"/>
                  <a:pt x="2155" y="1755"/>
                  <a:pt x="2157" y="1754"/>
                </a:cubicBezTo>
                <a:cubicBezTo>
                  <a:pt x="2158" y="1754"/>
                  <a:pt x="2160" y="1754"/>
                  <a:pt x="2161" y="1753"/>
                </a:cubicBezTo>
                <a:cubicBezTo>
                  <a:pt x="2162" y="1753"/>
                  <a:pt x="2163" y="1752"/>
                  <a:pt x="2164" y="1751"/>
                </a:cubicBezTo>
                <a:cubicBezTo>
                  <a:pt x="2165" y="1751"/>
                  <a:pt x="2166" y="1750"/>
                  <a:pt x="2166" y="1750"/>
                </a:cubicBezTo>
                <a:cubicBezTo>
                  <a:pt x="2167" y="1750"/>
                  <a:pt x="2167" y="1751"/>
                  <a:pt x="2167" y="1752"/>
                </a:cubicBezTo>
                <a:cubicBezTo>
                  <a:pt x="2166" y="1752"/>
                  <a:pt x="2165" y="1753"/>
                  <a:pt x="2165" y="1753"/>
                </a:cubicBezTo>
                <a:cubicBezTo>
                  <a:pt x="2164" y="1753"/>
                  <a:pt x="2164" y="1754"/>
                  <a:pt x="2163" y="1755"/>
                </a:cubicBezTo>
                <a:cubicBezTo>
                  <a:pt x="2162" y="1756"/>
                  <a:pt x="2161" y="1757"/>
                  <a:pt x="2161" y="1759"/>
                </a:cubicBezTo>
                <a:cubicBezTo>
                  <a:pt x="2163" y="1759"/>
                  <a:pt x="2163" y="1756"/>
                  <a:pt x="2166" y="1756"/>
                </a:cubicBezTo>
                <a:cubicBezTo>
                  <a:pt x="2167" y="1756"/>
                  <a:pt x="2168" y="1756"/>
                  <a:pt x="2169" y="1755"/>
                </a:cubicBezTo>
                <a:cubicBezTo>
                  <a:pt x="2170" y="1755"/>
                  <a:pt x="2170" y="1754"/>
                  <a:pt x="2171" y="1754"/>
                </a:cubicBezTo>
                <a:cubicBezTo>
                  <a:pt x="2172" y="1753"/>
                  <a:pt x="2173" y="1754"/>
                  <a:pt x="2174" y="1753"/>
                </a:cubicBezTo>
                <a:cubicBezTo>
                  <a:pt x="2175" y="1753"/>
                  <a:pt x="2176" y="1752"/>
                  <a:pt x="2177" y="1752"/>
                </a:cubicBezTo>
                <a:cubicBezTo>
                  <a:pt x="2177" y="1751"/>
                  <a:pt x="2178" y="1750"/>
                  <a:pt x="2179" y="1750"/>
                </a:cubicBezTo>
                <a:cubicBezTo>
                  <a:pt x="2180" y="1751"/>
                  <a:pt x="2179" y="1752"/>
                  <a:pt x="2180" y="1753"/>
                </a:cubicBezTo>
                <a:cubicBezTo>
                  <a:pt x="2181" y="1753"/>
                  <a:pt x="2183" y="1753"/>
                  <a:pt x="2183" y="1753"/>
                </a:cubicBezTo>
                <a:cubicBezTo>
                  <a:pt x="2184" y="1752"/>
                  <a:pt x="2184" y="1751"/>
                  <a:pt x="2185" y="1750"/>
                </a:cubicBezTo>
                <a:cubicBezTo>
                  <a:pt x="2185" y="1748"/>
                  <a:pt x="2187" y="1746"/>
                  <a:pt x="2189" y="1746"/>
                </a:cubicBezTo>
                <a:cubicBezTo>
                  <a:pt x="2190" y="1746"/>
                  <a:pt x="2192" y="1745"/>
                  <a:pt x="2191" y="1744"/>
                </a:cubicBezTo>
                <a:cubicBezTo>
                  <a:pt x="2190" y="1744"/>
                  <a:pt x="2188" y="1744"/>
                  <a:pt x="2187" y="1744"/>
                </a:cubicBezTo>
                <a:cubicBezTo>
                  <a:pt x="2186" y="1744"/>
                  <a:pt x="2186" y="1743"/>
                  <a:pt x="2185" y="1743"/>
                </a:cubicBezTo>
                <a:cubicBezTo>
                  <a:pt x="2183" y="1743"/>
                  <a:pt x="2183" y="1744"/>
                  <a:pt x="2182" y="1744"/>
                </a:cubicBezTo>
                <a:cubicBezTo>
                  <a:pt x="2180" y="1745"/>
                  <a:pt x="2178" y="1745"/>
                  <a:pt x="2176" y="1745"/>
                </a:cubicBezTo>
                <a:cubicBezTo>
                  <a:pt x="2173" y="1744"/>
                  <a:pt x="2174" y="1747"/>
                  <a:pt x="2174" y="1749"/>
                </a:cubicBezTo>
                <a:cubicBezTo>
                  <a:pt x="2174" y="1750"/>
                  <a:pt x="2171" y="1750"/>
                  <a:pt x="2170" y="1751"/>
                </a:cubicBezTo>
                <a:cubicBezTo>
                  <a:pt x="2168" y="1752"/>
                  <a:pt x="2168" y="1751"/>
                  <a:pt x="2168" y="1749"/>
                </a:cubicBezTo>
                <a:cubicBezTo>
                  <a:pt x="2168" y="1747"/>
                  <a:pt x="2169" y="1748"/>
                  <a:pt x="2170" y="1746"/>
                </a:cubicBezTo>
                <a:cubicBezTo>
                  <a:pt x="2170" y="1746"/>
                  <a:pt x="2170" y="1745"/>
                  <a:pt x="2170" y="1744"/>
                </a:cubicBezTo>
                <a:cubicBezTo>
                  <a:pt x="2171" y="1743"/>
                  <a:pt x="2173" y="1744"/>
                  <a:pt x="2174" y="1743"/>
                </a:cubicBezTo>
                <a:cubicBezTo>
                  <a:pt x="2175" y="1743"/>
                  <a:pt x="2176" y="1741"/>
                  <a:pt x="2177" y="1741"/>
                </a:cubicBezTo>
                <a:cubicBezTo>
                  <a:pt x="2178" y="1740"/>
                  <a:pt x="2181" y="1740"/>
                  <a:pt x="2183" y="1740"/>
                </a:cubicBezTo>
                <a:cubicBezTo>
                  <a:pt x="2185" y="1739"/>
                  <a:pt x="2186" y="1738"/>
                  <a:pt x="2189" y="1738"/>
                </a:cubicBezTo>
                <a:cubicBezTo>
                  <a:pt x="2191" y="1738"/>
                  <a:pt x="2193" y="1738"/>
                  <a:pt x="2195" y="1738"/>
                </a:cubicBezTo>
                <a:cubicBezTo>
                  <a:pt x="2197" y="1738"/>
                  <a:pt x="2199" y="1738"/>
                  <a:pt x="2201" y="1739"/>
                </a:cubicBezTo>
                <a:cubicBezTo>
                  <a:pt x="2203" y="1739"/>
                  <a:pt x="2205" y="1740"/>
                  <a:pt x="2207" y="1740"/>
                </a:cubicBezTo>
                <a:cubicBezTo>
                  <a:pt x="2212" y="1742"/>
                  <a:pt x="2211" y="1747"/>
                  <a:pt x="2212" y="1751"/>
                </a:cubicBezTo>
                <a:cubicBezTo>
                  <a:pt x="2212" y="1752"/>
                  <a:pt x="2213" y="1753"/>
                  <a:pt x="2213" y="1755"/>
                </a:cubicBezTo>
                <a:cubicBezTo>
                  <a:pt x="2214" y="1756"/>
                  <a:pt x="2214" y="1758"/>
                  <a:pt x="2214" y="1759"/>
                </a:cubicBezTo>
                <a:cubicBezTo>
                  <a:pt x="2215" y="1761"/>
                  <a:pt x="2214" y="1763"/>
                  <a:pt x="2214" y="1764"/>
                </a:cubicBezTo>
                <a:cubicBezTo>
                  <a:pt x="2214" y="1767"/>
                  <a:pt x="2216" y="1768"/>
                  <a:pt x="2217" y="1771"/>
                </a:cubicBezTo>
                <a:cubicBezTo>
                  <a:pt x="2217" y="1775"/>
                  <a:pt x="2218" y="1780"/>
                  <a:pt x="2222" y="1783"/>
                </a:cubicBezTo>
                <a:cubicBezTo>
                  <a:pt x="2223" y="1784"/>
                  <a:pt x="2226" y="1784"/>
                  <a:pt x="2228" y="1784"/>
                </a:cubicBezTo>
                <a:cubicBezTo>
                  <a:pt x="2230" y="1784"/>
                  <a:pt x="2232" y="1784"/>
                  <a:pt x="2235" y="1785"/>
                </a:cubicBezTo>
                <a:cubicBezTo>
                  <a:pt x="2237" y="1785"/>
                  <a:pt x="2239" y="1784"/>
                  <a:pt x="2241" y="1785"/>
                </a:cubicBezTo>
                <a:cubicBezTo>
                  <a:pt x="2243" y="1785"/>
                  <a:pt x="2246" y="1786"/>
                  <a:pt x="2248" y="1786"/>
                </a:cubicBezTo>
                <a:cubicBezTo>
                  <a:pt x="2250" y="1786"/>
                  <a:pt x="2252" y="1787"/>
                  <a:pt x="2254" y="1788"/>
                </a:cubicBezTo>
                <a:cubicBezTo>
                  <a:pt x="2257" y="1788"/>
                  <a:pt x="2259" y="1788"/>
                  <a:pt x="2261" y="1788"/>
                </a:cubicBezTo>
                <a:cubicBezTo>
                  <a:pt x="2264" y="1788"/>
                  <a:pt x="2265" y="1789"/>
                  <a:pt x="2267" y="1790"/>
                </a:cubicBezTo>
                <a:cubicBezTo>
                  <a:pt x="2269" y="1791"/>
                  <a:pt x="2270" y="1793"/>
                  <a:pt x="2272" y="1793"/>
                </a:cubicBezTo>
                <a:cubicBezTo>
                  <a:pt x="2274" y="1794"/>
                  <a:pt x="2276" y="1794"/>
                  <a:pt x="2278" y="1794"/>
                </a:cubicBezTo>
                <a:cubicBezTo>
                  <a:pt x="2280" y="1793"/>
                  <a:pt x="2282" y="1792"/>
                  <a:pt x="2284" y="1792"/>
                </a:cubicBezTo>
                <a:cubicBezTo>
                  <a:pt x="2289" y="1792"/>
                  <a:pt x="2294" y="1792"/>
                  <a:pt x="2298" y="1792"/>
                </a:cubicBezTo>
                <a:cubicBezTo>
                  <a:pt x="2303" y="1792"/>
                  <a:pt x="2307" y="1793"/>
                  <a:pt x="2311" y="1793"/>
                </a:cubicBezTo>
                <a:cubicBezTo>
                  <a:pt x="2313" y="1793"/>
                  <a:pt x="2315" y="1793"/>
                  <a:pt x="2316" y="1794"/>
                </a:cubicBezTo>
                <a:cubicBezTo>
                  <a:pt x="2317" y="1794"/>
                  <a:pt x="2318" y="1795"/>
                  <a:pt x="2318" y="1796"/>
                </a:cubicBezTo>
                <a:cubicBezTo>
                  <a:pt x="2320" y="1799"/>
                  <a:pt x="2321" y="1800"/>
                  <a:pt x="2324" y="1801"/>
                </a:cubicBezTo>
                <a:cubicBezTo>
                  <a:pt x="2326" y="1801"/>
                  <a:pt x="2329" y="1801"/>
                  <a:pt x="2332" y="1801"/>
                </a:cubicBezTo>
                <a:cubicBezTo>
                  <a:pt x="2334" y="1802"/>
                  <a:pt x="2336" y="1803"/>
                  <a:pt x="2338" y="1803"/>
                </a:cubicBezTo>
                <a:cubicBezTo>
                  <a:pt x="2341" y="1803"/>
                  <a:pt x="2343" y="1802"/>
                  <a:pt x="2345" y="1802"/>
                </a:cubicBezTo>
                <a:cubicBezTo>
                  <a:pt x="2347" y="1801"/>
                  <a:pt x="2348" y="1801"/>
                  <a:pt x="2350" y="1801"/>
                </a:cubicBezTo>
                <a:cubicBezTo>
                  <a:pt x="2353" y="1801"/>
                  <a:pt x="2353" y="1801"/>
                  <a:pt x="2353" y="1804"/>
                </a:cubicBezTo>
                <a:cubicBezTo>
                  <a:pt x="2353" y="1805"/>
                  <a:pt x="2353" y="1806"/>
                  <a:pt x="2355" y="1806"/>
                </a:cubicBezTo>
                <a:cubicBezTo>
                  <a:pt x="2356" y="1806"/>
                  <a:pt x="2357" y="1805"/>
                  <a:pt x="2357" y="1805"/>
                </a:cubicBezTo>
                <a:cubicBezTo>
                  <a:pt x="2359" y="1804"/>
                  <a:pt x="2359" y="1804"/>
                  <a:pt x="2361" y="1804"/>
                </a:cubicBezTo>
                <a:cubicBezTo>
                  <a:pt x="2363" y="1804"/>
                  <a:pt x="2364" y="1803"/>
                  <a:pt x="2366" y="1801"/>
                </a:cubicBezTo>
                <a:cubicBezTo>
                  <a:pt x="2366" y="1801"/>
                  <a:pt x="2367" y="1801"/>
                  <a:pt x="2368" y="1801"/>
                </a:cubicBezTo>
                <a:cubicBezTo>
                  <a:pt x="2369" y="1802"/>
                  <a:pt x="2368" y="1804"/>
                  <a:pt x="2370" y="1804"/>
                </a:cubicBezTo>
                <a:cubicBezTo>
                  <a:pt x="2371" y="1804"/>
                  <a:pt x="2372" y="1801"/>
                  <a:pt x="2374" y="1801"/>
                </a:cubicBezTo>
                <a:cubicBezTo>
                  <a:pt x="2375" y="1801"/>
                  <a:pt x="2376" y="1801"/>
                  <a:pt x="2377" y="1800"/>
                </a:cubicBezTo>
                <a:cubicBezTo>
                  <a:pt x="2378" y="1800"/>
                  <a:pt x="2379" y="1799"/>
                  <a:pt x="2380" y="1799"/>
                </a:cubicBezTo>
                <a:cubicBezTo>
                  <a:pt x="2383" y="1797"/>
                  <a:pt x="2388" y="1799"/>
                  <a:pt x="2392" y="1800"/>
                </a:cubicBezTo>
                <a:cubicBezTo>
                  <a:pt x="2394" y="1800"/>
                  <a:pt x="2396" y="1800"/>
                  <a:pt x="2398" y="1800"/>
                </a:cubicBezTo>
                <a:cubicBezTo>
                  <a:pt x="2399" y="1800"/>
                  <a:pt x="2400" y="1800"/>
                  <a:pt x="2401" y="1800"/>
                </a:cubicBezTo>
                <a:cubicBezTo>
                  <a:pt x="2402" y="1801"/>
                  <a:pt x="2403" y="1801"/>
                  <a:pt x="2404" y="1801"/>
                </a:cubicBezTo>
                <a:cubicBezTo>
                  <a:pt x="2405" y="1800"/>
                  <a:pt x="2406" y="1799"/>
                  <a:pt x="2406" y="1798"/>
                </a:cubicBezTo>
                <a:cubicBezTo>
                  <a:pt x="2407" y="1798"/>
                  <a:pt x="2408" y="1797"/>
                  <a:pt x="2409" y="1797"/>
                </a:cubicBezTo>
                <a:cubicBezTo>
                  <a:pt x="2410" y="1797"/>
                  <a:pt x="2411" y="1797"/>
                  <a:pt x="2413" y="1797"/>
                </a:cubicBezTo>
                <a:cubicBezTo>
                  <a:pt x="2414" y="1796"/>
                  <a:pt x="2415" y="1796"/>
                  <a:pt x="2416" y="1796"/>
                </a:cubicBezTo>
                <a:cubicBezTo>
                  <a:pt x="2419" y="1796"/>
                  <a:pt x="2421" y="1796"/>
                  <a:pt x="2424" y="1797"/>
                </a:cubicBezTo>
                <a:cubicBezTo>
                  <a:pt x="2426" y="1798"/>
                  <a:pt x="2428" y="1798"/>
                  <a:pt x="2430" y="1798"/>
                </a:cubicBezTo>
                <a:cubicBezTo>
                  <a:pt x="2433" y="1798"/>
                  <a:pt x="2434" y="1798"/>
                  <a:pt x="2436" y="1800"/>
                </a:cubicBezTo>
                <a:cubicBezTo>
                  <a:pt x="2437" y="1801"/>
                  <a:pt x="2437" y="1801"/>
                  <a:pt x="2438" y="1802"/>
                </a:cubicBezTo>
                <a:cubicBezTo>
                  <a:pt x="2440" y="1802"/>
                  <a:pt x="2440" y="1801"/>
                  <a:pt x="2441" y="1800"/>
                </a:cubicBezTo>
                <a:cubicBezTo>
                  <a:pt x="2443" y="1799"/>
                  <a:pt x="2445" y="1799"/>
                  <a:pt x="2447" y="1798"/>
                </a:cubicBezTo>
                <a:cubicBezTo>
                  <a:pt x="2449" y="1798"/>
                  <a:pt x="2451" y="1796"/>
                  <a:pt x="2454" y="1796"/>
                </a:cubicBezTo>
                <a:cubicBezTo>
                  <a:pt x="2458" y="1796"/>
                  <a:pt x="2463" y="1795"/>
                  <a:pt x="2467" y="1795"/>
                </a:cubicBezTo>
                <a:cubicBezTo>
                  <a:pt x="2469" y="1795"/>
                  <a:pt x="2471" y="1795"/>
                  <a:pt x="2473" y="1795"/>
                </a:cubicBezTo>
                <a:cubicBezTo>
                  <a:pt x="2476" y="1794"/>
                  <a:pt x="2477" y="1794"/>
                  <a:pt x="2479" y="1795"/>
                </a:cubicBezTo>
                <a:cubicBezTo>
                  <a:pt x="2482" y="1795"/>
                  <a:pt x="2484" y="1795"/>
                  <a:pt x="2486" y="1795"/>
                </a:cubicBezTo>
                <a:cubicBezTo>
                  <a:pt x="2488" y="1795"/>
                  <a:pt x="2490" y="1795"/>
                  <a:pt x="2492" y="1795"/>
                </a:cubicBezTo>
                <a:cubicBezTo>
                  <a:pt x="2494" y="1795"/>
                  <a:pt x="2495" y="1794"/>
                  <a:pt x="2494" y="1792"/>
                </a:cubicBezTo>
                <a:cubicBezTo>
                  <a:pt x="2493" y="1790"/>
                  <a:pt x="2490" y="1790"/>
                  <a:pt x="2490" y="1788"/>
                </a:cubicBezTo>
                <a:cubicBezTo>
                  <a:pt x="2491" y="1788"/>
                  <a:pt x="2491" y="1789"/>
                  <a:pt x="2492" y="1790"/>
                </a:cubicBezTo>
                <a:cubicBezTo>
                  <a:pt x="2493" y="1790"/>
                  <a:pt x="2494" y="1790"/>
                  <a:pt x="2495" y="1791"/>
                </a:cubicBezTo>
                <a:cubicBezTo>
                  <a:pt x="2496" y="1793"/>
                  <a:pt x="2494" y="1795"/>
                  <a:pt x="2496" y="1797"/>
                </a:cubicBezTo>
                <a:cubicBezTo>
                  <a:pt x="2497" y="1798"/>
                  <a:pt x="2499" y="1799"/>
                  <a:pt x="2499" y="1801"/>
                </a:cubicBezTo>
                <a:cubicBezTo>
                  <a:pt x="2500" y="1803"/>
                  <a:pt x="2499" y="1805"/>
                  <a:pt x="2499" y="1807"/>
                </a:cubicBezTo>
                <a:cubicBezTo>
                  <a:pt x="2499" y="1808"/>
                  <a:pt x="2498" y="1809"/>
                  <a:pt x="2498" y="1809"/>
                </a:cubicBezTo>
                <a:cubicBezTo>
                  <a:pt x="2498" y="1811"/>
                  <a:pt x="2501" y="1811"/>
                  <a:pt x="2502" y="1811"/>
                </a:cubicBezTo>
                <a:cubicBezTo>
                  <a:pt x="2504" y="1811"/>
                  <a:pt x="2506" y="1811"/>
                  <a:pt x="2508" y="1812"/>
                </a:cubicBezTo>
                <a:cubicBezTo>
                  <a:pt x="2510" y="1812"/>
                  <a:pt x="2512" y="1813"/>
                  <a:pt x="2513" y="1815"/>
                </a:cubicBezTo>
                <a:cubicBezTo>
                  <a:pt x="2514" y="1817"/>
                  <a:pt x="2514" y="1818"/>
                  <a:pt x="2514" y="1821"/>
                </a:cubicBezTo>
                <a:cubicBezTo>
                  <a:pt x="2515" y="1822"/>
                  <a:pt x="2516" y="1824"/>
                  <a:pt x="2516" y="1825"/>
                </a:cubicBezTo>
                <a:cubicBezTo>
                  <a:pt x="2517" y="1828"/>
                  <a:pt x="2516" y="1829"/>
                  <a:pt x="2517" y="1832"/>
                </a:cubicBezTo>
                <a:cubicBezTo>
                  <a:pt x="2518" y="1833"/>
                  <a:pt x="2518" y="1834"/>
                  <a:pt x="2519" y="1835"/>
                </a:cubicBezTo>
                <a:cubicBezTo>
                  <a:pt x="2519" y="1836"/>
                  <a:pt x="2520" y="1836"/>
                  <a:pt x="2521" y="1836"/>
                </a:cubicBezTo>
                <a:cubicBezTo>
                  <a:pt x="2524" y="1837"/>
                  <a:pt x="2522" y="1839"/>
                  <a:pt x="2522" y="1841"/>
                </a:cubicBezTo>
                <a:cubicBezTo>
                  <a:pt x="2522" y="1842"/>
                  <a:pt x="2524" y="1845"/>
                  <a:pt x="2526" y="1844"/>
                </a:cubicBezTo>
                <a:cubicBezTo>
                  <a:pt x="2527" y="1843"/>
                  <a:pt x="2526" y="1842"/>
                  <a:pt x="2527" y="1841"/>
                </a:cubicBezTo>
                <a:cubicBezTo>
                  <a:pt x="2527" y="1840"/>
                  <a:pt x="2527" y="1840"/>
                  <a:pt x="2528" y="1839"/>
                </a:cubicBezTo>
                <a:cubicBezTo>
                  <a:pt x="2529" y="1838"/>
                  <a:pt x="2528" y="1837"/>
                  <a:pt x="2529" y="1836"/>
                </a:cubicBezTo>
                <a:cubicBezTo>
                  <a:pt x="2531" y="1835"/>
                  <a:pt x="2531" y="1836"/>
                  <a:pt x="2532" y="1836"/>
                </a:cubicBezTo>
                <a:cubicBezTo>
                  <a:pt x="2533" y="1837"/>
                  <a:pt x="2534" y="1836"/>
                  <a:pt x="2535" y="1836"/>
                </a:cubicBezTo>
                <a:cubicBezTo>
                  <a:pt x="2536" y="1837"/>
                  <a:pt x="2536" y="1838"/>
                  <a:pt x="2536" y="1839"/>
                </a:cubicBezTo>
                <a:cubicBezTo>
                  <a:pt x="2535" y="1840"/>
                  <a:pt x="2535" y="1838"/>
                  <a:pt x="2534" y="1838"/>
                </a:cubicBezTo>
                <a:cubicBezTo>
                  <a:pt x="2533" y="1837"/>
                  <a:pt x="2531" y="1837"/>
                  <a:pt x="2531" y="1837"/>
                </a:cubicBezTo>
                <a:cubicBezTo>
                  <a:pt x="2530" y="1838"/>
                  <a:pt x="2530" y="1839"/>
                  <a:pt x="2530" y="1840"/>
                </a:cubicBezTo>
                <a:cubicBezTo>
                  <a:pt x="2530" y="1841"/>
                  <a:pt x="2529" y="1842"/>
                  <a:pt x="2529" y="1843"/>
                </a:cubicBezTo>
                <a:cubicBezTo>
                  <a:pt x="2529" y="1844"/>
                  <a:pt x="2530" y="1846"/>
                  <a:pt x="2531" y="1845"/>
                </a:cubicBezTo>
                <a:cubicBezTo>
                  <a:pt x="2533" y="1845"/>
                  <a:pt x="2532" y="1843"/>
                  <a:pt x="2533" y="1842"/>
                </a:cubicBezTo>
                <a:cubicBezTo>
                  <a:pt x="2534" y="1842"/>
                  <a:pt x="2534" y="1842"/>
                  <a:pt x="2535" y="1842"/>
                </a:cubicBezTo>
                <a:cubicBezTo>
                  <a:pt x="2535" y="1842"/>
                  <a:pt x="2535" y="1843"/>
                  <a:pt x="2535" y="1843"/>
                </a:cubicBezTo>
                <a:cubicBezTo>
                  <a:pt x="2535" y="1844"/>
                  <a:pt x="2535" y="1843"/>
                  <a:pt x="2536" y="1844"/>
                </a:cubicBezTo>
                <a:cubicBezTo>
                  <a:pt x="2536" y="1844"/>
                  <a:pt x="2537" y="1844"/>
                  <a:pt x="2537" y="1845"/>
                </a:cubicBezTo>
                <a:cubicBezTo>
                  <a:pt x="2537" y="1845"/>
                  <a:pt x="2537" y="1846"/>
                  <a:pt x="2538" y="1846"/>
                </a:cubicBezTo>
                <a:cubicBezTo>
                  <a:pt x="2539" y="1845"/>
                  <a:pt x="2538" y="1844"/>
                  <a:pt x="2538" y="1843"/>
                </a:cubicBezTo>
                <a:cubicBezTo>
                  <a:pt x="2538" y="1842"/>
                  <a:pt x="2537" y="1840"/>
                  <a:pt x="2539" y="1841"/>
                </a:cubicBezTo>
                <a:cubicBezTo>
                  <a:pt x="2541" y="1842"/>
                  <a:pt x="2539" y="1846"/>
                  <a:pt x="2539" y="1847"/>
                </a:cubicBezTo>
                <a:cubicBezTo>
                  <a:pt x="2541" y="1848"/>
                  <a:pt x="2541" y="1845"/>
                  <a:pt x="2542" y="1845"/>
                </a:cubicBezTo>
                <a:cubicBezTo>
                  <a:pt x="2543" y="1844"/>
                  <a:pt x="2544" y="1846"/>
                  <a:pt x="2544" y="1847"/>
                </a:cubicBezTo>
                <a:cubicBezTo>
                  <a:pt x="2543" y="1848"/>
                  <a:pt x="2542" y="1849"/>
                  <a:pt x="2542" y="1851"/>
                </a:cubicBezTo>
                <a:cubicBezTo>
                  <a:pt x="2543" y="1853"/>
                  <a:pt x="2548" y="1850"/>
                  <a:pt x="2549" y="1849"/>
                </a:cubicBezTo>
                <a:cubicBezTo>
                  <a:pt x="2550" y="1849"/>
                  <a:pt x="2550" y="1849"/>
                  <a:pt x="2551" y="1849"/>
                </a:cubicBezTo>
                <a:cubicBezTo>
                  <a:pt x="2552" y="1848"/>
                  <a:pt x="2552" y="1847"/>
                  <a:pt x="2553" y="1847"/>
                </a:cubicBezTo>
                <a:cubicBezTo>
                  <a:pt x="2555" y="1849"/>
                  <a:pt x="2550" y="1850"/>
                  <a:pt x="2551" y="1852"/>
                </a:cubicBezTo>
                <a:cubicBezTo>
                  <a:pt x="2552" y="1852"/>
                  <a:pt x="2553" y="1854"/>
                  <a:pt x="2553" y="1855"/>
                </a:cubicBezTo>
                <a:cubicBezTo>
                  <a:pt x="2553" y="1857"/>
                  <a:pt x="2553" y="1858"/>
                  <a:pt x="2554" y="1859"/>
                </a:cubicBezTo>
                <a:cubicBezTo>
                  <a:pt x="2555" y="1860"/>
                  <a:pt x="2556" y="1861"/>
                  <a:pt x="2556" y="1862"/>
                </a:cubicBezTo>
                <a:cubicBezTo>
                  <a:pt x="2557" y="1863"/>
                  <a:pt x="2557" y="1864"/>
                  <a:pt x="2558" y="1864"/>
                </a:cubicBezTo>
                <a:cubicBezTo>
                  <a:pt x="2558" y="1865"/>
                  <a:pt x="2560" y="1866"/>
                  <a:pt x="2561" y="1867"/>
                </a:cubicBezTo>
                <a:cubicBezTo>
                  <a:pt x="2562" y="1867"/>
                  <a:pt x="2563" y="1869"/>
                  <a:pt x="2564" y="1870"/>
                </a:cubicBezTo>
                <a:cubicBezTo>
                  <a:pt x="2565" y="1870"/>
                  <a:pt x="2566" y="1870"/>
                  <a:pt x="2567" y="1871"/>
                </a:cubicBezTo>
                <a:cubicBezTo>
                  <a:pt x="2568" y="1871"/>
                  <a:pt x="2569" y="1872"/>
                  <a:pt x="2569" y="1872"/>
                </a:cubicBezTo>
                <a:cubicBezTo>
                  <a:pt x="2573" y="1875"/>
                  <a:pt x="2577" y="1875"/>
                  <a:pt x="2580" y="1877"/>
                </a:cubicBezTo>
                <a:cubicBezTo>
                  <a:pt x="2582" y="1878"/>
                  <a:pt x="2584" y="1878"/>
                  <a:pt x="2587" y="1878"/>
                </a:cubicBezTo>
                <a:cubicBezTo>
                  <a:pt x="2589" y="1878"/>
                  <a:pt x="2591" y="1877"/>
                  <a:pt x="2593" y="1875"/>
                </a:cubicBezTo>
                <a:cubicBezTo>
                  <a:pt x="2594" y="1875"/>
                  <a:pt x="2594" y="1874"/>
                  <a:pt x="2596" y="1874"/>
                </a:cubicBezTo>
                <a:cubicBezTo>
                  <a:pt x="2597" y="1874"/>
                  <a:pt x="2598" y="1874"/>
                  <a:pt x="2599" y="1873"/>
                </a:cubicBezTo>
                <a:cubicBezTo>
                  <a:pt x="2600" y="1873"/>
                  <a:pt x="2600" y="1872"/>
                  <a:pt x="2601" y="1871"/>
                </a:cubicBezTo>
                <a:cubicBezTo>
                  <a:pt x="2603" y="1871"/>
                  <a:pt x="2603" y="1872"/>
                  <a:pt x="2604" y="1872"/>
                </a:cubicBezTo>
                <a:cubicBezTo>
                  <a:pt x="2605" y="1873"/>
                  <a:pt x="2606" y="1872"/>
                  <a:pt x="2607" y="1873"/>
                </a:cubicBezTo>
                <a:cubicBezTo>
                  <a:pt x="2608" y="1874"/>
                  <a:pt x="2608" y="1875"/>
                  <a:pt x="2608" y="1876"/>
                </a:cubicBezTo>
                <a:cubicBezTo>
                  <a:pt x="2607" y="1878"/>
                  <a:pt x="2604" y="1879"/>
                  <a:pt x="2603" y="1881"/>
                </a:cubicBezTo>
                <a:cubicBezTo>
                  <a:pt x="2602" y="1882"/>
                  <a:pt x="2602" y="1883"/>
                  <a:pt x="2602" y="1883"/>
                </a:cubicBezTo>
                <a:cubicBezTo>
                  <a:pt x="2601" y="1884"/>
                  <a:pt x="2599" y="1884"/>
                  <a:pt x="2598" y="1885"/>
                </a:cubicBezTo>
                <a:cubicBezTo>
                  <a:pt x="2597" y="1886"/>
                  <a:pt x="2596" y="1886"/>
                  <a:pt x="2595" y="1887"/>
                </a:cubicBezTo>
                <a:cubicBezTo>
                  <a:pt x="2594" y="1887"/>
                  <a:pt x="2593" y="1887"/>
                  <a:pt x="2592" y="1887"/>
                </a:cubicBezTo>
                <a:cubicBezTo>
                  <a:pt x="2588" y="1888"/>
                  <a:pt x="2584" y="1889"/>
                  <a:pt x="2580" y="1890"/>
                </a:cubicBezTo>
                <a:cubicBezTo>
                  <a:pt x="2578" y="1891"/>
                  <a:pt x="2576" y="1892"/>
                  <a:pt x="2574" y="1891"/>
                </a:cubicBezTo>
                <a:cubicBezTo>
                  <a:pt x="2572" y="1891"/>
                  <a:pt x="2575" y="1889"/>
                  <a:pt x="2573" y="1888"/>
                </a:cubicBezTo>
                <a:cubicBezTo>
                  <a:pt x="2573" y="1888"/>
                  <a:pt x="2570" y="1888"/>
                  <a:pt x="2569" y="1888"/>
                </a:cubicBezTo>
                <a:cubicBezTo>
                  <a:pt x="2566" y="1888"/>
                  <a:pt x="2564" y="1890"/>
                  <a:pt x="2567" y="1893"/>
                </a:cubicBezTo>
                <a:cubicBezTo>
                  <a:pt x="2567" y="1893"/>
                  <a:pt x="2568" y="1894"/>
                  <a:pt x="2569" y="1895"/>
                </a:cubicBezTo>
                <a:cubicBezTo>
                  <a:pt x="2569" y="1895"/>
                  <a:pt x="2570" y="1896"/>
                  <a:pt x="2570" y="1897"/>
                </a:cubicBezTo>
                <a:cubicBezTo>
                  <a:pt x="2571" y="1900"/>
                  <a:pt x="2574" y="1901"/>
                  <a:pt x="2575" y="1902"/>
                </a:cubicBezTo>
                <a:cubicBezTo>
                  <a:pt x="2579" y="1905"/>
                  <a:pt x="2581" y="1909"/>
                  <a:pt x="2584" y="1912"/>
                </a:cubicBezTo>
                <a:cubicBezTo>
                  <a:pt x="2589" y="1916"/>
                  <a:pt x="2594" y="1920"/>
                  <a:pt x="2598" y="1925"/>
                </a:cubicBezTo>
                <a:cubicBezTo>
                  <a:pt x="2599" y="1926"/>
                  <a:pt x="2600" y="1929"/>
                  <a:pt x="2601" y="1930"/>
                </a:cubicBezTo>
                <a:cubicBezTo>
                  <a:pt x="2603" y="1932"/>
                  <a:pt x="2605" y="1934"/>
                  <a:pt x="2607" y="1935"/>
                </a:cubicBezTo>
                <a:cubicBezTo>
                  <a:pt x="2609" y="1936"/>
                  <a:pt x="2610" y="1938"/>
                  <a:pt x="2612" y="1939"/>
                </a:cubicBezTo>
                <a:cubicBezTo>
                  <a:pt x="2614" y="1940"/>
                  <a:pt x="2616" y="1939"/>
                  <a:pt x="2618" y="1940"/>
                </a:cubicBezTo>
                <a:cubicBezTo>
                  <a:pt x="2619" y="1940"/>
                  <a:pt x="2620" y="1940"/>
                  <a:pt x="2621" y="1940"/>
                </a:cubicBezTo>
                <a:cubicBezTo>
                  <a:pt x="2622" y="1941"/>
                  <a:pt x="2623" y="1941"/>
                  <a:pt x="2624" y="1941"/>
                </a:cubicBezTo>
                <a:cubicBezTo>
                  <a:pt x="2627" y="1941"/>
                  <a:pt x="2629" y="1939"/>
                  <a:pt x="2631" y="1938"/>
                </a:cubicBezTo>
                <a:cubicBezTo>
                  <a:pt x="2633" y="1937"/>
                  <a:pt x="2635" y="1937"/>
                  <a:pt x="2638" y="1936"/>
                </a:cubicBezTo>
                <a:cubicBezTo>
                  <a:pt x="2640" y="1936"/>
                  <a:pt x="2642" y="1935"/>
                  <a:pt x="2644" y="1934"/>
                </a:cubicBezTo>
                <a:cubicBezTo>
                  <a:pt x="2645" y="1933"/>
                  <a:pt x="2646" y="1933"/>
                  <a:pt x="2647" y="1932"/>
                </a:cubicBezTo>
                <a:cubicBezTo>
                  <a:pt x="2647" y="231"/>
                  <a:pt x="2647" y="231"/>
                  <a:pt x="2647" y="231"/>
                </a:cubicBezTo>
                <a:cubicBezTo>
                  <a:pt x="2647" y="231"/>
                  <a:pt x="2646" y="230"/>
                  <a:pt x="2645" y="230"/>
                </a:cubicBezTo>
                <a:cubicBezTo>
                  <a:pt x="2644" y="230"/>
                  <a:pt x="2643" y="230"/>
                  <a:pt x="2642" y="230"/>
                </a:cubicBezTo>
                <a:cubicBezTo>
                  <a:pt x="2641" y="230"/>
                  <a:pt x="2640" y="229"/>
                  <a:pt x="2638" y="229"/>
                </a:cubicBezTo>
                <a:cubicBezTo>
                  <a:pt x="2636" y="228"/>
                  <a:pt x="2633" y="228"/>
                  <a:pt x="2630" y="228"/>
                </a:cubicBezTo>
                <a:cubicBezTo>
                  <a:pt x="2627" y="228"/>
                  <a:pt x="2624" y="228"/>
                  <a:pt x="2621" y="229"/>
                </a:cubicBezTo>
                <a:cubicBezTo>
                  <a:pt x="2617" y="230"/>
                  <a:pt x="2612" y="231"/>
                  <a:pt x="2608" y="231"/>
                </a:cubicBezTo>
                <a:cubicBezTo>
                  <a:pt x="2605" y="230"/>
                  <a:pt x="2603" y="229"/>
                  <a:pt x="2601" y="228"/>
                </a:cubicBezTo>
                <a:cubicBezTo>
                  <a:pt x="2599" y="227"/>
                  <a:pt x="2596" y="227"/>
                  <a:pt x="2594" y="226"/>
                </a:cubicBezTo>
                <a:cubicBezTo>
                  <a:pt x="2592" y="224"/>
                  <a:pt x="2590" y="222"/>
                  <a:pt x="2586" y="222"/>
                </a:cubicBezTo>
                <a:cubicBezTo>
                  <a:pt x="2584" y="222"/>
                  <a:pt x="2581" y="223"/>
                  <a:pt x="2579" y="222"/>
                </a:cubicBezTo>
                <a:cubicBezTo>
                  <a:pt x="2577" y="221"/>
                  <a:pt x="2576" y="219"/>
                  <a:pt x="2574" y="218"/>
                </a:cubicBezTo>
                <a:cubicBezTo>
                  <a:pt x="2572" y="217"/>
                  <a:pt x="2571" y="217"/>
                  <a:pt x="2570" y="214"/>
                </a:cubicBezTo>
                <a:cubicBezTo>
                  <a:pt x="2569" y="213"/>
                  <a:pt x="2570" y="212"/>
                  <a:pt x="2569" y="210"/>
                </a:cubicBezTo>
                <a:cubicBezTo>
                  <a:pt x="2569" y="209"/>
                  <a:pt x="2568" y="208"/>
                  <a:pt x="2567" y="207"/>
                </a:cubicBezTo>
                <a:cubicBezTo>
                  <a:pt x="2572" y="208"/>
                  <a:pt x="2577" y="208"/>
                  <a:pt x="2581" y="207"/>
                </a:cubicBezTo>
                <a:close/>
                <a:moveTo>
                  <a:pt x="702" y="445"/>
                </a:moveTo>
                <a:cubicBezTo>
                  <a:pt x="701" y="446"/>
                  <a:pt x="699" y="449"/>
                  <a:pt x="698" y="448"/>
                </a:cubicBezTo>
                <a:cubicBezTo>
                  <a:pt x="697" y="448"/>
                  <a:pt x="701" y="445"/>
                  <a:pt x="698" y="444"/>
                </a:cubicBezTo>
                <a:cubicBezTo>
                  <a:pt x="698" y="444"/>
                  <a:pt x="697" y="445"/>
                  <a:pt x="697" y="445"/>
                </a:cubicBezTo>
                <a:cubicBezTo>
                  <a:pt x="697" y="445"/>
                  <a:pt x="696" y="444"/>
                  <a:pt x="696" y="444"/>
                </a:cubicBezTo>
                <a:cubicBezTo>
                  <a:pt x="695" y="444"/>
                  <a:pt x="695" y="444"/>
                  <a:pt x="694" y="443"/>
                </a:cubicBezTo>
                <a:cubicBezTo>
                  <a:pt x="693" y="443"/>
                  <a:pt x="692" y="443"/>
                  <a:pt x="691" y="443"/>
                </a:cubicBezTo>
                <a:cubicBezTo>
                  <a:pt x="690" y="442"/>
                  <a:pt x="690" y="442"/>
                  <a:pt x="689" y="442"/>
                </a:cubicBezTo>
                <a:cubicBezTo>
                  <a:pt x="690" y="439"/>
                  <a:pt x="694" y="442"/>
                  <a:pt x="696" y="442"/>
                </a:cubicBezTo>
                <a:cubicBezTo>
                  <a:pt x="698" y="443"/>
                  <a:pt x="700" y="442"/>
                  <a:pt x="702" y="442"/>
                </a:cubicBezTo>
                <a:cubicBezTo>
                  <a:pt x="703" y="442"/>
                  <a:pt x="708" y="441"/>
                  <a:pt x="708" y="443"/>
                </a:cubicBezTo>
                <a:cubicBezTo>
                  <a:pt x="708" y="445"/>
                  <a:pt x="703" y="444"/>
                  <a:pt x="702" y="445"/>
                </a:cubicBezTo>
                <a:close/>
                <a:moveTo>
                  <a:pt x="716" y="427"/>
                </a:moveTo>
                <a:cubicBezTo>
                  <a:pt x="715" y="426"/>
                  <a:pt x="713" y="423"/>
                  <a:pt x="714" y="423"/>
                </a:cubicBezTo>
                <a:cubicBezTo>
                  <a:pt x="715" y="422"/>
                  <a:pt x="716" y="425"/>
                  <a:pt x="716" y="426"/>
                </a:cubicBezTo>
                <a:cubicBezTo>
                  <a:pt x="717" y="427"/>
                  <a:pt x="718" y="428"/>
                  <a:pt x="717" y="429"/>
                </a:cubicBezTo>
                <a:cubicBezTo>
                  <a:pt x="716" y="429"/>
                  <a:pt x="716" y="427"/>
                  <a:pt x="716" y="427"/>
                </a:cubicBezTo>
                <a:close/>
                <a:moveTo>
                  <a:pt x="731" y="430"/>
                </a:moveTo>
                <a:cubicBezTo>
                  <a:pt x="731" y="431"/>
                  <a:pt x="730" y="432"/>
                  <a:pt x="729" y="431"/>
                </a:cubicBezTo>
                <a:cubicBezTo>
                  <a:pt x="729" y="429"/>
                  <a:pt x="732" y="428"/>
                  <a:pt x="731" y="430"/>
                </a:cubicBezTo>
                <a:close/>
                <a:moveTo>
                  <a:pt x="730" y="423"/>
                </a:moveTo>
                <a:cubicBezTo>
                  <a:pt x="730" y="423"/>
                  <a:pt x="730" y="423"/>
                  <a:pt x="730" y="423"/>
                </a:cubicBezTo>
                <a:cubicBezTo>
                  <a:pt x="731" y="423"/>
                  <a:pt x="731" y="423"/>
                  <a:pt x="731" y="423"/>
                </a:cubicBezTo>
                <a:cubicBezTo>
                  <a:pt x="732" y="425"/>
                  <a:pt x="729" y="424"/>
                  <a:pt x="730" y="423"/>
                </a:cubicBezTo>
                <a:close/>
                <a:moveTo>
                  <a:pt x="725" y="506"/>
                </a:moveTo>
                <a:cubicBezTo>
                  <a:pt x="723" y="506"/>
                  <a:pt x="722" y="508"/>
                  <a:pt x="721" y="509"/>
                </a:cubicBezTo>
                <a:cubicBezTo>
                  <a:pt x="720" y="511"/>
                  <a:pt x="720" y="512"/>
                  <a:pt x="719" y="514"/>
                </a:cubicBezTo>
                <a:cubicBezTo>
                  <a:pt x="718" y="516"/>
                  <a:pt x="717" y="517"/>
                  <a:pt x="717" y="519"/>
                </a:cubicBezTo>
                <a:cubicBezTo>
                  <a:pt x="716" y="519"/>
                  <a:pt x="717" y="515"/>
                  <a:pt x="718" y="514"/>
                </a:cubicBezTo>
                <a:cubicBezTo>
                  <a:pt x="718" y="513"/>
                  <a:pt x="720" y="512"/>
                  <a:pt x="719" y="510"/>
                </a:cubicBezTo>
                <a:cubicBezTo>
                  <a:pt x="718" y="508"/>
                  <a:pt x="715" y="509"/>
                  <a:pt x="713" y="510"/>
                </a:cubicBezTo>
                <a:cubicBezTo>
                  <a:pt x="712" y="511"/>
                  <a:pt x="711" y="513"/>
                  <a:pt x="709" y="513"/>
                </a:cubicBezTo>
                <a:cubicBezTo>
                  <a:pt x="709" y="512"/>
                  <a:pt x="711" y="511"/>
                  <a:pt x="711" y="511"/>
                </a:cubicBezTo>
                <a:cubicBezTo>
                  <a:pt x="712" y="510"/>
                  <a:pt x="713" y="509"/>
                  <a:pt x="715" y="508"/>
                </a:cubicBezTo>
                <a:cubicBezTo>
                  <a:pt x="715" y="508"/>
                  <a:pt x="716" y="508"/>
                  <a:pt x="717" y="507"/>
                </a:cubicBezTo>
                <a:cubicBezTo>
                  <a:pt x="719" y="506"/>
                  <a:pt x="721" y="505"/>
                  <a:pt x="723" y="505"/>
                </a:cubicBezTo>
                <a:cubicBezTo>
                  <a:pt x="725" y="505"/>
                  <a:pt x="729" y="504"/>
                  <a:pt x="730" y="505"/>
                </a:cubicBezTo>
                <a:cubicBezTo>
                  <a:pt x="729" y="506"/>
                  <a:pt x="726" y="505"/>
                  <a:pt x="725" y="506"/>
                </a:cubicBezTo>
                <a:close/>
                <a:moveTo>
                  <a:pt x="756" y="404"/>
                </a:moveTo>
                <a:cubicBezTo>
                  <a:pt x="755" y="405"/>
                  <a:pt x="754" y="404"/>
                  <a:pt x="753" y="404"/>
                </a:cubicBezTo>
                <a:cubicBezTo>
                  <a:pt x="753" y="403"/>
                  <a:pt x="754" y="403"/>
                  <a:pt x="755" y="403"/>
                </a:cubicBezTo>
                <a:cubicBezTo>
                  <a:pt x="756" y="403"/>
                  <a:pt x="757" y="403"/>
                  <a:pt x="758" y="403"/>
                </a:cubicBezTo>
                <a:cubicBezTo>
                  <a:pt x="758" y="402"/>
                  <a:pt x="758" y="402"/>
                  <a:pt x="758" y="402"/>
                </a:cubicBezTo>
                <a:cubicBezTo>
                  <a:pt x="759" y="402"/>
                  <a:pt x="759" y="401"/>
                  <a:pt x="760" y="402"/>
                </a:cubicBezTo>
                <a:cubicBezTo>
                  <a:pt x="760" y="403"/>
                  <a:pt x="757" y="404"/>
                  <a:pt x="756" y="404"/>
                </a:cubicBezTo>
                <a:close/>
                <a:moveTo>
                  <a:pt x="1008" y="588"/>
                </a:moveTo>
                <a:cubicBezTo>
                  <a:pt x="1008" y="588"/>
                  <a:pt x="1004" y="587"/>
                  <a:pt x="1004" y="586"/>
                </a:cubicBezTo>
                <a:cubicBezTo>
                  <a:pt x="1004" y="586"/>
                  <a:pt x="1008" y="586"/>
                  <a:pt x="1008" y="586"/>
                </a:cubicBezTo>
                <a:cubicBezTo>
                  <a:pt x="1009" y="587"/>
                  <a:pt x="1010" y="588"/>
                  <a:pt x="1008" y="588"/>
                </a:cubicBezTo>
                <a:close/>
                <a:moveTo>
                  <a:pt x="1097" y="81"/>
                </a:moveTo>
                <a:cubicBezTo>
                  <a:pt x="1096" y="81"/>
                  <a:pt x="1097" y="79"/>
                  <a:pt x="1096" y="79"/>
                </a:cubicBezTo>
                <a:cubicBezTo>
                  <a:pt x="1096" y="78"/>
                  <a:pt x="1095" y="78"/>
                  <a:pt x="1095" y="78"/>
                </a:cubicBezTo>
                <a:cubicBezTo>
                  <a:pt x="1094" y="77"/>
                  <a:pt x="1092" y="76"/>
                  <a:pt x="1093" y="75"/>
                </a:cubicBezTo>
                <a:cubicBezTo>
                  <a:pt x="1094" y="74"/>
                  <a:pt x="1096" y="77"/>
                  <a:pt x="1097" y="78"/>
                </a:cubicBezTo>
                <a:cubicBezTo>
                  <a:pt x="1097" y="78"/>
                  <a:pt x="1098" y="78"/>
                  <a:pt x="1098" y="79"/>
                </a:cubicBezTo>
                <a:cubicBezTo>
                  <a:pt x="1099" y="80"/>
                  <a:pt x="1098" y="81"/>
                  <a:pt x="1097" y="81"/>
                </a:cubicBezTo>
                <a:close/>
                <a:moveTo>
                  <a:pt x="694" y="842"/>
                </a:moveTo>
                <a:cubicBezTo>
                  <a:pt x="693" y="842"/>
                  <a:pt x="693" y="840"/>
                  <a:pt x="692" y="840"/>
                </a:cubicBezTo>
                <a:cubicBezTo>
                  <a:pt x="692" y="839"/>
                  <a:pt x="691" y="840"/>
                  <a:pt x="690" y="840"/>
                </a:cubicBezTo>
                <a:cubicBezTo>
                  <a:pt x="687" y="839"/>
                  <a:pt x="686" y="839"/>
                  <a:pt x="684" y="840"/>
                </a:cubicBezTo>
                <a:cubicBezTo>
                  <a:pt x="683" y="841"/>
                  <a:pt x="683" y="841"/>
                  <a:pt x="682" y="842"/>
                </a:cubicBezTo>
                <a:cubicBezTo>
                  <a:pt x="681" y="842"/>
                  <a:pt x="680" y="842"/>
                  <a:pt x="679" y="843"/>
                </a:cubicBezTo>
                <a:cubicBezTo>
                  <a:pt x="679" y="843"/>
                  <a:pt x="678" y="844"/>
                  <a:pt x="677" y="845"/>
                </a:cubicBezTo>
                <a:cubicBezTo>
                  <a:pt x="677" y="846"/>
                  <a:pt x="676" y="846"/>
                  <a:pt x="675" y="846"/>
                </a:cubicBezTo>
                <a:cubicBezTo>
                  <a:pt x="674" y="847"/>
                  <a:pt x="673" y="847"/>
                  <a:pt x="674" y="848"/>
                </a:cubicBezTo>
                <a:cubicBezTo>
                  <a:pt x="674" y="849"/>
                  <a:pt x="675" y="849"/>
                  <a:pt x="676" y="849"/>
                </a:cubicBezTo>
                <a:cubicBezTo>
                  <a:pt x="677" y="849"/>
                  <a:pt x="678" y="849"/>
                  <a:pt x="678" y="850"/>
                </a:cubicBezTo>
                <a:cubicBezTo>
                  <a:pt x="679" y="851"/>
                  <a:pt x="679" y="852"/>
                  <a:pt x="680" y="851"/>
                </a:cubicBezTo>
                <a:cubicBezTo>
                  <a:pt x="681" y="851"/>
                  <a:pt x="681" y="850"/>
                  <a:pt x="683" y="850"/>
                </a:cubicBezTo>
                <a:cubicBezTo>
                  <a:pt x="683" y="850"/>
                  <a:pt x="684" y="850"/>
                  <a:pt x="684" y="850"/>
                </a:cubicBezTo>
                <a:cubicBezTo>
                  <a:pt x="685" y="850"/>
                  <a:pt x="685" y="850"/>
                  <a:pt x="685" y="850"/>
                </a:cubicBezTo>
                <a:cubicBezTo>
                  <a:pt x="686" y="850"/>
                  <a:pt x="686" y="849"/>
                  <a:pt x="687" y="850"/>
                </a:cubicBezTo>
                <a:cubicBezTo>
                  <a:pt x="687" y="851"/>
                  <a:pt x="686" y="851"/>
                  <a:pt x="686" y="851"/>
                </a:cubicBezTo>
                <a:cubicBezTo>
                  <a:pt x="685" y="852"/>
                  <a:pt x="684" y="852"/>
                  <a:pt x="683" y="852"/>
                </a:cubicBezTo>
                <a:cubicBezTo>
                  <a:pt x="682" y="853"/>
                  <a:pt x="681" y="853"/>
                  <a:pt x="680" y="852"/>
                </a:cubicBezTo>
                <a:cubicBezTo>
                  <a:pt x="679" y="852"/>
                  <a:pt x="679" y="851"/>
                  <a:pt x="678" y="851"/>
                </a:cubicBezTo>
                <a:cubicBezTo>
                  <a:pt x="677" y="851"/>
                  <a:pt x="676" y="851"/>
                  <a:pt x="675" y="851"/>
                </a:cubicBezTo>
                <a:cubicBezTo>
                  <a:pt x="674" y="851"/>
                  <a:pt x="674" y="850"/>
                  <a:pt x="673" y="850"/>
                </a:cubicBezTo>
                <a:cubicBezTo>
                  <a:pt x="673" y="850"/>
                  <a:pt x="672" y="850"/>
                  <a:pt x="672" y="850"/>
                </a:cubicBezTo>
                <a:cubicBezTo>
                  <a:pt x="671" y="850"/>
                  <a:pt x="670" y="849"/>
                  <a:pt x="670" y="848"/>
                </a:cubicBezTo>
                <a:cubicBezTo>
                  <a:pt x="670" y="847"/>
                  <a:pt x="671" y="847"/>
                  <a:pt x="672" y="846"/>
                </a:cubicBezTo>
                <a:cubicBezTo>
                  <a:pt x="672" y="846"/>
                  <a:pt x="672" y="845"/>
                  <a:pt x="672" y="844"/>
                </a:cubicBezTo>
                <a:cubicBezTo>
                  <a:pt x="672" y="842"/>
                  <a:pt x="672" y="841"/>
                  <a:pt x="671" y="840"/>
                </a:cubicBezTo>
                <a:cubicBezTo>
                  <a:pt x="667" y="835"/>
                  <a:pt x="679" y="838"/>
                  <a:pt x="677" y="834"/>
                </a:cubicBezTo>
                <a:cubicBezTo>
                  <a:pt x="677" y="833"/>
                  <a:pt x="676" y="833"/>
                  <a:pt x="676" y="833"/>
                </a:cubicBezTo>
                <a:cubicBezTo>
                  <a:pt x="675" y="832"/>
                  <a:pt x="674" y="832"/>
                  <a:pt x="674" y="832"/>
                </a:cubicBezTo>
                <a:cubicBezTo>
                  <a:pt x="673" y="832"/>
                  <a:pt x="673" y="831"/>
                  <a:pt x="672" y="831"/>
                </a:cubicBezTo>
                <a:cubicBezTo>
                  <a:pt x="672" y="830"/>
                  <a:pt x="673" y="829"/>
                  <a:pt x="672" y="828"/>
                </a:cubicBezTo>
                <a:cubicBezTo>
                  <a:pt x="672" y="827"/>
                  <a:pt x="670" y="828"/>
                  <a:pt x="671" y="826"/>
                </a:cubicBezTo>
                <a:cubicBezTo>
                  <a:pt x="671" y="826"/>
                  <a:pt x="671" y="825"/>
                  <a:pt x="672" y="825"/>
                </a:cubicBezTo>
                <a:cubicBezTo>
                  <a:pt x="672" y="825"/>
                  <a:pt x="672" y="825"/>
                  <a:pt x="672" y="825"/>
                </a:cubicBezTo>
                <a:cubicBezTo>
                  <a:pt x="674" y="824"/>
                  <a:pt x="675" y="822"/>
                  <a:pt x="676" y="822"/>
                </a:cubicBezTo>
                <a:cubicBezTo>
                  <a:pt x="678" y="822"/>
                  <a:pt x="680" y="822"/>
                  <a:pt x="681" y="823"/>
                </a:cubicBezTo>
                <a:cubicBezTo>
                  <a:pt x="682" y="825"/>
                  <a:pt x="681" y="827"/>
                  <a:pt x="683" y="828"/>
                </a:cubicBezTo>
                <a:cubicBezTo>
                  <a:pt x="683" y="828"/>
                  <a:pt x="683" y="829"/>
                  <a:pt x="684" y="829"/>
                </a:cubicBezTo>
                <a:cubicBezTo>
                  <a:pt x="684" y="829"/>
                  <a:pt x="684" y="830"/>
                  <a:pt x="684" y="830"/>
                </a:cubicBezTo>
                <a:cubicBezTo>
                  <a:pt x="685" y="831"/>
                  <a:pt x="686" y="830"/>
                  <a:pt x="687" y="829"/>
                </a:cubicBezTo>
                <a:cubicBezTo>
                  <a:pt x="688" y="829"/>
                  <a:pt x="689" y="828"/>
                  <a:pt x="689" y="830"/>
                </a:cubicBezTo>
                <a:cubicBezTo>
                  <a:pt x="690" y="831"/>
                  <a:pt x="688" y="831"/>
                  <a:pt x="687" y="831"/>
                </a:cubicBezTo>
                <a:cubicBezTo>
                  <a:pt x="686" y="832"/>
                  <a:pt x="687" y="833"/>
                  <a:pt x="687" y="834"/>
                </a:cubicBezTo>
                <a:cubicBezTo>
                  <a:pt x="686" y="835"/>
                  <a:pt x="685" y="836"/>
                  <a:pt x="687" y="837"/>
                </a:cubicBezTo>
                <a:cubicBezTo>
                  <a:pt x="687" y="837"/>
                  <a:pt x="689" y="836"/>
                  <a:pt x="690" y="836"/>
                </a:cubicBezTo>
                <a:cubicBezTo>
                  <a:pt x="690" y="837"/>
                  <a:pt x="691" y="838"/>
                  <a:pt x="692" y="838"/>
                </a:cubicBezTo>
                <a:cubicBezTo>
                  <a:pt x="693" y="838"/>
                  <a:pt x="694" y="838"/>
                  <a:pt x="694" y="839"/>
                </a:cubicBezTo>
                <a:cubicBezTo>
                  <a:pt x="694" y="839"/>
                  <a:pt x="694" y="842"/>
                  <a:pt x="694" y="842"/>
                </a:cubicBezTo>
                <a:close/>
                <a:moveTo>
                  <a:pt x="954" y="795"/>
                </a:moveTo>
                <a:cubicBezTo>
                  <a:pt x="954" y="796"/>
                  <a:pt x="954" y="797"/>
                  <a:pt x="952" y="797"/>
                </a:cubicBezTo>
                <a:cubicBezTo>
                  <a:pt x="951" y="797"/>
                  <a:pt x="951" y="795"/>
                  <a:pt x="950" y="795"/>
                </a:cubicBezTo>
                <a:cubicBezTo>
                  <a:pt x="949" y="794"/>
                  <a:pt x="948" y="794"/>
                  <a:pt x="947" y="794"/>
                </a:cubicBezTo>
                <a:cubicBezTo>
                  <a:pt x="946" y="794"/>
                  <a:pt x="945" y="794"/>
                  <a:pt x="944" y="793"/>
                </a:cubicBezTo>
                <a:cubicBezTo>
                  <a:pt x="943" y="793"/>
                  <a:pt x="941" y="794"/>
                  <a:pt x="941" y="793"/>
                </a:cubicBezTo>
                <a:cubicBezTo>
                  <a:pt x="940" y="793"/>
                  <a:pt x="940" y="792"/>
                  <a:pt x="939" y="792"/>
                </a:cubicBezTo>
                <a:cubicBezTo>
                  <a:pt x="938" y="791"/>
                  <a:pt x="933" y="791"/>
                  <a:pt x="934" y="789"/>
                </a:cubicBezTo>
                <a:cubicBezTo>
                  <a:pt x="935" y="789"/>
                  <a:pt x="936" y="789"/>
                  <a:pt x="937" y="789"/>
                </a:cubicBezTo>
                <a:cubicBezTo>
                  <a:pt x="937" y="788"/>
                  <a:pt x="938" y="787"/>
                  <a:pt x="939" y="787"/>
                </a:cubicBezTo>
                <a:cubicBezTo>
                  <a:pt x="940" y="787"/>
                  <a:pt x="943" y="788"/>
                  <a:pt x="944" y="788"/>
                </a:cubicBezTo>
                <a:cubicBezTo>
                  <a:pt x="945" y="789"/>
                  <a:pt x="945" y="790"/>
                  <a:pt x="946" y="790"/>
                </a:cubicBezTo>
                <a:cubicBezTo>
                  <a:pt x="947" y="789"/>
                  <a:pt x="947" y="788"/>
                  <a:pt x="948" y="788"/>
                </a:cubicBezTo>
                <a:cubicBezTo>
                  <a:pt x="949" y="787"/>
                  <a:pt x="949" y="788"/>
                  <a:pt x="950" y="788"/>
                </a:cubicBezTo>
                <a:cubicBezTo>
                  <a:pt x="951" y="789"/>
                  <a:pt x="952" y="789"/>
                  <a:pt x="953" y="789"/>
                </a:cubicBezTo>
                <a:cubicBezTo>
                  <a:pt x="955" y="790"/>
                  <a:pt x="954" y="793"/>
                  <a:pt x="954" y="795"/>
                </a:cubicBezTo>
                <a:close/>
                <a:moveTo>
                  <a:pt x="1120" y="757"/>
                </a:moveTo>
                <a:cubicBezTo>
                  <a:pt x="1116" y="758"/>
                  <a:pt x="1113" y="762"/>
                  <a:pt x="1109" y="763"/>
                </a:cubicBezTo>
                <a:cubicBezTo>
                  <a:pt x="1108" y="764"/>
                  <a:pt x="1107" y="764"/>
                  <a:pt x="1106" y="764"/>
                </a:cubicBezTo>
                <a:cubicBezTo>
                  <a:pt x="1105" y="765"/>
                  <a:pt x="1105" y="765"/>
                  <a:pt x="1104" y="766"/>
                </a:cubicBezTo>
                <a:cubicBezTo>
                  <a:pt x="1103" y="768"/>
                  <a:pt x="1101" y="768"/>
                  <a:pt x="1099" y="769"/>
                </a:cubicBezTo>
                <a:cubicBezTo>
                  <a:pt x="1098" y="770"/>
                  <a:pt x="1097" y="772"/>
                  <a:pt x="1095" y="772"/>
                </a:cubicBezTo>
                <a:cubicBezTo>
                  <a:pt x="1094" y="772"/>
                  <a:pt x="1093" y="773"/>
                  <a:pt x="1093" y="771"/>
                </a:cubicBezTo>
                <a:cubicBezTo>
                  <a:pt x="1093" y="771"/>
                  <a:pt x="1093" y="769"/>
                  <a:pt x="1093" y="768"/>
                </a:cubicBezTo>
                <a:cubicBezTo>
                  <a:pt x="1094" y="766"/>
                  <a:pt x="1098" y="767"/>
                  <a:pt x="1099" y="766"/>
                </a:cubicBezTo>
                <a:cubicBezTo>
                  <a:pt x="1101" y="766"/>
                  <a:pt x="1102" y="765"/>
                  <a:pt x="1104" y="763"/>
                </a:cubicBezTo>
                <a:cubicBezTo>
                  <a:pt x="1107" y="761"/>
                  <a:pt x="1109" y="759"/>
                  <a:pt x="1111" y="756"/>
                </a:cubicBezTo>
                <a:cubicBezTo>
                  <a:pt x="1112" y="754"/>
                  <a:pt x="1113" y="753"/>
                  <a:pt x="1115" y="753"/>
                </a:cubicBezTo>
                <a:cubicBezTo>
                  <a:pt x="1116" y="754"/>
                  <a:pt x="1116" y="754"/>
                  <a:pt x="1117" y="754"/>
                </a:cubicBezTo>
                <a:cubicBezTo>
                  <a:pt x="1119" y="754"/>
                  <a:pt x="1120" y="754"/>
                  <a:pt x="1122" y="754"/>
                </a:cubicBezTo>
                <a:cubicBezTo>
                  <a:pt x="1125" y="754"/>
                  <a:pt x="1122" y="757"/>
                  <a:pt x="1120" y="757"/>
                </a:cubicBezTo>
                <a:close/>
                <a:moveTo>
                  <a:pt x="1151" y="732"/>
                </a:moveTo>
                <a:cubicBezTo>
                  <a:pt x="1150" y="733"/>
                  <a:pt x="1150" y="734"/>
                  <a:pt x="1150" y="735"/>
                </a:cubicBezTo>
                <a:cubicBezTo>
                  <a:pt x="1150" y="736"/>
                  <a:pt x="1150" y="737"/>
                  <a:pt x="1150" y="738"/>
                </a:cubicBezTo>
                <a:cubicBezTo>
                  <a:pt x="1149" y="741"/>
                  <a:pt x="1147" y="741"/>
                  <a:pt x="1145" y="742"/>
                </a:cubicBezTo>
                <a:cubicBezTo>
                  <a:pt x="1142" y="743"/>
                  <a:pt x="1142" y="744"/>
                  <a:pt x="1139" y="744"/>
                </a:cubicBezTo>
                <a:cubicBezTo>
                  <a:pt x="1138" y="744"/>
                  <a:pt x="1137" y="744"/>
                  <a:pt x="1135" y="744"/>
                </a:cubicBezTo>
                <a:cubicBezTo>
                  <a:pt x="1134" y="743"/>
                  <a:pt x="1132" y="743"/>
                  <a:pt x="1132" y="743"/>
                </a:cubicBezTo>
                <a:cubicBezTo>
                  <a:pt x="1131" y="742"/>
                  <a:pt x="1132" y="740"/>
                  <a:pt x="1133" y="739"/>
                </a:cubicBezTo>
                <a:cubicBezTo>
                  <a:pt x="1134" y="737"/>
                  <a:pt x="1136" y="736"/>
                  <a:pt x="1138" y="735"/>
                </a:cubicBezTo>
                <a:cubicBezTo>
                  <a:pt x="1140" y="733"/>
                  <a:pt x="1142" y="729"/>
                  <a:pt x="1145" y="727"/>
                </a:cubicBezTo>
                <a:cubicBezTo>
                  <a:pt x="1146" y="725"/>
                  <a:pt x="1147" y="724"/>
                  <a:pt x="1147" y="722"/>
                </a:cubicBezTo>
                <a:cubicBezTo>
                  <a:pt x="1148" y="722"/>
                  <a:pt x="1148" y="721"/>
                  <a:pt x="1148" y="720"/>
                </a:cubicBezTo>
                <a:cubicBezTo>
                  <a:pt x="1149" y="719"/>
                  <a:pt x="1149" y="718"/>
                  <a:pt x="1150" y="719"/>
                </a:cubicBezTo>
                <a:cubicBezTo>
                  <a:pt x="1151" y="721"/>
                  <a:pt x="1150" y="724"/>
                  <a:pt x="1151" y="726"/>
                </a:cubicBezTo>
                <a:cubicBezTo>
                  <a:pt x="1151" y="728"/>
                  <a:pt x="1151" y="730"/>
                  <a:pt x="1151" y="732"/>
                </a:cubicBezTo>
                <a:close/>
                <a:moveTo>
                  <a:pt x="1536" y="421"/>
                </a:moveTo>
                <a:cubicBezTo>
                  <a:pt x="1536" y="421"/>
                  <a:pt x="1537" y="422"/>
                  <a:pt x="1538" y="423"/>
                </a:cubicBezTo>
                <a:cubicBezTo>
                  <a:pt x="1538" y="423"/>
                  <a:pt x="1539" y="424"/>
                  <a:pt x="1540" y="425"/>
                </a:cubicBezTo>
                <a:cubicBezTo>
                  <a:pt x="1540" y="427"/>
                  <a:pt x="1539" y="429"/>
                  <a:pt x="1541" y="431"/>
                </a:cubicBezTo>
                <a:cubicBezTo>
                  <a:pt x="1542" y="432"/>
                  <a:pt x="1544" y="432"/>
                  <a:pt x="1546" y="433"/>
                </a:cubicBezTo>
                <a:cubicBezTo>
                  <a:pt x="1547" y="434"/>
                  <a:pt x="1550" y="436"/>
                  <a:pt x="1550" y="435"/>
                </a:cubicBezTo>
                <a:cubicBezTo>
                  <a:pt x="1550" y="434"/>
                  <a:pt x="1549" y="433"/>
                  <a:pt x="1549" y="433"/>
                </a:cubicBezTo>
                <a:cubicBezTo>
                  <a:pt x="1549" y="432"/>
                  <a:pt x="1549" y="432"/>
                  <a:pt x="1549" y="431"/>
                </a:cubicBezTo>
                <a:cubicBezTo>
                  <a:pt x="1549" y="431"/>
                  <a:pt x="1548" y="430"/>
                  <a:pt x="1548" y="429"/>
                </a:cubicBezTo>
                <a:cubicBezTo>
                  <a:pt x="1549" y="428"/>
                  <a:pt x="1550" y="429"/>
                  <a:pt x="1551" y="428"/>
                </a:cubicBezTo>
                <a:cubicBezTo>
                  <a:pt x="1552" y="428"/>
                  <a:pt x="1551" y="427"/>
                  <a:pt x="1550" y="427"/>
                </a:cubicBezTo>
                <a:cubicBezTo>
                  <a:pt x="1549" y="426"/>
                  <a:pt x="1549" y="425"/>
                  <a:pt x="1548" y="424"/>
                </a:cubicBezTo>
                <a:cubicBezTo>
                  <a:pt x="1548" y="423"/>
                  <a:pt x="1547" y="421"/>
                  <a:pt x="1549" y="422"/>
                </a:cubicBezTo>
                <a:cubicBezTo>
                  <a:pt x="1550" y="422"/>
                  <a:pt x="1553" y="427"/>
                  <a:pt x="1552" y="423"/>
                </a:cubicBezTo>
                <a:cubicBezTo>
                  <a:pt x="1552" y="421"/>
                  <a:pt x="1551" y="421"/>
                  <a:pt x="1550" y="420"/>
                </a:cubicBezTo>
                <a:cubicBezTo>
                  <a:pt x="1549" y="419"/>
                  <a:pt x="1549" y="418"/>
                  <a:pt x="1548" y="417"/>
                </a:cubicBezTo>
                <a:cubicBezTo>
                  <a:pt x="1548" y="416"/>
                  <a:pt x="1544" y="414"/>
                  <a:pt x="1545" y="412"/>
                </a:cubicBezTo>
                <a:cubicBezTo>
                  <a:pt x="1545" y="412"/>
                  <a:pt x="1545" y="412"/>
                  <a:pt x="1545" y="412"/>
                </a:cubicBezTo>
                <a:cubicBezTo>
                  <a:pt x="1547" y="412"/>
                  <a:pt x="1548" y="415"/>
                  <a:pt x="1549" y="416"/>
                </a:cubicBezTo>
                <a:cubicBezTo>
                  <a:pt x="1550" y="418"/>
                  <a:pt x="1552" y="419"/>
                  <a:pt x="1553" y="421"/>
                </a:cubicBezTo>
                <a:cubicBezTo>
                  <a:pt x="1554" y="422"/>
                  <a:pt x="1553" y="425"/>
                  <a:pt x="1554" y="427"/>
                </a:cubicBezTo>
                <a:cubicBezTo>
                  <a:pt x="1555" y="429"/>
                  <a:pt x="1556" y="430"/>
                  <a:pt x="1558" y="431"/>
                </a:cubicBezTo>
                <a:cubicBezTo>
                  <a:pt x="1558" y="432"/>
                  <a:pt x="1559" y="433"/>
                  <a:pt x="1559" y="434"/>
                </a:cubicBezTo>
                <a:cubicBezTo>
                  <a:pt x="1560" y="435"/>
                  <a:pt x="1561" y="434"/>
                  <a:pt x="1562" y="435"/>
                </a:cubicBezTo>
                <a:cubicBezTo>
                  <a:pt x="1563" y="435"/>
                  <a:pt x="1564" y="436"/>
                  <a:pt x="1564" y="435"/>
                </a:cubicBezTo>
                <a:cubicBezTo>
                  <a:pt x="1565" y="435"/>
                  <a:pt x="1564" y="433"/>
                  <a:pt x="1564" y="432"/>
                </a:cubicBezTo>
                <a:cubicBezTo>
                  <a:pt x="1564" y="431"/>
                  <a:pt x="1564" y="430"/>
                  <a:pt x="1563" y="430"/>
                </a:cubicBezTo>
                <a:cubicBezTo>
                  <a:pt x="1562" y="429"/>
                  <a:pt x="1561" y="428"/>
                  <a:pt x="1561" y="427"/>
                </a:cubicBezTo>
                <a:cubicBezTo>
                  <a:pt x="1561" y="426"/>
                  <a:pt x="1563" y="426"/>
                  <a:pt x="1564" y="427"/>
                </a:cubicBezTo>
                <a:cubicBezTo>
                  <a:pt x="1564" y="428"/>
                  <a:pt x="1564" y="428"/>
                  <a:pt x="1565" y="429"/>
                </a:cubicBezTo>
                <a:cubicBezTo>
                  <a:pt x="1566" y="429"/>
                  <a:pt x="1566" y="429"/>
                  <a:pt x="1567" y="429"/>
                </a:cubicBezTo>
                <a:cubicBezTo>
                  <a:pt x="1568" y="429"/>
                  <a:pt x="1568" y="430"/>
                  <a:pt x="1568" y="430"/>
                </a:cubicBezTo>
                <a:cubicBezTo>
                  <a:pt x="1569" y="431"/>
                  <a:pt x="1569" y="432"/>
                  <a:pt x="1569" y="432"/>
                </a:cubicBezTo>
                <a:cubicBezTo>
                  <a:pt x="1570" y="432"/>
                  <a:pt x="1570" y="429"/>
                  <a:pt x="1571" y="428"/>
                </a:cubicBezTo>
                <a:cubicBezTo>
                  <a:pt x="1571" y="426"/>
                  <a:pt x="1572" y="425"/>
                  <a:pt x="1573" y="423"/>
                </a:cubicBezTo>
                <a:cubicBezTo>
                  <a:pt x="1573" y="422"/>
                  <a:pt x="1573" y="421"/>
                  <a:pt x="1573" y="420"/>
                </a:cubicBezTo>
                <a:cubicBezTo>
                  <a:pt x="1573" y="418"/>
                  <a:pt x="1574" y="416"/>
                  <a:pt x="1572" y="414"/>
                </a:cubicBezTo>
                <a:cubicBezTo>
                  <a:pt x="1570" y="414"/>
                  <a:pt x="1570" y="413"/>
                  <a:pt x="1569" y="411"/>
                </a:cubicBezTo>
                <a:cubicBezTo>
                  <a:pt x="1568" y="410"/>
                  <a:pt x="1568" y="410"/>
                  <a:pt x="1567" y="411"/>
                </a:cubicBezTo>
                <a:cubicBezTo>
                  <a:pt x="1565" y="412"/>
                  <a:pt x="1562" y="412"/>
                  <a:pt x="1561" y="410"/>
                </a:cubicBezTo>
                <a:cubicBezTo>
                  <a:pt x="1560" y="409"/>
                  <a:pt x="1559" y="406"/>
                  <a:pt x="1558" y="406"/>
                </a:cubicBezTo>
                <a:cubicBezTo>
                  <a:pt x="1557" y="405"/>
                  <a:pt x="1557" y="407"/>
                  <a:pt x="1557" y="408"/>
                </a:cubicBezTo>
                <a:cubicBezTo>
                  <a:pt x="1557" y="408"/>
                  <a:pt x="1557" y="409"/>
                  <a:pt x="1556" y="410"/>
                </a:cubicBezTo>
                <a:cubicBezTo>
                  <a:pt x="1555" y="411"/>
                  <a:pt x="1555" y="409"/>
                  <a:pt x="1554" y="408"/>
                </a:cubicBezTo>
                <a:cubicBezTo>
                  <a:pt x="1553" y="407"/>
                  <a:pt x="1551" y="406"/>
                  <a:pt x="1550" y="404"/>
                </a:cubicBezTo>
                <a:cubicBezTo>
                  <a:pt x="1549" y="403"/>
                  <a:pt x="1548" y="402"/>
                  <a:pt x="1547" y="400"/>
                </a:cubicBezTo>
                <a:cubicBezTo>
                  <a:pt x="1547" y="399"/>
                  <a:pt x="1546" y="398"/>
                  <a:pt x="1545" y="397"/>
                </a:cubicBezTo>
                <a:cubicBezTo>
                  <a:pt x="1545" y="397"/>
                  <a:pt x="1544" y="396"/>
                  <a:pt x="1544" y="395"/>
                </a:cubicBezTo>
                <a:cubicBezTo>
                  <a:pt x="1543" y="393"/>
                  <a:pt x="1545" y="394"/>
                  <a:pt x="1546" y="395"/>
                </a:cubicBezTo>
                <a:cubicBezTo>
                  <a:pt x="1547" y="397"/>
                  <a:pt x="1548" y="397"/>
                  <a:pt x="1550" y="398"/>
                </a:cubicBezTo>
                <a:cubicBezTo>
                  <a:pt x="1552" y="399"/>
                  <a:pt x="1554" y="400"/>
                  <a:pt x="1556" y="400"/>
                </a:cubicBezTo>
                <a:cubicBezTo>
                  <a:pt x="1558" y="401"/>
                  <a:pt x="1559" y="402"/>
                  <a:pt x="1561" y="403"/>
                </a:cubicBezTo>
                <a:cubicBezTo>
                  <a:pt x="1562" y="405"/>
                  <a:pt x="1564" y="406"/>
                  <a:pt x="1566" y="406"/>
                </a:cubicBezTo>
                <a:cubicBezTo>
                  <a:pt x="1569" y="407"/>
                  <a:pt x="1570" y="408"/>
                  <a:pt x="1572" y="409"/>
                </a:cubicBezTo>
                <a:cubicBezTo>
                  <a:pt x="1575" y="411"/>
                  <a:pt x="1580" y="412"/>
                  <a:pt x="1582" y="416"/>
                </a:cubicBezTo>
                <a:cubicBezTo>
                  <a:pt x="1583" y="418"/>
                  <a:pt x="1582" y="420"/>
                  <a:pt x="1582" y="422"/>
                </a:cubicBezTo>
                <a:cubicBezTo>
                  <a:pt x="1582" y="424"/>
                  <a:pt x="1583" y="427"/>
                  <a:pt x="1582" y="428"/>
                </a:cubicBezTo>
                <a:cubicBezTo>
                  <a:pt x="1581" y="430"/>
                  <a:pt x="1578" y="432"/>
                  <a:pt x="1579" y="435"/>
                </a:cubicBezTo>
                <a:cubicBezTo>
                  <a:pt x="1579" y="436"/>
                  <a:pt x="1581" y="438"/>
                  <a:pt x="1582" y="439"/>
                </a:cubicBezTo>
                <a:cubicBezTo>
                  <a:pt x="1584" y="441"/>
                  <a:pt x="1585" y="443"/>
                  <a:pt x="1586" y="445"/>
                </a:cubicBezTo>
                <a:cubicBezTo>
                  <a:pt x="1587" y="447"/>
                  <a:pt x="1589" y="448"/>
                  <a:pt x="1590" y="450"/>
                </a:cubicBezTo>
                <a:cubicBezTo>
                  <a:pt x="1591" y="452"/>
                  <a:pt x="1592" y="453"/>
                  <a:pt x="1594" y="455"/>
                </a:cubicBezTo>
                <a:cubicBezTo>
                  <a:pt x="1595" y="456"/>
                  <a:pt x="1596" y="458"/>
                  <a:pt x="1598" y="460"/>
                </a:cubicBezTo>
                <a:cubicBezTo>
                  <a:pt x="1599" y="461"/>
                  <a:pt x="1600" y="463"/>
                  <a:pt x="1600" y="465"/>
                </a:cubicBezTo>
                <a:cubicBezTo>
                  <a:pt x="1600" y="467"/>
                  <a:pt x="1598" y="469"/>
                  <a:pt x="1599" y="471"/>
                </a:cubicBezTo>
                <a:cubicBezTo>
                  <a:pt x="1599" y="472"/>
                  <a:pt x="1600" y="473"/>
                  <a:pt x="1601" y="474"/>
                </a:cubicBezTo>
                <a:cubicBezTo>
                  <a:pt x="1601" y="475"/>
                  <a:pt x="1599" y="476"/>
                  <a:pt x="1598" y="476"/>
                </a:cubicBezTo>
                <a:cubicBezTo>
                  <a:pt x="1597" y="477"/>
                  <a:pt x="1596" y="478"/>
                  <a:pt x="1594" y="479"/>
                </a:cubicBezTo>
                <a:cubicBezTo>
                  <a:pt x="1594" y="480"/>
                  <a:pt x="1592" y="481"/>
                  <a:pt x="1591" y="481"/>
                </a:cubicBezTo>
                <a:cubicBezTo>
                  <a:pt x="1590" y="482"/>
                  <a:pt x="1589" y="483"/>
                  <a:pt x="1588" y="484"/>
                </a:cubicBezTo>
                <a:cubicBezTo>
                  <a:pt x="1587" y="486"/>
                  <a:pt x="1585" y="486"/>
                  <a:pt x="1582" y="486"/>
                </a:cubicBezTo>
                <a:cubicBezTo>
                  <a:pt x="1580" y="486"/>
                  <a:pt x="1579" y="485"/>
                  <a:pt x="1577" y="485"/>
                </a:cubicBezTo>
                <a:cubicBezTo>
                  <a:pt x="1576" y="485"/>
                  <a:pt x="1575" y="485"/>
                  <a:pt x="1574" y="484"/>
                </a:cubicBezTo>
                <a:cubicBezTo>
                  <a:pt x="1574" y="483"/>
                  <a:pt x="1574" y="482"/>
                  <a:pt x="1575" y="482"/>
                </a:cubicBezTo>
                <a:cubicBezTo>
                  <a:pt x="1577" y="480"/>
                  <a:pt x="1578" y="479"/>
                  <a:pt x="1579" y="477"/>
                </a:cubicBezTo>
                <a:cubicBezTo>
                  <a:pt x="1580" y="474"/>
                  <a:pt x="1578" y="475"/>
                  <a:pt x="1576" y="473"/>
                </a:cubicBezTo>
                <a:cubicBezTo>
                  <a:pt x="1575" y="471"/>
                  <a:pt x="1574" y="470"/>
                  <a:pt x="1572" y="469"/>
                </a:cubicBezTo>
                <a:cubicBezTo>
                  <a:pt x="1568" y="467"/>
                  <a:pt x="1566" y="463"/>
                  <a:pt x="1563" y="461"/>
                </a:cubicBezTo>
                <a:cubicBezTo>
                  <a:pt x="1561" y="459"/>
                  <a:pt x="1559" y="459"/>
                  <a:pt x="1557" y="458"/>
                </a:cubicBezTo>
                <a:cubicBezTo>
                  <a:pt x="1555" y="457"/>
                  <a:pt x="1553" y="457"/>
                  <a:pt x="1551" y="456"/>
                </a:cubicBezTo>
                <a:cubicBezTo>
                  <a:pt x="1550" y="455"/>
                  <a:pt x="1549" y="453"/>
                  <a:pt x="1548" y="452"/>
                </a:cubicBezTo>
                <a:cubicBezTo>
                  <a:pt x="1546" y="451"/>
                  <a:pt x="1545" y="449"/>
                  <a:pt x="1543" y="448"/>
                </a:cubicBezTo>
                <a:cubicBezTo>
                  <a:pt x="1543" y="448"/>
                  <a:pt x="1539" y="445"/>
                  <a:pt x="1542" y="445"/>
                </a:cubicBezTo>
                <a:cubicBezTo>
                  <a:pt x="1543" y="445"/>
                  <a:pt x="1544" y="447"/>
                  <a:pt x="1546" y="447"/>
                </a:cubicBezTo>
                <a:cubicBezTo>
                  <a:pt x="1547" y="446"/>
                  <a:pt x="1546" y="443"/>
                  <a:pt x="1546" y="441"/>
                </a:cubicBezTo>
                <a:cubicBezTo>
                  <a:pt x="1546" y="440"/>
                  <a:pt x="1546" y="440"/>
                  <a:pt x="1545" y="439"/>
                </a:cubicBezTo>
                <a:cubicBezTo>
                  <a:pt x="1544" y="438"/>
                  <a:pt x="1545" y="437"/>
                  <a:pt x="1545" y="436"/>
                </a:cubicBezTo>
                <a:cubicBezTo>
                  <a:pt x="1544" y="434"/>
                  <a:pt x="1541" y="433"/>
                  <a:pt x="1539" y="432"/>
                </a:cubicBezTo>
                <a:cubicBezTo>
                  <a:pt x="1536" y="430"/>
                  <a:pt x="1539" y="428"/>
                  <a:pt x="1538" y="425"/>
                </a:cubicBezTo>
                <a:cubicBezTo>
                  <a:pt x="1538" y="424"/>
                  <a:pt x="1537" y="423"/>
                  <a:pt x="1537" y="423"/>
                </a:cubicBezTo>
                <a:cubicBezTo>
                  <a:pt x="1536" y="422"/>
                  <a:pt x="1534" y="421"/>
                  <a:pt x="1536" y="421"/>
                </a:cubicBezTo>
                <a:close/>
                <a:moveTo>
                  <a:pt x="1569" y="480"/>
                </a:moveTo>
                <a:cubicBezTo>
                  <a:pt x="1568" y="480"/>
                  <a:pt x="1568" y="480"/>
                  <a:pt x="1567" y="480"/>
                </a:cubicBezTo>
                <a:cubicBezTo>
                  <a:pt x="1566" y="481"/>
                  <a:pt x="1566" y="481"/>
                  <a:pt x="1565" y="482"/>
                </a:cubicBezTo>
                <a:cubicBezTo>
                  <a:pt x="1564" y="483"/>
                  <a:pt x="1563" y="482"/>
                  <a:pt x="1562" y="481"/>
                </a:cubicBezTo>
                <a:cubicBezTo>
                  <a:pt x="1561" y="479"/>
                  <a:pt x="1560" y="478"/>
                  <a:pt x="1559" y="478"/>
                </a:cubicBezTo>
                <a:cubicBezTo>
                  <a:pt x="1557" y="478"/>
                  <a:pt x="1555" y="479"/>
                  <a:pt x="1554" y="477"/>
                </a:cubicBezTo>
                <a:cubicBezTo>
                  <a:pt x="1553" y="476"/>
                  <a:pt x="1554" y="474"/>
                  <a:pt x="1555" y="473"/>
                </a:cubicBezTo>
                <a:cubicBezTo>
                  <a:pt x="1556" y="472"/>
                  <a:pt x="1556" y="473"/>
                  <a:pt x="1557" y="474"/>
                </a:cubicBezTo>
                <a:cubicBezTo>
                  <a:pt x="1558" y="475"/>
                  <a:pt x="1558" y="475"/>
                  <a:pt x="1560" y="475"/>
                </a:cubicBezTo>
                <a:cubicBezTo>
                  <a:pt x="1562" y="476"/>
                  <a:pt x="1562" y="477"/>
                  <a:pt x="1564" y="478"/>
                </a:cubicBezTo>
                <a:cubicBezTo>
                  <a:pt x="1565" y="478"/>
                  <a:pt x="1569" y="478"/>
                  <a:pt x="1569" y="480"/>
                </a:cubicBezTo>
                <a:close/>
                <a:moveTo>
                  <a:pt x="1527" y="1086"/>
                </a:moveTo>
                <a:cubicBezTo>
                  <a:pt x="1528" y="1086"/>
                  <a:pt x="1530" y="1086"/>
                  <a:pt x="1532" y="1086"/>
                </a:cubicBezTo>
                <a:cubicBezTo>
                  <a:pt x="1533" y="1086"/>
                  <a:pt x="1535" y="1086"/>
                  <a:pt x="1535" y="1085"/>
                </a:cubicBezTo>
                <a:cubicBezTo>
                  <a:pt x="1534" y="1084"/>
                  <a:pt x="1532" y="1084"/>
                  <a:pt x="1533" y="1083"/>
                </a:cubicBezTo>
                <a:cubicBezTo>
                  <a:pt x="1534" y="1083"/>
                  <a:pt x="1536" y="1083"/>
                  <a:pt x="1536" y="1083"/>
                </a:cubicBezTo>
                <a:cubicBezTo>
                  <a:pt x="1537" y="1083"/>
                  <a:pt x="1538" y="1084"/>
                  <a:pt x="1538" y="1084"/>
                </a:cubicBezTo>
                <a:cubicBezTo>
                  <a:pt x="1539" y="1085"/>
                  <a:pt x="1539" y="1086"/>
                  <a:pt x="1540" y="1086"/>
                </a:cubicBezTo>
                <a:cubicBezTo>
                  <a:pt x="1541" y="1087"/>
                  <a:pt x="1542" y="1085"/>
                  <a:pt x="1543" y="1087"/>
                </a:cubicBezTo>
                <a:cubicBezTo>
                  <a:pt x="1544" y="1087"/>
                  <a:pt x="1543" y="1088"/>
                  <a:pt x="1543" y="1089"/>
                </a:cubicBezTo>
                <a:cubicBezTo>
                  <a:pt x="1542" y="1090"/>
                  <a:pt x="1543" y="1090"/>
                  <a:pt x="1542" y="1091"/>
                </a:cubicBezTo>
                <a:cubicBezTo>
                  <a:pt x="1542" y="1091"/>
                  <a:pt x="1541" y="1091"/>
                  <a:pt x="1541" y="1091"/>
                </a:cubicBezTo>
                <a:cubicBezTo>
                  <a:pt x="1540" y="1092"/>
                  <a:pt x="1540" y="1092"/>
                  <a:pt x="1540" y="1093"/>
                </a:cubicBezTo>
                <a:cubicBezTo>
                  <a:pt x="1540" y="1093"/>
                  <a:pt x="1541" y="1093"/>
                  <a:pt x="1541" y="1093"/>
                </a:cubicBezTo>
                <a:cubicBezTo>
                  <a:pt x="1542" y="1093"/>
                  <a:pt x="1543" y="1092"/>
                  <a:pt x="1544" y="1093"/>
                </a:cubicBezTo>
                <a:cubicBezTo>
                  <a:pt x="1545" y="1093"/>
                  <a:pt x="1546" y="1093"/>
                  <a:pt x="1547" y="1092"/>
                </a:cubicBezTo>
                <a:cubicBezTo>
                  <a:pt x="1548" y="1091"/>
                  <a:pt x="1547" y="1090"/>
                  <a:pt x="1548" y="1089"/>
                </a:cubicBezTo>
                <a:cubicBezTo>
                  <a:pt x="1549" y="1086"/>
                  <a:pt x="1551" y="1090"/>
                  <a:pt x="1552" y="1091"/>
                </a:cubicBezTo>
                <a:cubicBezTo>
                  <a:pt x="1553" y="1092"/>
                  <a:pt x="1554" y="1094"/>
                  <a:pt x="1554" y="1096"/>
                </a:cubicBezTo>
                <a:cubicBezTo>
                  <a:pt x="1555" y="1098"/>
                  <a:pt x="1556" y="1099"/>
                  <a:pt x="1557" y="1100"/>
                </a:cubicBezTo>
                <a:cubicBezTo>
                  <a:pt x="1558" y="1102"/>
                  <a:pt x="1559" y="1103"/>
                  <a:pt x="1560" y="1105"/>
                </a:cubicBezTo>
                <a:cubicBezTo>
                  <a:pt x="1562" y="1107"/>
                  <a:pt x="1560" y="1107"/>
                  <a:pt x="1558" y="1106"/>
                </a:cubicBezTo>
                <a:cubicBezTo>
                  <a:pt x="1557" y="1104"/>
                  <a:pt x="1556" y="1103"/>
                  <a:pt x="1554" y="1102"/>
                </a:cubicBezTo>
                <a:cubicBezTo>
                  <a:pt x="1553" y="1101"/>
                  <a:pt x="1552" y="1101"/>
                  <a:pt x="1552" y="1100"/>
                </a:cubicBezTo>
                <a:cubicBezTo>
                  <a:pt x="1551" y="1099"/>
                  <a:pt x="1552" y="1098"/>
                  <a:pt x="1551" y="1097"/>
                </a:cubicBezTo>
                <a:cubicBezTo>
                  <a:pt x="1550" y="1096"/>
                  <a:pt x="1549" y="1098"/>
                  <a:pt x="1549" y="1099"/>
                </a:cubicBezTo>
                <a:cubicBezTo>
                  <a:pt x="1548" y="1100"/>
                  <a:pt x="1546" y="1100"/>
                  <a:pt x="1547" y="1098"/>
                </a:cubicBezTo>
                <a:cubicBezTo>
                  <a:pt x="1547" y="1097"/>
                  <a:pt x="1549" y="1097"/>
                  <a:pt x="1548" y="1095"/>
                </a:cubicBezTo>
                <a:cubicBezTo>
                  <a:pt x="1547" y="1095"/>
                  <a:pt x="1546" y="1095"/>
                  <a:pt x="1546" y="1096"/>
                </a:cubicBezTo>
                <a:cubicBezTo>
                  <a:pt x="1545" y="1096"/>
                  <a:pt x="1544" y="1097"/>
                  <a:pt x="1543" y="1097"/>
                </a:cubicBezTo>
                <a:cubicBezTo>
                  <a:pt x="1542" y="1097"/>
                  <a:pt x="1541" y="1096"/>
                  <a:pt x="1541" y="1095"/>
                </a:cubicBezTo>
                <a:cubicBezTo>
                  <a:pt x="1538" y="1091"/>
                  <a:pt x="1532" y="1096"/>
                  <a:pt x="1529" y="1092"/>
                </a:cubicBezTo>
                <a:cubicBezTo>
                  <a:pt x="1528" y="1092"/>
                  <a:pt x="1528" y="1090"/>
                  <a:pt x="1528" y="1090"/>
                </a:cubicBezTo>
                <a:cubicBezTo>
                  <a:pt x="1527" y="1089"/>
                  <a:pt x="1526" y="1089"/>
                  <a:pt x="1525" y="1088"/>
                </a:cubicBezTo>
                <a:cubicBezTo>
                  <a:pt x="1522" y="1086"/>
                  <a:pt x="1525" y="1086"/>
                  <a:pt x="1527" y="1086"/>
                </a:cubicBezTo>
                <a:close/>
                <a:moveTo>
                  <a:pt x="1416" y="481"/>
                </a:moveTo>
                <a:cubicBezTo>
                  <a:pt x="1414" y="479"/>
                  <a:pt x="1413" y="478"/>
                  <a:pt x="1411" y="477"/>
                </a:cubicBezTo>
                <a:cubicBezTo>
                  <a:pt x="1409" y="476"/>
                  <a:pt x="1406" y="473"/>
                  <a:pt x="1408" y="471"/>
                </a:cubicBezTo>
                <a:cubicBezTo>
                  <a:pt x="1410" y="468"/>
                  <a:pt x="1410" y="473"/>
                  <a:pt x="1412" y="472"/>
                </a:cubicBezTo>
                <a:cubicBezTo>
                  <a:pt x="1415" y="472"/>
                  <a:pt x="1414" y="469"/>
                  <a:pt x="1415" y="467"/>
                </a:cubicBezTo>
                <a:cubicBezTo>
                  <a:pt x="1415" y="466"/>
                  <a:pt x="1418" y="465"/>
                  <a:pt x="1418" y="463"/>
                </a:cubicBezTo>
                <a:cubicBezTo>
                  <a:pt x="1418" y="462"/>
                  <a:pt x="1417" y="461"/>
                  <a:pt x="1417" y="460"/>
                </a:cubicBezTo>
                <a:cubicBezTo>
                  <a:pt x="1417" y="458"/>
                  <a:pt x="1418" y="459"/>
                  <a:pt x="1419" y="459"/>
                </a:cubicBezTo>
                <a:cubicBezTo>
                  <a:pt x="1421" y="459"/>
                  <a:pt x="1422" y="457"/>
                  <a:pt x="1424" y="458"/>
                </a:cubicBezTo>
                <a:cubicBezTo>
                  <a:pt x="1426" y="459"/>
                  <a:pt x="1429" y="459"/>
                  <a:pt x="1430" y="457"/>
                </a:cubicBezTo>
                <a:cubicBezTo>
                  <a:pt x="1431" y="456"/>
                  <a:pt x="1431" y="454"/>
                  <a:pt x="1432" y="452"/>
                </a:cubicBezTo>
                <a:cubicBezTo>
                  <a:pt x="1434" y="451"/>
                  <a:pt x="1434" y="451"/>
                  <a:pt x="1435" y="449"/>
                </a:cubicBezTo>
                <a:cubicBezTo>
                  <a:pt x="1435" y="447"/>
                  <a:pt x="1436" y="446"/>
                  <a:pt x="1437" y="448"/>
                </a:cubicBezTo>
                <a:cubicBezTo>
                  <a:pt x="1438" y="449"/>
                  <a:pt x="1438" y="449"/>
                  <a:pt x="1439" y="450"/>
                </a:cubicBezTo>
                <a:cubicBezTo>
                  <a:pt x="1441" y="451"/>
                  <a:pt x="1444" y="452"/>
                  <a:pt x="1446" y="453"/>
                </a:cubicBezTo>
                <a:cubicBezTo>
                  <a:pt x="1449" y="457"/>
                  <a:pt x="1454" y="458"/>
                  <a:pt x="1458" y="460"/>
                </a:cubicBezTo>
                <a:cubicBezTo>
                  <a:pt x="1460" y="461"/>
                  <a:pt x="1461" y="463"/>
                  <a:pt x="1463" y="464"/>
                </a:cubicBezTo>
                <a:cubicBezTo>
                  <a:pt x="1464" y="466"/>
                  <a:pt x="1467" y="467"/>
                  <a:pt x="1469" y="468"/>
                </a:cubicBezTo>
                <a:cubicBezTo>
                  <a:pt x="1473" y="471"/>
                  <a:pt x="1477" y="472"/>
                  <a:pt x="1480" y="476"/>
                </a:cubicBezTo>
                <a:cubicBezTo>
                  <a:pt x="1482" y="478"/>
                  <a:pt x="1483" y="480"/>
                  <a:pt x="1484" y="482"/>
                </a:cubicBezTo>
                <a:cubicBezTo>
                  <a:pt x="1486" y="484"/>
                  <a:pt x="1488" y="485"/>
                  <a:pt x="1489" y="487"/>
                </a:cubicBezTo>
                <a:cubicBezTo>
                  <a:pt x="1491" y="488"/>
                  <a:pt x="1492" y="490"/>
                  <a:pt x="1493" y="492"/>
                </a:cubicBezTo>
                <a:cubicBezTo>
                  <a:pt x="1494" y="494"/>
                  <a:pt x="1495" y="495"/>
                  <a:pt x="1496" y="497"/>
                </a:cubicBezTo>
                <a:cubicBezTo>
                  <a:pt x="1496" y="499"/>
                  <a:pt x="1495" y="501"/>
                  <a:pt x="1494" y="503"/>
                </a:cubicBezTo>
                <a:cubicBezTo>
                  <a:pt x="1494" y="504"/>
                  <a:pt x="1493" y="505"/>
                  <a:pt x="1492" y="504"/>
                </a:cubicBezTo>
                <a:cubicBezTo>
                  <a:pt x="1491" y="504"/>
                  <a:pt x="1491" y="503"/>
                  <a:pt x="1490" y="503"/>
                </a:cubicBezTo>
                <a:cubicBezTo>
                  <a:pt x="1487" y="503"/>
                  <a:pt x="1490" y="507"/>
                  <a:pt x="1490" y="508"/>
                </a:cubicBezTo>
                <a:cubicBezTo>
                  <a:pt x="1490" y="510"/>
                  <a:pt x="1489" y="512"/>
                  <a:pt x="1488" y="514"/>
                </a:cubicBezTo>
                <a:cubicBezTo>
                  <a:pt x="1488" y="516"/>
                  <a:pt x="1488" y="518"/>
                  <a:pt x="1485" y="518"/>
                </a:cubicBezTo>
                <a:cubicBezTo>
                  <a:pt x="1484" y="519"/>
                  <a:pt x="1483" y="519"/>
                  <a:pt x="1482" y="519"/>
                </a:cubicBezTo>
                <a:cubicBezTo>
                  <a:pt x="1481" y="518"/>
                  <a:pt x="1481" y="518"/>
                  <a:pt x="1480" y="517"/>
                </a:cubicBezTo>
                <a:cubicBezTo>
                  <a:pt x="1477" y="517"/>
                  <a:pt x="1475" y="518"/>
                  <a:pt x="1473" y="518"/>
                </a:cubicBezTo>
                <a:cubicBezTo>
                  <a:pt x="1471" y="517"/>
                  <a:pt x="1469" y="516"/>
                  <a:pt x="1467" y="516"/>
                </a:cubicBezTo>
                <a:cubicBezTo>
                  <a:pt x="1466" y="516"/>
                  <a:pt x="1462" y="516"/>
                  <a:pt x="1461" y="517"/>
                </a:cubicBezTo>
                <a:cubicBezTo>
                  <a:pt x="1460" y="518"/>
                  <a:pt x="1461" y="519"/>
                  <a:pt x="1460" y="520"/>
                </a:cubicBezTo>
                <a:cubicBezTo>
                  <a:pt x="1460" y="521"/>
                  <a:pt x="1459" y="522"/>
                  <a:pt x="1458" y="523"/>
                </a:cubicBezTo>
                <a:cubicBezTo>
                  <a:pt x="1457" y="524"/>
                  <a:pt x="1458" y="527"/>
                  <a:pt x="1457" y="529"/>
                </a:cubicBezTo>
                <a:cubicBezTo>
                  <a:pt x="1456" y="530"/>
                  <a:pt x="1454" y="532"/>
                  <a:pt x="1452" y="532"/>
                </a:cubicBezTo>
                <a:cubicBezTo>
                  <a:pt x="1451" y="532"/>
                  <a:pt x="1450" y="531"/>
                  <a:pt x="1449" y="531"/>
                </a:cubicBezTo>
                <a:cubicBezTo>
                  <a:pt x="1448" y="530"/>
                  <a:pt x="1447" y="530"/>
                  <a:pt x="1446" y="530"/>
                </a:cubicBezTo>
                <a:cubicBezTo>
                  <a:pt x="1443" y="530"/>
                  <a:pt x="1444" y="528"/>
                  <a:pt x="1445" y="525"/>
                </a:cubicBezTo>
                <a:cubicBezTo>
                  <a:pt x="1445" y="523"/>
                  <a:pt x="1443" y="523"/>
                  <a:pt x="1442" y="521"/>
                </a:cubicBezTo>
                <a:cubicBezTo>
                  <a:pt x="1440" y="519"/>
                  <a:pt x="1440" y="518"/>
                  <a:pt x="1439" y="516"/>
                </a:cubicBezTo>
                <a:cubicBezTo>
                  <a:pt x="1438" y="512"/>
                  <a:pt x="1434" y="510"/>
                  <a:pt x="1432" y="506"/>
                </a:cubicBezTo>
                <a:cubicBezTo>
                  <a:pt x="1432" y="504"/>
                  <a:pt x="1432" y="502"/>
                  <a:pt x="1431" y="500"/>
                </a:cubicBezTo>
                <a:cubicBezTo>
                  <a:pt x="1430" y="499"/>
                  <a:pt x="1430" y="497"/>
                  <a:pt x="1430" y="496"/>
                </a:cubicBezTo>
                <a:cubicBezTo>
                  <a:pt x="1429" y="494"/>
                  <a:pt x="1429" y="493"/>
                  <a:pt x="1428" y="492"/>
                </a:cubicBezTo>
                <a:cubicBezTo>
                  <a:pt x="1427" y="491"/>
                  <a:pt x="1426" y="490"/>
                  <a:pt x="1426" y="490"/>
                </a:cubicBezTo>
                <a:cubicBezTo>
                  <a:pt x="1424" y="488"/>
                  <a:pt x="1423" y="484"/>
                  <a:pt x="1421" y="483"/>
                </a:cubicBezTo>
                <a:cubicBezTo>
                  <a:pt x="1419" y="483"/>
                  <a:pt x="1417" y="482"/>
                  <a:pt x="1416" y="481"/>
                </a:cubicBezTo>
                <a:close/>
                <a:moveTo>
                  <a:pt x="1594" y="1259"/>
                </a:moveTo>
                <a:cubicBezTo>
                  <a:pt x="1592" y="1257"/>
                  <a:pt x="1592" y="1255"/>
                  <a:pt x="1591" y="1253"/>
                </a:cubicBezTo>
                <a:cubicBezTo>
                  <a:pt x="1590" y="1248"/>
                  <a:pt x="1585" y="1247"/>
                  <a:pt x="1581" y="1250"/>
                </a:cubicBezTo>
                <a:cubicBezTo>
                  <a:pt x="1578" y="1252"/>
                  <a:pt x="1573" y="1250"/>
                  <a:pt x="1569" y="1249"/>
                </a:cubicBezTo>
                <a:cubicBezTo>
                  <a:pt x="1566" y="1248"/>
                  <a:pt x="1562" y="1245"/>
                  <a:pt x="1562" y="1241"/>
                </a:cubicBezTo>
                <a:cubicBezTo>
                  <a:pt x="1562" y="1239"/>
                  <a:pt x="1565" y="1239"/>
                  <a:pt x="1565" y="1237"/>
                </a:cubicBezTo>
                <a:cubicBezTo>
                  <a:pt x="1564" y="1237"/>
                  <a:pt x="1563" y="1238"/>
                  <a:pt x="1562" y="1238"/>
                </a:cubicBezTo>
                <a:cubicBezTo>
                  <a:pt x="1561" y="1238"/>
                  <a:pt x="1560" y="1238"/>
                  <a:pt x="1558" y="1238"/>
                </a:cubicBezTo>
                <a:cubicBezTo>
                  <a:pt x="1556" y="1238"/>
                  <a:pt x="1554" y="1237"/>
                  <a:pt x="1551" y="1239"/>
                </a:cubicBezTo>
                <a:cubicBezTo>
                  <a:pt x="1549" y="1240"/>
                  <a:pt x="1547" y="1241"/>
                  <a:pt x="1544" y="1241"/>
                </a:cubicBezTo>
                <a:cubicBezTo>
                  <a:pt x="1543" y="1240"/>
                  <a:pt x="1542" y="1240"/>
                  <a:pt x="1541" y="1240"/>
                </a:cubicBezTo>
                <a:cubicBezTo>
                  <a:pt x="1539" y="1239"/>
                  <a:pt x="1538" y="1239"/>
                  <a:pt x="1536" y="1239"/>
                </a:cubicBezTo>
                <a:cubicBezTo>
                  <a:pt x="1534" y="1239"/>
                  <a:pt x="1531" y="1239"/>
                  <a:pt x="1528" y="1239"/>
                </a:cubicBezTo>
                <a:cubicBezTo>
                  <a:pt x="1525" y="1239"/>
                  <a:pt x="1523" y="1239"/>
                  <a:pt x="1521" y="1239"/>
                </a:cubicBezTo>
                <a:cubicBezTo>
                  <a:pt x="1515" y="1238"/>
                  <a:pt x="1510" y="1237"/>
                  <a:pt x="1505" y="1239"/>
                </a:cubicBezTo>
                <a:cubicBezTo>
                  <a:pt x="1501" y="1240"/>
                  <a:pt x="1497" y="1243"/>
                  <a:pt x="1492" y="1244"/>
                </a:cubicBezTo>
                <a:cubicBezTo>
                  <a:pt x="1490" y="1244"/>
                  <a:pt x="1488" y="1245"/>
                  <a:pt x="1486" y="1245"/>
                </a:cubicBezTo>
                <a:cubicBezTo>
                  <a:pt x="1485" y="1246"/>
                  <a:pt x="1483" y="1247"/>
                  <a:pt x="1482" y="1248"/>
                </a:cubicBezTo>
                <a:cubicBezTo>
                  <a:pt x="1480" y="1248"/>
                  <a:pt x="1479" y="1249"/>
                  <a:pt x="1477" y="1250"/>
                </a:cubicBezTo>
                <a:cubicBezTo>
                  <a:pt x="1474" y="1250"/>
                  <a:pt x="1472" y="1252"/>
                  <a:pt x="1470" y="1254"/>
                </a:cubicBezTo>
                <a:cubicBezTo>
                  <a:pt x="1467" y="1256"/>
                  <a:pt x="1465" y="1257"/>
                  <a:pt x="1462" y="1259"/>
                </a:cubicBezTo>
                <a:cubicBezTo>
                  <a:pt x="1459" y="1260"/>
                  <a:pt x="1457" y="1262"/>
                  <a:pt x="1456" y="1264"/>
                </a:cubicBezTo>
                <a:cubicBezTo>
                  <a:pt x="1455" y="1266"/>
                  <a:pt x="1453" y="1267"/>
                  <a:pt x="1452" y="1269"/>
                </a:cubicBezTo>
                <a:cubicBezTo>
                  <a:pt x="1450" y="1270"/>
                  <a:pt x="1448" y="1270"/>
                  <a:pt x="1446" y="1271"/>
                </a:cubicBezTo>
                <a:cubicBezTo>
                  <a:pt x="1442" y="1271"/>
                  <a:pt x="1437" y="1271"/>
                  <a:pt x="1433" y="1270"/>
                </a:cubicBezTo>
                <a:cubicBezTo>
                  <a:pt x="1431" y="1270"/>
                  <a:pt x="1429" y="1269"/>
                  <a:pt x="1426" y="1268"/>
                </a:cubicBezTo>
                <a:cubicBezTo>
                  <a:pt x="1425" y="1268"/>
                  <a:pt x="1424" y="1268"/>
                  <a:pt x="1423" y="1268"/>
                </a:cubicBezTo>
                <a:cubicBezTo>
                  <a:pt x="1422" y="1268"/>
                  <a:pt x="1421" y="1267"/>
                  <a:pt x="1420" y="1267"/>
                </a:cubicBezTo>
                <a:cubicBezTo>
                  <a:pt x="1416" y="1266"/>
                  <a:pt x="1412" y="1268"/>
                  <a:pt x="1408" y="1268"/>
                </a:cubicBezTo>
                <a:cubicBezTo>
                  <a:pt x="1406" y="1268"/>
                  <a:pt x="1405" y="1269"/>
                  <a:pt x="1403" y="1269"/>
                </a:cubicBezTo>
                <a:cubicBezTo>
                  <a:pt x="1401" y="1269"/>
                  <a:pt x="1400" y="1268"/>
                  <a:pt x="1398" y="1267"/>
                </a:cubicBezTo>
                <a:cubicBezTo>
                  <a:pt x="1396" y="1266"/>
                  <a:pt x="1394" y="1266"/>
                  <a:pt x="1392" y="1265"/>
                </a:cubicBezTo>
                <a:cubicBezTo>
                  <a:pt x="1389" y="1265"/>
                  <a:pt x="1387" y="1266"/>
                  <a:pt x="1385" y="1266"/>
                </a:cubicBezTo>
                <a:cubicBezTo>
                  <a:pt x="1382" y="1266"/>
                  <a:pt x="1381" y="1264"/>
                  <a:pt x="1378" y="1263"/>
                </a:cubicBezTo>
                <a:cubicBezTo>
                  <a:pt x="1374" y="1262"/>
                  <a:pt x="1369" y="1261"/>
                  <a:pt x="1365" y="1259"/>
                </a:cubicBezTo>
                <a:cubicBezTo>
                  <a:pt x="1363" y="1258"/>
                  <a:pt x="1361" y="1256"/>
                  <a:pt x="1360" y="1255"/>
                </a:cubicBezTo>
                <a:cubicBezTo>
                  <a:pt x="1358" y="1254"/>
                  <a:pt x="1356" y="1253"/>
                  <a:pt x="1355" y="1251"/>
                </a:cubicBezTo>
                <a:cubicBezTo>
                  <a:pt x="1352" y="1247"/>
                  <a:pt x="1352" y="1243"/>
                  <a:pt x="1351" y="1239"/>
                </a:cubicBezTo>
                <a:cubicBezTo>
                  <a:pt x="1351" y="1235"/>
                  <a:pt x="1347" y="1233"/>
                  <a:pt x="1345" y="1230"/>
                </a:cubicBezTo>
                <a:cubicBezTo>
                  <a:pt x="1344" y="1228"/>
                  <a:pt x="1344" y="1226"/>
                  <a:pt x="1343" y="1224"/>
                </a:cubicBezTo>
                <a:cubicBezTo>
                  <a:pt x="1342" y="1222"/>
                  <a:pt x="1340" y="1222"/>
                  <a:pt x="1338" y="1222"/>
                </a:cubicBezTo>
                <a:cubicBezTo>
                  <a:pt x="1335" y="1222"/>
                  <a:pt x="1338" y="1219"/>
                  <a:pt x="1340" y="1219"/>
                </a:cubicBezTo>
                <a:cubicBezTo>
                  <a:pt x="1341" y="1218"/>
                  <a:pt x="1343" y="1217"/>
                  <a:pt x="1344" y="1215"/>
                </a:cubicBezTo>
                <a:cubicBezTo>
                  <a:pt x="1345" y="1215"/>
                  <a:pt x="1346" y="1214"/>
                  <a:pt x="1347" y="1214"/>
                </a:cubicBezTo>
                <a:cubicBezTo>
                  <a:pt x="1348" y="1212"/>
                  <a:pt x="1348" y="1209"/>
                  <a:pt x="1348" y="1207"/>
                </a:cubicBezTo>
                <a:cubicBezTo>
                  <a:pt x="1348" y="1206"/>
                  <a:pt x="1348" y="1205"/>
                  <a:pt x="1348" y="1204"/>
                </a:cubicBezTo>
                <a:cubicBezTo>
                  <a:pt x="1348" y="1202"/>
                  <a:pt x="1348" y="1199"/>
                  <a:pt x="1349" y="1197"/>
                </a:cubicBezTo>
                <a:cubicBezTo>
                  <a:pt x="1350" y="1196"/>
                  <a:pt x="1351" y="1194"/>
                  <a:pt x="1353" y="1193"/>
                </a:cubicBezTo>
                <a:cubicBezTo>
                  <a:pt x="1354" y="1192"/>
                  <a:pt x="1355" y="1192"/>
                  <a:pt x="1356" y="1192"/>
                </a:cubicBezTo>
                <a:cubicBezTo>
                  <a:pt x="1357" y="1191"/>
                  <a:pt x="1358" y="1190"/>
                  <a:pt x="1358" y="1189"/>
                </a:cubicBezTo>
                <a:cubicBezTo>
                  <a:pt x="1360" y="1188"/>
                  <a:pt x="1362" y="1187"/>
                  <a:pt x="1363" y="1189"/>
                </a:cubicBezTo>
                <a:cubicBezTo>
                  <a:pt x="1364" y="1189"/>
                  <a:pt x="1363" y="1190"/>
                  <a:pt x="1365" y="1190"/>
                </a:cubicBezTo>
                <a:cubicBezTo>
                  <a:pt x="1366" y="1190"/>
                  <a:pt x="1366" y="1189"/>
                  <a:pt x="1366" y="1188"/>
                </a:cubicBezTo>
                <a:cubicBezTo>
                  <a:pt x="1366" y="1186"/>
                  <a:pt x="1367" y="1184"/>
                  <a:pt x="1368" y="1182"/>
                </a:cubicBezTo>
                <a:cubicBezTo>
                  <a:pt x="1369" y="1180"/>
                  <a:pt x="1369" y="1177"/>
                  <a:pt x="1369" y="1175"/>
                </a:cubicBezTo>
                <a:cubicBezTo>
                  <a:pt x="1369" y="1172"/>
                  <a:pt x="1369" y="1169"/>
                  <a:pt x="1369" y="1166"/>
                </a:cubicBezTo>
                <a:cubicBezTo>
                  <a:pt x="1369" y="1163"/>
                  <a:pt x="1369" y="1161"/>
                  <a:pt x="1370" y="1159"/>
                </a:cubicBezTo>
                <a:cubicBezTo>
                  <a:pt x="1371" y="1154"/>
                  <a:pt x="1373" y="1151"/>
                  <a:pt x="1376" y="1148"/>
                </a:cubicBezTo>
                <a:cubicBezTo>
                  <a:pt x="1377" y="1147"/>
                  <a:pt x="1378" y="1146"/>
                  <a:pt x="1378" y="1145"/>
                </a:cubicBezTo>
                <a:cubicBezTo>
                  <a:pt x="1378" y="1144"/>
                  <a:pt x="1377" y="1145"/>
                  <a:pt x="1376" y="1145"/>
                </a:cubicBezTo>
                <a:cubicBezTo>
                  <a:pt x="1376" y="1146"/>
                  <a:pt x="1374" y="1147"/>
                  <a:pt x="1374" y="1146"/>
                </a:cubicBezTo>
                <a:cubicBezTo>
                  <a:pt x="1374" y="1145"/>
                  <a:pt x="1375" y="1144"/>
                  <a:pt x="1376" y="1144"/>
                </a:cubicBezTo>
                <a:cubicBezTo>
                  <a:pt x="1378" y="1143"/>
                  <a:pt x="1380" y="1143"/>
                  <a:pt x="1380" y="1141"/>
                </a:cubicBezTo>
                <a:cubicBezTo>
                  <a:pt x="1381" y="1139"/>
                  <a:pt x="1380" y="1139"/>
                  <a:pt x="1379" y="1140"/>
                </a:cubicBezTo>
                <a:cubicBezTo>
                  <a:pt x="1378" y="1141"/>
                  <a:pt x="1378" y="1142"/>
                  <a:pt x="1377" y="1142"/>
                </a:cubicBezTo>
                <a:cubicBezTo>
                  <a:pt x="1376" y="1142"/>
                  <a:pt x="1375" y="1141"/>
                  <a:pt x="1375" y="1140"/>
                </a:cubicBezTo>
                <a:cubicBezTo>
                  <a:pt x="1375" y="1139"/>
                  <a:pt x="1376" y="1139"/>
                  <a:pt x="1377" y="1138"/>
                </a:cubicBezTo>
                <a:cubicBezTo>
                  <a:pt x="1378" y="1137"/>
                  <a:pt x="1378" y="1137"/>
                  <a:pt x="1378" y="1135"/>
                </a:cubicBezTo>
                <a:cubicBezTo>
                  <a:pt x="1378" y="1134"/>
                  <a:pt x="1378" y="1134"/>
                  <a:pt x="1379" y="1133"/>
                </a:cubicBezTo>
                <a:cubicBezTo>
                  <a:pt x="1380" y="1132"/>
                  <a:pt x="1380" y="1132"/>
                  <a:pt x="1381" y="1131"/>
                </a:cubicBezTo>
                <a:cubicBezTo>
                  <a:pt x="1381" y="1130"/>
                  <a:pt x="1381" y="1129"/>
                  <a:pt x="1383" y="1129"/>
                </a:cubicBezTo>
                <a:cubicBezTo>
                  <a:pt x="1383" y="1129"/>
                  <a:pt x="1384" y="1131"/>
                  <a:pt x="1384" y="1132"/>
                </a:cubicBezTo>
                <a:cubicBezTo>
                  <a:pt x="1384" y="1132"/>
                  <a:pt x="1382" y="1132"/>
                  <a:pt x="1382" y="1133"/>
                </a:cubicBezTo>
                <a:cubicBezTo>
                  <a:pt x="1382" y="1135"/>
                  <a:pt x="1383" y="1134"/>
                  <a:pt x="1384" y="1134"/>
                </a:cubicBezTo>
                <a:cubicBezTo>
                  <a:pt x="1386" y="1134"/>
                  <a:pt x="1386" y="1135"/>
                  <a:pt x="1387" y="1135"/>
                </a:cubicBezTo>
                <a:cubicBezTo>
                  <a:pt x="1388" y="1136"/>
                  <a:pt x="1389" y="1136"/>
                  <a:pt x="1390" y="1136"/>
                </a:cubicBezTo>
                <a:cubicBezTo>
                  <a:pt x="1391" y="1136"/>
                  <a:pt x="1392" y="1136"/>
                  <a:pt x="1393" y="1136"/>
                </a:cubicBezTo>
                <a:cubicBezTo>
                  <a:pt x="1395" y="1137"/>
                  <a:pt x="1398" y="1136"/>
                  <a:pt x="1399" y="1134"/>
                </a:cubicBezTo>
                <a:cubicBezTo>
                  <a:pt x="1399" y="1134"/>
                  <a:pt x="1399" y="1132"/>
                  <a:pt x="1399" y="1131"/>
                </a:cubicBezTo>
                <a:cubicBezTo>
                  <a:pt x="1400" y="1130"/>
                  <a:pt x="1400" y="1129"/>
                  <a:pt x="1401" y="1128"/>
                </a:cubicBezTo>
                <a:cubicBezTo>
                  <a:pt x="1402" y="1125"/>
                  <a:pt x="1401" y="1122"/>
                  <a:pt x="1402" y="1118"/>
                </a:cubicBezTo>
                <a:cubicBezTo>
                  <a:pt x="1402" y="1116"/>
                  <a:pt x="1404" y="1114"/>
                  <a:pt x="1403" y="1112"/>
                </a:cubicBezTo>
                <a:cubicBezTo>
                  <a:pt x="1403" y="1111"/>
                  <a:pt x="1402" y="1110"/>
                  <a:pt x="1402" y="1109"/>
                </a:cubicBezTo>
                <a:cubicBezTo>
                  <a:pt x="1402" y="1108"/>
                  <a:pt x="1401" y="1108"/>
                  <a:pt x="1401" y="1107"/>
                </a:cubicBezTo>
                <a:cubicBezTo>
                  <a:pt x="1400" y="1104"/>
                  <a:pt x="1403" y="1103"/>
                  <a:pt x="1404" y="1103"/>
                </a:cubicBezTo>
                <a:cubicBezTo>
                  <a:pt x="1407" y="1102"/>
                  <a:pt x="1407" y="1100"/>
                  <a:pt x="1410" y="1099"/>
                </a:cubicBezTo>
                <a:cubicBezTo>
                  <a:pt x="1412" y="1098"/>
                  <a:pt x="1414" y="1099"/>
                  <a:pt x="1416" y="1099"/>
                </a:cubicBezTo>
                <a:cubicBezTo>
                  <a:pt x="1418" y="1098"/>
                  <a:pt x="1419" y="1096"/>
                  <a:pt x="1420" y="1094"/>
                </a:cubicBezTo>
                <a:cubicBezTo>
                  <a:pt x="1421" y="1093"/>
                  <a:pt x="1421" y="1093"/>
                  <a:pt x="1422" y="1092"/>
                </a:cubicBezTo>
                <a:cubicBezTo>
                  <a:pt x="1423" y="1092"/>
                  <a:pt x="1423" y="1092"/>
                  <a:pt x="1423" y="1091"/>
                </a:cubicBezTo>
                <a:cubicBezTo>
                  <a:pt x="1423" y="1090"/>
                  <a:pt x="1423" y="1090"/>
                  <a:pt x="1422" y="1090"/>
                </a:cubicBezTo>
                <a:cubicBezTo>
                  <a:pt x="1420" y="1089"/>
                  <a:pt x="1420" y="1087"/>
                  <a:pt x="1419" y="1085"/>
                </a:cubicBezTo>
                <a:cubicBezTo>
                  <a:pt x="1418" y="1083"/>
                  <a:pt x="1416" y="1083"/>
                  <a:pt x="1415" y="1081"/>
                </a:cubicBezTo>
                <a:cubicBezTo>
                  <a:pt x="1415" y="1080"/>
                  <a:pt x="1414" y="1079"/>
                  <a:pt x="1415" y="1078"/>
                </a:cubicBezTo>
                <a:cubicBezTo>
                  <a:pt x="1416" y="1078"/>
                  <a:pt x="1417" y="1079"/>
                  <a:pt x="1418" y="1080"/>
                </a:cubicBezTo>
                <a:cubicBezTo>
                  <a:pt x="1418" y="1080"/>
                  <a:pt x="1419" y="1081"/>
                  <a:pt x="1420" y="1081"/>
                </a:cubicBezTo>
                <a:cubicBezTo>
                  <a:pt x="1421" y="1082"/>
                  <a:pt x="1421" y="1083"/>
                  <a:pt x="1422" y="1084"/>
                </a:cubicBezTo>
                <a:cubicBezTo>
                  <a:pt x="1422" y="1085"/>
                  <a:pt x="1423" y="1085"/>
                  <a:pt x="1424" y="1085"/>
                </a:cubicBezTo>
                <a:cubicBezTo>
                  <a:pt x="1426" y="1084"/>
                  <a:pt x="1425" y="1082"/>
                  <a:pt x="1426" y="1081"/>
                </a:cubicBezTo>
                <a:cubicBezTo>
                  <a:pt x="1428" y="1078"/>
                  <a:pt x="1431" y="1076"/>
                  <a:pt x="1434" y="1074"/>
                </a:cubicBezTo>
                <a:cubicBezTo>
                  <a:pt x="1437" y="1072"/>
                  <a:pt x="1441" y="1071"/>
                  <a:pt x="1444" y="1071"/>
                </a:cubicBezTo>
                <a:cubicBezTo>
                  <a:pt x="1446" y="1071"/>
                  <a:pt x="1449" y="1071"/>
                  <a:pt x="1451" y="1071"/>
                </a:cubicBezTo>
                <a:cubicBezTo>
                  <a:pt x="1453" y="1070"/>
                  <a:pt x="1453" y="1068"/>
                  <a:pt x="1455" y="1066"/>
                </a:cubicBezTo>
                <a:cubicBezTo>
                  <a:pt x="1457" y="1065"/>
                  <a:pt x="1458" y="1066"/>
                  <a:pt x="1460" y="1067"/>
                </a:cubicBezTo>
                <a:cubicBezTo>
                  <a:pt x="1461" y="1067"/>
                  <a:pt x="1461" y="1068"/>
                  <a:pt x="1462" y="1068"/>
                </a:cubicBezTo>
                <a:cubicBezTo>
                  <a:pt x="1464" y="1068"/>
                  <a:pt x="1464" y="1068"/>
                  <a:pt x="1465" y="1068"/>
                </a:cubicBezTo>
                <a:cubicBezTo>
                  <a:pt x="1471" y="1071"/>
                  <a:pt x="1465" y="1061"/>
                  <a:pt x="1469" y="1060"/>
                </a:cubicBezTo>
                <a:cubicBezTo>
                  <a:pt x="1470" y="1062"/>
                  <a:pt x="1469" y="1065"/>
                  <a:pt x="1470" y="1067"/>
                </a:cubicBezTo>
                <a:cubicBezTo>
                  <a:pt x="1470" y="1068"/>
                  <a:pt x="1471" y="1067"/>
                  <a:pt x="1472" y="1068"/>
                </a:cubicBezTo>
                <a:cubicBezTo>
                  <a:pt x="1473" y="1069"/>
                  <a:pt x="1473" y="1070"/>
                  <a:pt x="1474" y="1071"/>
                </a:cubicBezTo>
                <a:cubicBezTo>
                  <a:pt x="1475" y="1072"/>
                  <a:pt x="1478" y="1072"/>
                  <a:pt x="1480" y="1072"/>
                </a:cubicBezTo>
                <a:cubicBezTo>
                  <a:pt x="1481" y="1072"/>
                  <a:pt x="1482" y="1071"/>
                  <a:pt x="1483" y="1071"/>
                </a:cubicBezTo>
                <a:cubicBezTo>
                  <a:pt x="1484" y="1070"/>
                  <a:pt x="1485" y="1070"/>
                  <a:pt x="1485" y="1072"/>
                </a:cubicBezTo>
                <a:cubicBezTo>
                  <a:pt x="1485" y="1073"/>
                  <a:pt x="1484" y="1073"/>
                  <a:pt x="1483" y="1074"/>
                </a:cubicBezTo>
                <a:cubicBezTo>
                  <a:pt x="1482" y="1074"/>
                  <a:pt x="1481" y="1075"/>
                  <a:pt x="1480" y="1075"/>
                </a:cubicBezTo>
                <a:cubicBezTo>
                  <a:pt x="1478" y="1076"/>
                  <a:pt x="1475" y="1075"/>
                  <a:pt x="1473" y="1075"/>
                </a:cubicBezTo>
                <a:cubicBezTo>
                  <a:pt x="1471" y="1074"/>
                  <a:pt x="1469" y="1074"/>
                  <a:pt x="1467" y="1073"/>
                </a:cubicBezTo>
                <a:cubicBezTo>
                  <a:pt x="1465" y="1072"/>
                  <a:pt x="1463" y="1073"/>
                  <a:pt x="1460" y="1073"/>
                </a:cubicBezTo>
                <a:cubicBezTo>
                  <a:pt x="1459" y="1072"/>
                  <a:pt x="1456" y="1070"/>
                  <a:pt x="1455" y="1070"/>
                </a:cubicBezTo>
                <a:cubicBezTo>
                  <a:pt x="1455" y="1071"/>
                  <a:pt x="1456" y="1071"/>
                  <a:pt x="1457" y="1072"/>
                </a:cubicBezTo>
                <a:cubicBezTo>
                  <a:pt x="1458" y="1073"/>
                  <a:pt x="1457" y="1074"/>
                  <a:pt x="1458" y="1075"/>
                </a:cubicBezTo>
                <a:cubicBezTo>
                  <a:pt x="1458" y="1075"/>
                  <a:pt x="1460" y="1075"/>
                  <a:pt x="1461" y="1075"/>
                </a:cubicBezTo>
                <a:cubicBezTo>
                  <a:pt x="1462" y="1075"/>
                  <a:pt x="1463" y="1075"/>
                  <a:pt x="1464" y="1076"/>
                </a:cubicBezTo>
                <a:cubicBezTo>
                  <a:pt x="1465" y="1076"/>
                  <a:pt x="1469" y="1079"/>
                  <a:pt x="1466" y="1080"/>
                </a:cubicBezTo>
                <a:cubicBezTo>
                  <a:pt x="1465" y="1080"/>
                  <a:pt x="1464" y="1080"/>
                  <a:pt x="1463" y="1080"/>
                </a:cubicBezTo>
                <a:cubicBezTo>
                  <a:pt x="1462" y="1081"/>
                  <a:pt x="1461" y="1081"/>
                  <a:pt x="1460" y="1081"/>
                </a:cubicBezTo>
                <a:cubicBezTo>
                  <a:pt x="1459" y="1081"/>
                  <a:pt x="1458" y="1080"/>
                  <a:pt x="1457" y="1080"/>
                </a:cubicBezTo>
                <a:cubicBezTo>
                  <a:pt x="1457" y="1079"/>
                  <a:pt x="1456" y="1078"/>
                  <a:pt x="1455" y="1078"/>
                </a:cubicBezTo>
                <a:cubicBezTo>
                  <a:pt x="1454" y="1078"/>
                  <a:pt x="1454" y="1079"/>
                  <a:pt x="1455" y="1080"/>
                </a:cubicBezTo>
                <a:cubicBezTo>
                  <a:pt x="1456" y="1081"/>
                  <a:pt x="1457" y="1081"/>
                  <a:pt x="1458" y="1082"/>
                </a:cubicBezTo>
                <a:cubicBezTo>
                  <a:pt x="1459" y="1084"/>
                  <a:pt x="1461" y="1084"/>
                  <a:pt x="1463" y="1085"/>
                </a:cubicBezTo>
                <a:cubicBezTo>
                  <a:pt x="1465" y="1086"/>
                  <a:pt x="1467" y="1087"/>
                  <a:pt x="1469" y="1086"/>
                </a:cubicBezTo>
                <a:cubicBezTo>
                  <a:pt x="1470" y="1086"/>
                  <a:pt x="1471" y="1085"/>
                  <a:pt x="1473" y="1085"/>
                </a:cubicBezTo>
                <a:cubicBezTo>
                  <a:pt x="1475" y="1086"/>
                  <a:pt x="1476" y="1087"/>
                  <a:pt x="1478" y="1088"/>
                </a:cubicBezTo>
                <a:cubicBezTo>
                  <a:pt x="1479" y="1089"/>
                  <a:pt x="1481" y="1090"/>
                  <a:pt x="1483" y="1090"/>
                </a:cubicBezTo>
                <a:cubicBezTo>
                  <a:pt x="1485" y="1091"/>
                  <a:pt x="1487" y="1090"/>
                  <a:pt x="1489" y="1089"/>
                </a:cubicBezTo>
                <a:cubicBezTo>
                  <a:pt x="1494" y="1088"/>
                  <a:pt x="1498" y="1086"/>
                  <a:pt x="1503" y="1086"/>
                </a:cubicBezTo>
                <a:cubicBezTo>
                  <a:pt x="1505" y="1085"/>
                  <a:pt x="1507" y="1086"/>
                  <a:pt x="1507" y="1089"/>
                </a:cubicBezTo>
                <a:cubicBezTo>
                  <a:pt x="1508" y="1091"/>
                  <a:pt x="1510" y="1091"/>
                  <a:pt x="1512" y="1091"/>
                </a:cubicBezTo>
                <a:cubicBezTo>
                  <a:pt x="1514" y="1091"/>
                  <a:pt x="1514" y="1091"/>
                  <a:pt x="1515" y="1091"/>
                </a:cubicBezTo>
                <a:cubicBezTo>
                  <a:pt x="1516" y="1090"/>
                  <a:pt x="1517" y="1090"/>
                  <a:pt x="1518" y="1091"/>
                </a:cubicBezTo>
                <a:cubicBezTo>
                  <a:pt x="1519" y="1091"/>
                  <a:pt x="1519" y="1092"/>
                  <a:pt x="1519" y="1094"/>
                </a:cubicBezTo>
                <a:cubicBezTo>
                  <a:pt x="1518" y="1095"/>
                  <a:pt x="1519" y="1095"/>
                  <a:pt x="1519" y="1096"/>
                </a:cubicBezTo>
                <a:cubicBezTo>
                  <a:pt x="1521" y="1099"/>
                  <a:pt x="1516" y="1098"/>
                  <a:pt x="1514" y="1098"/>
                </a:cubicBezTo>
                <a:cubicBezTo>
                  <a:pt x="1513" y="1099"/>
                  <a:pt x="1512" y="1099"/>
                  <a:pt x="1511" y="1100"/>
                </a:cubicBezTo>
                <a:cubicBezTo>
                  <a:pt x="1509" y="1100"/>
                  <a:pt x="1509" y="1101"/>
                  <a:pt x="1508" y="1102"/>
                </a:cubicBezTo>
                <a:cubicBezTo>
                  <a:pt x="1506" y="1103"/>
                  <a:pt x="1503" y="1103"/>
                  <a:pt x="1501" y="1104"/>
                </a:cubicBezTo>
                <a:cubicBezTo>
                  <a:pt x="1499" y="1104"/>
                  <a:pt x="1497" y="1105"/>
                  <a:pt x="1496" y="1107"/>
                </a:cubicBezTo>
                <a:cubicBezTo>
                  <a:pt x="1494" y="1109"/>
                  <a:pt x="1493" y="1110"/>
                  <a:pt x="1491" y="1111"/>
                </a:cubicBezTo>
                <a:cubicBezTo>
                  <a:pt x="1489" y="1111"/>
                  <a:pt x="1487" y="1112"/>
                  <a:pt x="1486" y="1113"/>
                </a:cubicBezTo>
                <a:cubicBezTo>
                  <a:pt x="1483" y="1115"/>
                  <a:pt x="1486" y="1116"/>
                  <a:pt x="1487" y="1117"/>
                </a:cubicBezTo>
                <a:cubicBezTo>
                  <a:pt x="1488" y="1118"/>
                  <a:pt x="1488" y="1119"/>
                  <a:pt x="1489" y="1119"/>
                </a:cubicBezTo>
                <a:cubicBezTo>
                  <a:pt x="1490" y="1120"/>
                  <a:pt x="1491" y="1120"/>
                  <a:pt x="1492" y="1120"/>
                </a:cubicBezTo>
                <a:cubicBezTo>
                  <a:pt x="1494" y="1121"/>
                  <a:pt x="1497" y="1120"/>
                  <a:pt x="1499" y="1121"/>
                </a:cubicBezTo>
                <a:cubicBezTo>
                  <a:pt x="1500" y="1122"/>
                  <a:pt x="1500" y="1122"/>
                  <a:pt x="1501" y="1123"/>
                </a:cubicBezTo>
                <a:cubicBezTo>
                  <a:pt x="1502" y="1123"/>
                  <a:pt x="1503" y="1123"/>
                  <a:pt x="1504" y="1123"/>
                </a:cubicBezTo>
                <a:cubicBezTo>
                  <a:pt x="1506" y="1124"/>
                  <a:pt x="1509" y="1123"/>
                  <a:pt x="1511" y="1124"/>
                </a:cubicBezTo>
                <a:cubicBezTo>
                  <a:pt x="1513" y="1125"/>
                  <a:pt x="1515" y="1125"/>
                  <a:pt x="1516" y="1127"/>
                </a:cubicBezTo>
                <a:cubicBezTo>
                  <a:pt x="1517" y="1128"/>
                  <a:pt x="1518" y="1131"/>
                  <a:pt x="1517" y="1133"/>
                </a:cubicBezTo>
                <a:cubicBezTo>
                  <a:pt x="1517" y="1135"/>
                  <a:pt x="1516" y="1136"/>
                  <a:pt x="1516" y="1137"/>
                </a:cubicBezTo>
                <a:cubicBezTo>
                  <a:pt x="1516" y="1138"/>
                  <a:pt x="1516" y="1139"/>
                  <a:pt x="1515" y="1140"/>
                </a:cubicBezTo>
                <a:cubicBezTo>
                  <a:pt x="1515" y="1143"/>
                  <a:pt x="1515" y="1145"/>
                  <a:pt x="1512" y="1145"/>
                </a:cubicBezTo>
                <a:cubicBezTo>
                  <a:pt x="1510" y="1145"/>
                  <a:pt x="1509" y="1147"/>
                  <a:pt x="1511" y="1147"/>
                </a:cubicBezTo>
                <a:cubicBezTo>
                  <a:pt x="1512" y="1147"/>
                  <a:pt x="1513" y="1147"/>
                  <a:pt x="1514" y="1147"/>
                </a:cubicBezTo>
                <a:cubicBezTo>
                  <a:pt x="1514" y="1148"/>
                  <a:pt x="1515" y="1148"/>
                  <a:pt x="1515" y="1149"/>
                </a:cubicBezTo>
                <a:cubicBezTo>
                  <a:pt x="1518" y="1151"/>
                  <a:pt x="1522" y="1152"/>
                  <a:pt x="1525" y="1151"/>
                </a:cubicBezTo>
                <a:cubicBezTo>
                  <a:pt x="1526" y="1150"/>
                  <a:pt x="1527" y="1149"/>
                  <a:pt x="1528" y="1149"/>
                </a:cubicBezTo>
                <a:cubicBezTo>
                  <a:pt x="1530" y="1148"/>
                  <a:pt x="1532" y="1148"/>
                  <a:pt x="1534" y="1147"/>
                </a:cubicBezTo>
                <a:cubicBezTo>
                  <a:pt x="1537" y="1146"/>
                  <a:pt x="1539" y="1144"/>
                  <a:pt x="1541" y="1143"/>
                </a:cubicBezTo>
                <a:cubicBezTo>
                  <a:pt x="1543" y="1142"/>
                  <a:pt x="1544" y="1140"/>
                  <a:pt x="1546" y="1140"/>
                </a:cubicBezTo>
                <a:cubicBezTo>
                  <a:pt x="1548" y="1139"/>
                  <a:pt x="1550" y="1139"/>
                  <a:pt x="1552" y="1138"/>
                </a:cubicBezTo>
                <a:cubicBezTo>
                  <a:pt x="1555" y="1137"/>
                  <a:pt x="1556" y="1135"/>
                  <a:pt x="1558" y="1134"/>
                </a:cubicBezTo>
                <a:cubicBezTo>
                  <a:pt x="1560" y="1133"/>
                  <a:pt x="1562" y="1132"/>
                  <a:pt x="1565" y="1132"/>
                </a:cubicBezTo>
                <a:cubicBezTo>
                  <a:pt x="1568" y="1131"/>
                  <a:pt x="1571" y="1127"/>
                  <a:pt x="1574" y="1126"/>
                </a:cubicBezTo>
                <a:cubicBezTo>
                  <a:pt x="1577" y="1125"/>
                  <a:pt x="1578" y="1126"/>
                  <a:pt x="1580" y="1128"/>
                </a:cubicBezTo>
                <a:cubicBezTo>
                  <a:pt x="1581" y="1129"/>
                  <a:pt x="1582" y="1129"/>
                  <a:pt x="1583" y="1129"/>
                </a:cubicBezTo>
                <a:cubicBezTo>
                  <a:pt x="1584" y="1129"/>
                  <a:pt x="1584" y="1130"/>
                  <a:pt x="1585" y="1130"/>
                </a:cubicBezTo>
                <a:cubicBezTo>
                  <a:pt x="1588" y="1131"/>
                  <a:pt x="1590" y="1130"/>
                  <a:pt x="1592" y="1129"/>
                </a:cubicBezTo>
                <a:cubicBezTo>
                  <a:pt x="1594" y="1129"/>
                  <a:pt x="1595" y="1129"/>
                  <a:pt x="1596" y="1129"/>
                </a:cubicBezTo>
                <a:cubicBezTo>
                  <a:pt x="1598" y="1129"/>
                  <a:pt x="1600" y="1129"/>
                  <a:pt x="1600" y="1126"/>
                </a:cubicBezTo>
                <a:cubicBezTo>
                  <a:pt x="1600" y="1125"/>
                  <a:pt x="1600" y="1124"/>
                  <a:pt x="1600" y="1123"/>
                </a:cubicBezTo>
                <a:cubicBezTo>
                  <a:pt x="1601" y="1122"/>
                  <a:pt x="1602" y="1122"/>
                  <a:pt x="1603" y="1121"/>
                </a:cubicBezTo>
                <a:cubicBezTo>
                  <a:pt x="1604" y="1120"/>
                  <a:pt x="1604" y="1119"/>
                  <a:pt x="1604" y="1118"/>
                </a:cubicBezTo>
                <a:cubicBezTo>
                  <a:pt x="1605" y="1117"/>
                  <a:pt x="1606" y="1118"/>
                  <a:pt x="1608" y="1117"/>
                </a:cubicBezTo>
                <a:cubicBezTo>
                  <a:pt x="1609" y="1117"/>
                  <a:pt x="1610" y="1117"/>
                  <a:pt x="1608" y="1116"/>
                </a:cubicBezTo>
                <a:cubicBezTo>
                  <a:pt x="1608" y="1116"/>
                  <a:pt x="1606" y="1116"/>
                  <a:pt x="1605" y="1116"/>
                </a:cubicBezTo>
                <a:cubicBezTo>
                  <a:pt x="1603" y="1117"/>
                  <a:pt x="1601" y="1117"/>
                  <a:pt x="1599" y="1117"/>
                </a:cubicBezTo>
                <a:cubicBezTo>
                  <a:pt x="1596" y="1117"/>
                  <a:pt x="1594" y="1117"/>
                  <a:pt x="1592" y="1117"/>
                </a:cubicBezTo>
                <a:cubicBezTo>
                  <a:pt x="1590" y="1117"/>
                  <a:pt x="1588" y="1116"/>
                  <a:pt x="1586" y="1116"/>
                </a:cubicBezTo>
                <a:cubicBezTo>
                  <a:pt x="1584" y="1116"/>
                  <a:pt x="1581" y="1116"/>
                  <a:pt x="1580" y="1117"/>
                </a:cubicBezTo>
                <a:cubicBezTo>
                  <a:pt x="1578" y="1117"/>
                  <a:pt x="1576" y="1119"/>
                  <a:pt x="1574" y="1119"/>
                </a:cubicBezTo>
                <a:cubicBezTo>
                  <a:pt x="1573" y="1118"/>
                  <a:pt x="1572" y="1117"/>
                  <a:pt x="1571" y="1116"/>
                </a:cubicBezTo>
                <a:cubicBezTo>
                  <a:pt x="1570" y="1115"/>
                  <a:pt x="1569" y="1114"/>
                  <a:pt x="1568" y="1113"/>
                </a:cubicBezTo>
                <a:cubicBezTo>
                  <a:pt x="1567" y="1111"/>
                  <a:pt x="1565" y="1110"/>
                  <a:pt x="1564" y="1108"/>
                </a:cubicBezTo>
                <a:cubicBezTo>
                  <a:pt x="1562" y="1105"/>
                  <a:pt x="1560" y="1102"/>
                  <a:pt x="1558" y="1099"/>
                </a:cubicBezTo>
                <a:cubicBezTo>
                  <a:pt x="1557" y="1097"/>
                  <a:pt x="1552" y="1087"/>
                  <a:pt x="1556" y="1085"/>
                </a:cubicBezTo>
                <a:cubicBezTo>
                  <a:pt x="1556" y="1085"/>
                  <a:pt x="1557" y="1085"/>
                  <a:pt x="1558" y="1085"/>
                </a:cubicBezTo>
                <a:cubicBezTo>
                  <a:pt x="1559" y="1084"/>
                  <a:pt x="1560" y="1083"/>
                  <a:pt x="1561" y="1083"/>
                </a:cubicBezTo>
                <a:cubicBezTo>
                  <a:pt x="1562" y="1082"/>
                  <a:pt x="1563" y="1083"/>
                  <a:pt x="1564" y="1082"/>
                </a:cubicBezTo>
                <a:cubicBezTo>
                  <a:pt x="1564" y="1082"/>
                  <a:pt x="1564" y="1080"/>
                  <a:pt x="1564" y="1079"/>
                </a:cubicBezTo>
                <a:cubicBezTo>
                  <a:pt x="1564" y="1077"/>
                  <a:pt x="1567" y="1075"/>
                  <a:pt x="1567" y="1078"/>
                </a:cubicBezTo>
                <a:cubicBezTo>
                  <a:pt x="1567" y="1079"/>
                  <a:pt x="1567" y="1079"/>
                  <a:pt x="1568" y="1080"/>
                </a:cubicBezTo>
                <a:cubicBezTo>
                  <a:pt x="1568" y="1080"/>
                  <a:pt x="1569" y="1081"/>
                  <a:pt x="1568" y="1081"/>
                </a:cubicBezTo>
                <a:cubicBezTo>
                  <a:pt x="1568" y="1083"/>
                  <a:pt x="1566" y="1083"/>
                  <a:pt x="1565" y="1083"/>
                </a:cubicBezTo>
                <a:cubicBezTo>
                  <a:pt x="1564" y="1084"/>
                  <a:pt x="1564" y="1086"/>
                  <a:pt x="1562" y="1087"/>
                </a:cubicBezTo>
                <a:cubicBezTo>
                  <a:pt x="1562" y="1088"/>
                  <a:pt x="1560" y="1088"/>
                  <a:pt x="1559" y="1089"/>
                </a:cubicBezTo>
                <a:cubicBezTo>
                  <a:pt x="1560" y="1090"/>
                  <a:pt x="1563" y="1088"/>
                  <a:pt x="1564" y="1087"/>
                </a:cubicBezTo>
                <a:cubicBezTo>
                  <a:pt x="1565" y="1086"/>
                  <a:pt x="1565" y="1084"/>
                  <a:pt x="1567" y="1083"/>
                </a:cubicBezTo>
                <a:cubicBezTo>
                  <a:pt x="1569" y="1083"/>
                  <a:pt x="1571" y="1082"/>
                  <a:pt x="1572" y="1081"/>
                </a:cubicBezTo>
                <a:cubicBezTo>
                  <a:pt x="1574" y="1079"/>
                  <a:pt x="1575" y="1075"/>
                  <a:pt x="1578" y="1074"/>
                </a:cubicBezTo>
                <a:cubicBezTo>
                  <a:pt x="1579" y="1074"/>
                  <a:pt x="1580" y="1074"/>
                  <a:pt x="1581" y="1073"/>
                </a:cubicBezTo>
                <a:cubicBezTo>
                  <a:pt x="1581" y="1073"/>
                  <a:pt x="1582" y="1072"/>
                  <a:pt x="1583" y="1071"/>
                </a:cubicBezTo>
                <a:cubicBezTo>
                  <a:pt x="1584" y="1069"/>
                  <a:pt x="1587" y="1069"/>
                  <a:pt x="1589" y="1069"/>
                </a:cubicBezTo>
                <a:cubicBezTo>
                  <a:pt x="1591" y="1069"/>
                  <a:pt x="1594" y="1069"/>
                  <a:pt x="1596" y="1068"/>
                </a:cubicBezTo>
                <a:cubicBezTo>
                  <a:pt x="1598" y="1068"/>
                  <a:pt x="1600" y="1066"/>
                  <a:pt x="1603" y="1065"/>
                </a:cubicBezTo>
                <a:cubicBezTo>
                  <a:pt x="1604" y="1065"/>
                  <a:pt x="1605" y="1064"/>
                  <a:pt x="1605" y="1064"/>
                </a:cubicBezTo>
                <a:cubicBezTo>
                  <a:pt x="1606" y="1063"/>
                  <a:pt x="1607" y="1063"/>
                  <a:pt x="1608" y="1063"/>
                </a:cubicBezTo>
                <a:cubicBezTo>
                  <a:pt x="1610" y="1064"/>
                  <a:pt x="1609" y="1065"/>
                  <a:pt x="1610" y="1066"/>
                </a:cubicBezTo>
                <a:cubicBezTo>
                  <a:pt x="1611" y="1067"/>
                  <a:pt x="1612" y="1066"/>
                  <a:pt x="1612" y="1068"/>
                </a:cubicBezTo>
                <a:cubicBezTo>
                  <a:pt x="1612" y="1069"/>
                  <a:pt x="1612" y="1070"/>
                  <a:pt x="1613" y="1070"/>
                </a:cubicBezTo>
                <a:cubicBezTo>
                  <a:pt x="1614" y="1070"/>
                  <a:pt x="1614" y="1068"/>
                  <a:pt x="1615" y="1067"/>
                </a:cubicBezTo>
                <a:cubicBezTo>
                  <a:pt x="1615" y="1065"/>
                  <a:pt x="1616" y="1064"/>
                  <a:pt x="1618" y="1063"/>
                </a:cubicBezTo>
                <a:cubicBezTo>
                  <a:pt x="1620" y="1062"/>
                  <a:pt x="1621" y="1061"/>
                  <a:pt x="1623" y="1060"/>
                </a:cubicBezTo>
                <a:cubicBezTo>
                  <a:pt x="1625" y="1060"/>
                  <a:pt x="1627" y="1060"/>
                  <a:pt x="1629" y="1059"/>
                </a:cubicBezTo>
                <a:cubicBezTo>
                  <a:pt x="1630" y="1059"/>
                  <a:pt x="1631" y="1058"/>
                  <a:pt x="1632" y="1057"/>
                </a:cubicBezTo>
                <a:cubicBezTo>
                  <a:pt x="1633" y="1056"/>
                  <a:pt x="1635" y="1054"/>
                  <a:pt x="1637" y="1053"/>
                </a:cubicBezTo>
                <a:cubicBezTo>
                  <a:pt x="1638" y="1053"/>
                  <a:pt x="1639" y="1053"/>
                  <a:pt x="1640" y="1053"/>
                </a:cubicBezTo>
                <a:cubicBezTo>
                  <a:pt x="1642" y="1052"/>
                  <a:pt x="1644" y="1053"/>
                  <a:pt x="1646" y="1053"/>
                </a:cubicBezTo>
                <a:cubicBezTo>
                  <a:pt x="1648" y="1053"/>
                  <a:pt x="1650" y="1053"/>
                  <a:pt x="1652" y="1052"/>
                </a:cubicBezTo>
                <a:cubicBezTo>
                  <a:pt x="1654" y="1052"/>
                  <a:pt x="1657" y="1052"/>
                  <a:pt x="1659" y="1051"/>
                </a:cubicBezTo>
                <a:cubicBezTo>
                  <a:pt x="1660" y="1050"/>
                  <a:pt x="1661" y="1050"/>
                  <a:pt x="1662" y="1050"/>
                </a:cubicBezTo>
                <a:cubicBezTo>
                  <a:pt x="1663" y="1050"/>
                  <a:pt x="1664" y="1051"/>
                  <a:pt x="1665" y="1051"/>
                </a:cubicBezTo>
                <a:cubicBezTo>
                  <a:pt x="1666" y="1051"/>
                  <a:pt x="1670" y="1051"/>
                  <a:pt x="1671" y="1051"/>
                </a:cubicBezTo>
                <a:cubicBezTo>
                  <a:pt x="1673" y="1050"/>
                  <a:pt x="1675" y="1048"/>
                  <a:pt x="1676" y="1048"/>
                </a:cubicBezTo>
                <a:cubicBezTo>
                  <a:pt x="1678" y="1047"/>
                  <a:pt x="1681" y="1046"/>
                  <a:pt x="1683" y="1047"/>
                </a:cubicBezTo>
                <a:cubicBezTo>
                  <a:pt x="1683" y="1047"/>
                  <a:pt x="1685" y="1047"/>
                  <a:pt x="1686" y="1048"/>
                </a:cubicBezTo>
                <a:cubicBezTo>
                  <a:pt x="1686" y="1049"/>
                  <a:pt x="1685" y="1050"/>
                  <a:pt x="1684" y="1050"/>
                </a:cubicBezTo>
                <a:cubicBezTo>
                  <a:pt x="1684" y="1052"/>
                  <a:pt x="1685" y="1053"/>
                  <a:pt x="1684" y="1054"/>
                </a:cubicBezTo>
                <a:cubicBezTo>
                  <a:pt x="1684" y="1055"/>
                  <a:pt x="1682" y="1055"/>
                  <a:pt x="1681" y="1056"/>
                </a:cubicBezTo>
                <a:cubicBezTo>
                  <a:pt x="1677" y="1058"/>
                  <a:pt x="1672" y="1060"/>
                  <a:pt x="1668" y="1060"/>
                </a:cubicBezTo>
                <a:cubicBezTo>
                  <a:pt x="1667" y="1061"/>
                  <a:pt x="1666" y="1061"/>
                  <a:pt x="1664" y="1061"/>
                </a:cubicBezTo>
                <a:cubicBezTo>
                  <a:pt x="1663" y="1061"/>
                  <a:pt x="1662" y="1061"/>
                  <a:pt x="1661" y="1061"/>
                </a:cubicBezTo>
                <a:cubicBezTo>
                  <a:pt x="1658" y="1062"/>
                  <a:pt x="1663" y="1064"/>
                  <a:pt x="1663" y="1065"/>
                </a:cubicBezTo>
                <a:cubicBezTo>
                  <a:pt x="1665" y="1067"/>
                  <a:pt x="1665" y="1069"/>
                  <a:pt x="1662" y="1068"/>
                </a:cubicBezTo>
                <a:cubicBezTo>
                  <a:pt x="1659" y="1068"/>
                  <a:pt x="1658" y="1069"/>
                  <a:pt x="1655" y="1069"/>
                </a:cubicBezTo>
                <a:cubicBezTo>
                  <a:pt x="1651" y="1070"/>
                  <a:pt x="1647" y="1069"/>
                  <a:pt x="1642" y="1069"/>
                </a:cubicBezTo>
                <a:cubicBezTo>
                  <a:pt x="1638" y="1068"/>
                  <a:pt x="1642" y="1071"/>
                  <a:pt x="1642" y="1072"/>
                </a:cubicBezTo>
                <a:cubicBezTo>
                  <a:pt x="1643" y="1073"/>
                  <a:pt x="1643" y="1074"/>
                  <a:pt x="1643" y="1075"/>
                </a:cubicBezTo>
                <a:cubicBezTo>
                  <a:pt x="1644" y="1076"/>
                  <a:pt x="1645" y="1077"/>
                  <a:pt x="1646" y="1077"/>
                </a:cubicBezTo>
                <a:cubicBezTo>
                  <a:pt x="1648" y="1078"/>
                  <a:pt x="1650" y="1081"/>
                  <a:pt x="1652" y="1081"/>
                </a:cubicBezTo>
                <a:cubicBezTo>
                  <a:pt x="1654" y="1082"/>
                  <a:pt x="1656" y="1082"/>
                  <a:pt x="1657" y="1084"/>
                </a:cubicBezTo>
                <a:cubicBezTo>
                  <a:pt x="1658" y="1084"/>
                  <a:pt x="1659" y="1085"/>
                  <a:pt x="1660" y="1086"/>
                </a:cubicBezTo>
                <a:cubicBezTo>
                  <a:pt x="1661" y="1086"/>
                  <a:pt x="1662" y="1086"/>
                  <a:pt x="1663" y="1087"/>
                </a:cubicBezTo>
                <a:cubicBezTo>
                  <a:pt x="1663" y="1088"/>
                  <a:pt x="1664" y="1089"/>
                  <a:pt x="1664" y="1090"/>
                </a:cubicBezTo>
                <a:cubicBezTo>
                  <a:pt x="1664" y="1091"/>
                  <a:pt x="1662" y="1091"/>
                  <a:pt x="1661" y="1091"/>
                </a:cubicBezTo>
                <a:cubicBezTo>
                  <a:pt x="1660" y="1090"/>
                  <a:pt x="1658" y="1089"/>
                  <a:pt x="1657" y="1088"/>
                </a:cubicBezTo>
                <a:cubicBezTo>
                  <a:pt x="1654" y="1087"/>
                  <a:pt x="1654" y="1090"/>
                  <a:pt x="1652" y="1091"/>
                </a:cubicBezTo>
                <a:cubicBezTo>
                  <a:pt x="1652" y="1091"/>
                  <a:pt x="1650" y="1092"/>
                  <a:pt x="1650" y="1092"/>
                </a:cubicBezTo>
                <a:cubicBezTo>
                  <a:pt x="1649" y="1092"/>
                  <a:pt x="1648" y="1091"/>
                  <a:pt x="1647" y="1091"/>
                </a:cubicBezTo>
                <a:cubicBezTo>
                  <a:pt x="1645" y="1092"/>
                  <a:pt x="1644" y="1094"/>
                  <a:pt x="1644" y="1096"/>
                </a:cubicBezTo>
                <a:cubicBezTo>
                  <a:pt x="1644" y="1099"/>
                  <a:pt x="1643" y="1101"/>
                  <a:pt x="1641" y="1102"/>
                </a:cubicBezTo>
                <a:cubicBezTo>
                  <a:pt x="1640" y="1103"/>
                  <a:pt x="1640" y="1104"/>
                  <a:pt x="1639" y="1104"/>
                </a:cubicBezTo>
                <a:cubicBezTo>
                  <a:pt x="1638" y="1105"/>
                  <a:pt x="1637" y="1105"/>
                  <a:pt x="1636" y="1105"/>
                </a:cubicBezTo>
                <a:cubicBezTo>
                  <a:pt x="1634" y="1106"/>
                  <a:pt x="1637" y="1108"/>
                  <a:pt x="1637" y="1109"/>
                </a:cubicBezTo>
                <a:cubicBezTo>
                  <a:pt x="1638" y="1110"/>
                  <a:pt x="1638" y="1111"/>
                  <a:pt x="1638" y="1112"/>
                </a:cubicBezTo>
                <a:cubicBezTo>
                  <a:pt x="1639" y="1113"/>
                  <a:pt x="1640" y="1113"/>
                  <a:pt x="1640" y="1114"/>
                </a:cubicBezTo>
                <a:cubicBezTo>
                  <a:pt x="1641" y="1119"/>
                  <a:pt x="1633" y="1118"/>
                  <a:pt x="1630" y="1118"/>
                </a:cubicBezTo>
                <a:cubicBezTo>
                  <a:pt x="1628" y="1118"/>
                  <a:pt x="1626" y="1117"/>
                  <a:pt x="1624" y="1116"/>
                </a:cubicBezTo>
                <a:cubicBezTo>
                  <a:pt x="1622" y="1116"/>
                  <a:pt x="1621" y="1115"/>
                  <a:pt x="1619" y="1115"/>
                </a:cubicBezTo>
                <a:cubicBezTo>
                  <a:pt x="1618" y="1115"/>
                  <a:pt x="1617" y="1115"/>
                  <a:pt x="1616" y="1115"/>
                </a:cubicBezTo>
                <a:cubicBezTo>
                  <a:pt x="1615" y="1114"/>
                  <a:pt x="1614" y="1114"/>
                  <a:pt x="1613" y="1114"/>
                </a:cubicBezTo>
                <a:cubicBezTo>
                  <a:pt x="1611" y="1114"/>
                  <a:pt x="1608" y="1116"/>
                  <a:pt x="1611" y="1116"/>
                </a:cubicBezTo>
                <a:cubicBezTo>
                  <a:pt x="1613" y="1117"/>
                  <a:pt x="1613" y="1117"/>
                  <a:pt x="1614" y="1118"/>
                </a:cubicBezTo>
                <a:cubicBezTo>
                  <a:pt x="1615" y="1118"/>
                  <a:pt x="1616" y="1118"/>
                  <a:pt x="1616" y="1119"/>
                </a:cubicBezTo>
                <a:cubicBezTo>
                  <a:pt x="1616" y="1121"/>
                  <a:pt x="1614" y="1120"/>
                  <a:pt x="1613" y="1121"/>
                </a:cubicBezTo>
                <a:cubicBezTo>
                  <a:pt x="1612" y="1121"/>
                  <a:pt x="1612" y="1122"/>
                  <a:pt x="1611" y="1122"/>
                </a:cubicBezTo>
                <a:cubicBezTo>
                  <a:pt x="1610" y="1122"/>
                  <a:pt x="1605" y="1122"/>
                  <a:pt x="1607" y="1124"/>
                </a:cubicBezTo>
                <a:cubicBezTo>
                  <a:pt x="1608" y="1125"/>
                  <a:pt x="1610" y="1124"/>
                  <a:pt x="1611" y="1125"/>
                </a:cubicBezTo>
                <a:cubicBezTo>
                  <a:pt x="1612" y="1125"/>
                  <a:pt x="1612" y="1125"/>
                  <a:pt x="1613" y="1126"/>
                </a:cubicBezTo>
                <a:cubicBezTo>
                  <a:pt x="1614" y="1126"/>
                  <a:pt x="1615" y="1126"/>
                  <a:pt x="1616" y="1127"/>
                </a:cubicBezTo>
                <a:cubicBezTo>
                  <a:pt x="1617" y="1127"/>
                  <a:pt x="1617" y="1128"/>
                  <a:pt x="1619" y="1128"/>
                </a:cubicBezTo>
                <a:cubicBezTo>
                  <a:pt x="1620" y="1129"/>
                  <a:pt x="1620" y="1129"/>
                  <a:pt x="1621" y="1129"/>
                </a:cubicBezTo>
                <a:cubicBezTo>
                  <a:pt x="1622" y="1130"/>
                  <a:pt x="1622" y="1131"/>
                  <a:pt x="1623" y="1132"/>
                </a:cubicBezTo>
                <a:cubicBezTo>
                  <a:pt x="1624" y="1133"/>
                  <a:pt x="1625" y="1133"/>
                  <a:pt x="1625" y="1134"/>
                </a:cubicBezTo>
                <a:cubicBezTo>
                  <a:pt x="1626" y="1135"/>
                  <a:pt x="1627" y="1136"/>
                  <a:pt x="1627" y="1137"/>
                </a:cubicBezTo>
                <a:cubicBezTo>
                  <a:pt x="1628" y="1138"/>
                  <a:pt x="1629" y="1138"/>
                  <a:pt x="1629" y="1139"/>
                </a:cubicBezTo>
                <a:cubicBezTo>
                  <a:pt x="1630" y="1139"/>
                  <a:pt x="1630" y="1140"/>
                  <a:pt x="1631" y="1141"/>
                </a:cubicBezTo>
                <a:cubicBezTo>
                  <a:pt x="1633" y="1142"/>
                  <a:pt x="1636" y="1142"/>
                  <a:pt x="1638" y="1142"/>
                </a:cubicBezTo>
                <a:cubicBezTo>
                  <a:pt x="1640" y="1142"/>
                  <a:pt x="1642" y="1141"/>
                  <a:pt x="1644" y="1142"/>
                </a:cubicBezTo>
                <a:cubicBezTo>
                  <a:pt x="1644" y="1143"/>
                  <a:pt x="1645" y="1144"/>
                  <a:pt x="1645" y="1144"/>
                </a:cubicBezTo>
                <a:cubicBezTo>
                  <a:pt x="1646" y="1145"/>
                  <a:pt x="1647" y="1145"/>
                  <a:pt x="1647" y="1145"/>
                </a:cubicBezTo>
                <a:cubicBezTo>
                  <a:pt x="1651" y="1149"/>
                  <a:pt x="1653" y="1153"/>
                  <a:pt x="1658" y="1154"/>
                </a:cubicBezTo>
                <a:cubicBezTo>
                  <a:pt x="1662" y="1155"/>
                  <a:pt x="1666" y="1154"/>
                  <a:pt x="1670" y="1157"/>
                </a:cubicBezTo>
                <a:cubicBezTo>
                  <a:pt x="1672" y="1158"/>
                  <a:pt x="1673" y="1160"/>
                  <a:pt x="1675" y="1161"/>
                </a:cubicBezTo>
                <a:cubicBezTo>
                  <a:pt x="1676" y="1163"/>
                  <a:pt x="1678" y="1164"/>
                  <a:pt x="1680" y="1165"/>
                </a:cubicBezTo>
                <a:cubicBezTo>
                  <a:pt x="1681" y="1166"/>
                  <a:pt x="1683" y="1167"/>
                  <a:pt x="1684" y="1169"/>
                </a:cubicBezTo>
                <a:cubicBezTo>
                  <a:pt x="1686" y="1171"/>
                  <a:pt x="1688" y="1171"/>
                  <a:pt x="1690" y="1173"/>
                </a:cubicBezTo>
                <a:cubicBezTo>
                  <a:pt x="1692" y="1174"/>
                  <a:pt x="1693" y="1175"/>
                  <a:pt x="1695" y="1177"/>
                </a:cubicBezTo>
                <a:cubicBezTo>
                  <a:pt x="1696" y="1179"/>
                  <a:pt x="1697" y="1180"/>
                  <a:pt x="1699" y="1182"/>
                </a:cubicBezTo>
                <a:cubicBezTo>
                  <a:pt x="1702" y="1185"/>
                  <a:pt x="1705" y="1187"/>
                  <a:pt x="1709" y="1190"/>
                </a:cubicBezTo>
                <a:cubicBezTo>
                  <a:pt x="1712" y="1193"/>
                  <a:pt x="1716" y="1196"/>
                  <a:pt x="1720" y="1197"/>
                </a:cubicBezTo>
                <a:cubicBezTo>
                  <a:pt x="1723" y="1198"/>
                  <a:pt x="1727" y="1199"/>
                  <a:pt x="1730" y="1200"/>
                </a:cubicBezTo>
                <a:cubicBezTo>
                  <a:pt x="1732" y="1201"/>
                  <a:pt x="1736" y="1202"/>
                  <a:pt x="1737" y="1204"/>
                </a:cubicBezTo>
                <a:cubicBezTo>
                  <a:pt x="1739" y="1205"/>
                  <a:pt x="1740" y="1208"/>
                  <a:pt x="1741" y="1210"/>
                </a:cubicBezTo>
                <a:cubicBezTo>
                  <a:pt x="1743" y="1214"/>
                  <a:pt x="1749" y="1212"/>
                  <a:pt x="1751" y="1216"/>
                </a:cubicBezTo>
                <a:cubicBezTo>
                  <a:pt x="1753" y="1218"/>
                  <a:pt x="1752" y="1221"/>
                  <a:pt x="1753" y="1223"/>
                </a:cubicBezTo>
                <a:cubicBezTo>
                  <a:pt x="1753" y="1225"/>
                  <a:pt x="1753" y="1227"/>
                  <a:pt x="1754" y="1229"/>
                </a:cubicBezTo>
                <a:cubicBezTo>
                  <a:pt x="1755" y="1231"/>
                  <a:pt x="1757" y="1232"/>
                  <a:pt x="1758" y="1234"/>
                </a:cubicBezTo>
                <a:cubicBezTo>
                  <a:pt x="1759" y="1236"/>
                  <a:pt x="1759" y="1238"/>
                  <a:pt x="1759" y="1240"/>
                </a:cubicBezTo>
                <a:cubicBezTo>
                  <a:pt x="1760" y="1242"/>
                  <a:pt x="1760" y="1244"/>
                  <a:pt x="1759" y="1246"/>
                </a:cubicBezTo>
                <a:cubicBezTo>
                  <a:pt x="1758" y="1248"/>
                  <a:pt x="1756" y="1250"/>
                  <a:pt x="1755" y="1252"/>
                </a:cubicBezTo>
                <a:cubicBezTo>
                  <a:pt x="1753" y="1253"/>
                  <a:pt x="1753" y="1255"/>
                  <a:pt x="1751" y="1257"/>
                </a:cubicBezTo>
                <a:cubicBezTo>
                  <a:pt x="1750" y="1258"/>
                  <a:pt x="1748" y="1259"/>
                  <a:pt x="1745" y="1260"/>
                </a:cubicBezTo>
                <a:cubicBezTo>
                  <a:pt x="1743" y="1261"/>
                  <a:pt x="1741" y="1262"/>
                  <a:pt x="1739" y="1264"/>
                </a:cubicBezTo>
                <a:cubicBezTo>
                  <a:pt x="1737" y="1266"/>
                  <a:pt x="1736" y="1267"/>
                  <a:pt x="1734" y="1268"/>
                </a:cubicBezTo>
                <a:cubicBezTo>
                  <a:pt x="1732" y="1268"/>
                  <a:pt x="1730" y="1269"/>
                  <a:pt x="1728" y="1269"/>
                </a:cubicBezTo>
                <a:cubicBezTo>
                  <a:pt x="1727" y="1270"/>
                  <a:pt x="1726" y="1271"/>
                  <a:pt x="1724" y="1272"/>
                </a:cubicBezTo>
                <a:cubicBezTo>
                  <a:pt x="1724" y="1273"/>
                  <a:pt x="1723" y="1273"/>
                  <a:pt x="1722" y="1274"/>
                </a:cubicBezTo>
                <a:cubicBezTo>
                  <a:pt x="1720" y="1274"/>
                  <a:pt x="1717" y="1275"/>
                  <a:pt x="1715" y="1275"/>
                </a:cubicBezTo>
                <a:cubicBezTo>
                  <a:pt x="1713" y="1276"/>
                  <a:pt x="1711" y="1277"/>
                  <a:pt x="1708" y="1277"/>
                </a:cubicBezTo>
                <a:cubicBezTo>
                  <a:pt x="1706" y="1276"/>
                  <a:pt x="1703" y="1275"/>
                  <a:pt x="1701" y="1274"/>
                </a:cubicBezTo>
                <a:cubicBezTo>
                  <a:pt x="1699" y="1274"/>
                  <a:pt x="1697" y="1273"/>
                  <a:pt x="1695" y="1272"/>
                </a:cubicBezTo>
                <a:cubicBezTo>
                  <a:pt x="1692" y="1270"/>
                  <a:pt x="1691" y="1270"/>
                  <a:pt x="1688" y="1270"/>
                </a:cubicBezTo>
                <a:cubicBezTo>
                  <a:pt x="1686" y="1270"/>
                  <a:pt x="1684" y="1270"/>
                  <a:pt x="1682" y="1271"/>
                </a:cubicBezTo>
                <a:cubicBezTo>
                  <a:pt x="1679" y="1272"/>
                  <a:pt x="1677" y="1274"/>
                  <a:pt x="1674" y="1274"/>
                </a:cubicBezTo>
                <a:cubicBezTo>
                  <a:pt x="1672" y="1274"/>
                  <a:pt x="1670" y="1275"/>
                  <a:pt x="1668" y="1275"/>
                </a:cubicBezTo>
                <a:cubicBezTo>
                  <a:pt x="1665" y="1276"/>
                  <a:pt x="1663" y="1276"/>
                  <a:pt x="1661" y="1276"/>
                </a:cubicBezTo>
                <a:cubicBezTo>
                  <a:pt x="1659" y="1276"/>
                  <a:pt x="1656" y="1276"/>
                  <a:pt x="1654" y="1276"/>
                </a:cubicBezTo>
                <a:cubicBezTo>
                  <a:pt x="1652" y="1275"/>
                  <a:pt x="1651" y="1275"/>
                  <a:pt x="1649" y="1275"/>
                </a:cubicBezTo>
                <a:cubicBezTo>
                  <a:pt x="1648" y="1274"/>
                  <a:pt x="1646" y="1275"/>
                  <a:pt x="1645" y="1274"/>
                </a:cubicBezTo>
                <a:cubicBezTo>
                  <a:pt x="1644" y="1274"/>
                  <a:pt x="1643" y="1273"/>
                  <a:pt x="1641" y="1273"/>
                </a:cubicBezTo>
                <a:cubicBezTo>
                  <a:pt x="1639" y="1272"/>
                  <a:pt x="1637" y="1272"/>
                  <a:pt x="1634" y="1271"/>
                </a:cubicBezTo>
                <a:cubicBezTo>
                  <a:pt x="1632" y="1271"/>
                  <a:pt x="1630" y="1271"/>
                  <a:pt x="1628" y="1271"/>
                </a:cubicBezTo>
                <a:cubicBezTo>
                  <a:pt x="1625" y="1270"/>
                  <a:pt x="1623" y="1268"/>
                  <a:pt x="1621" y="1267"/>
                </a:cubicBezTo>
                <a:cubicBezTo>
                  <a:pt x="1618" y="1265"/>
                  <a:pt x="1614" y="1261"/>
                  <a:pt x="1610" y="1261"/>
                </a:cubicBezTo>
                <a:cubicBezTo>
                  <a:pt x="1608" y="1261"/>
                  <a:pt x="1607" y="1263"/>
                  <a:pt x="1605" y="1264"/>
                </a:cubicBezTo>
                <a:cubicBezTo>
                  <a:pt x="1603" y="1265"/>
                  <a:pt x="1601" y="1264"/>
                  <a:pt x="1599" y="1263"/>
                </a:cubicBezTo>
                <a:cubicBezTo>
                  <a:pt x="1597" y="1262"/>
                  <a:pt x="1595" y="1260"/>
                  <a:pt x="1594" y="1259"/>
                </a:cubicBezTo>
                <a:close/>
                <a:moveTo>
                  <a:pt x="1562" y="1111"/>
                </a:moveTo>
                <a:cubicBezTo>
                  <a:pt x="1562" y="1111"/>
                  <a:pt x="1561" y="1110"/>
                  <a:pt x="1562" y="1110"/>
                </a:cubicBezTo>
                <a:cubicBezTo>
                  <a:pt x="1563" y="1108"/>
                  <a:pt x="1566" y="1114"/>
                  <a:pt x="1566" y="1114"/>
                </a:cubicBezTo>
                <a:cubicBezTo>
                  <a:pt x="1568" y="1116"/>
                  <a:pt x="1569" y="1117"/>
                  <a:pt x="1571" y="1118"/>
                </a:cubicBezTo>
                <a:cubicBezTo>
                  <a:pt x="1571" y="1119"/>
                  <a:pt x="1572" y="1119"/>
                  <a:pt x="1572" y="1120"/>
                </a:cubicBezTo>
                <a:cubicBezTo>
                  <a:pt x="1572" y="1122"/>
                  <a:pt x="1571" y="1121"/>
                  <a:pt x="1570" y="1120"/>
                </a:cubicBezTo>
                <a:cubicBezTo>
                  <a:pt x="1569" y="1120"/>
                  <a:pt x="1569" y="1119"/>
                  <a:pt x="1567" y="1119"/>
                </a:cubicBezTo>
                <a:cubicBezTo>
                  <a:pt x="1566" y="1119"/>
                  <a:pt x="1566" y="1119"/>
                  <a:pt x="1565" y="1118"/>
                </a:cubicBezTo>
                <a:cubicBezTo>
                  <a:pt x="1564" y="1116"/>
                  <a:pt x="1560" y="1118"/>
                  <a:pt x="1562" y="1114"/>
                </a:cubicBezTo>
                <a:cubicBezTo>
                  <a:pt x="1562" y="1113"/>
                  <a:pt x="1562" y="1112"/>
                  <a:pt x="1562" y="1111"/>
                </a:cubicBezTo>
                <a:close/>
                <a:moveTo>
                  <a:pt x="1475" y="1610"/>
                </a:moveTo>
                <a:cubicBezTo>
                  <a:pt x="1473" y="1610"/>
                  <a:pt x="1473" y="1609"/>
                  <a:pt x="1471" y="1608"/>
                </a:cubicBezTo>
                <a:cubicBezTo>
                  <a:pt x="1469" y="1607"/>
                  <a:pt x="1467" y="1607"/>
                  <a:pt x="1466" y="1606"/>
                </a:cubicBezTo>
                <a:cubicBezTo>
                  <a:pt x="1464" y="1605"/>
                  <a:pt x="1465" y="1603"/>
                  <a:pt x="1466" y="1602"/>
                </a:cubicBezTo>
                <a:cubicBezTo>
                  <a:pt x="1466" y="1599"/>
                  <a:pt x="1465" y="1598"/>
                  <a:pt x="1468" y="1599"/>
                </a:cubicBezTo>
                <a:cubicBezTo>
                  <a:pt x="1470" y="1600"/>
                  <a:pt x="1472" y="1603"/>
                  <a:pt x="1475" y="1604"/>
                </a:cubicBezTo>
                <a:cubicBezTo>
                  <a:pt x="1477" y="1605"/>
                  <a:pt x="1480" y="1608"/>
                  <a:pt x="1475" y="1610"/>
                </a:cubicBezTo>
                <a:close/>
                <a:moveTo>
                  <a:pt x="1804" y="2165"/>
                </a:moveTo>
                <a:cubicBezTo>
                  <a:pt x="1777" y="2165"/>
                  <a:pt x="1777" y="2165"/>
                  <a:pt x="1777" y="2165"/>
                </a:cubicBezTo>
                <a:cubicBezTo>
                  <a:pt x="1776" y="2162"/>
                  <a:pt x="1776" y="2160"/>
                  <a:pt x="1774" y="2158"/>
                </a:cubicBezTo>
                <a:cubicBezTo>
                  <a:pt x="1772" y="2156"/>
                  <a:pt x="1769" y="2152"/>
                  <a:pt x="1766" y="2150"/>
                </a:cubicBezTo>
                <a:cubicBezTo>
                  <a:pt x="1762" y="2148"/>
                  <a:pt x="1757" y="2148"/>
                  <a:pt x="1754" y="2145"/>
                </a:cubicBezTo>
                <a:cubicBezTo>
                  <a:pt x="1752" y="2143"/>
                  <a:pt x="1752" y="2140"/>
                  <a:pt x="1751" y="2138"/>
                </a:cubicBezTo>
                <a:cubicBezTo>
                  <a:pt x="1750" y="2137"/>
                  <a:pt x="1750" y="2136"/>
                  <a:pt x="1749" y="2135"/>
                </a:cubicBezTo>
                <a:cubicBezTo>
                  <a:pt x="1748" y="2134"/>
                  <a:pt x="1748" y="2133"/>
                  <a:pt x="1747" y="2132"/>
                </a:cubicBezTo>
                <a:cubicBezTo>
                  <a:pt x="1746" y="2130"/>
                  <a:pt x="1744" y="2129"/>
                  <a:pt x="1742" y="2128"/>
                </a:cubicBezTo>
                <a:cubicBezTo>
                  <a:pt x="1739" y="2125"/>
                  <a:pt x="1734" y="2124"/>
                  <a:pt x="1731" y="2121"/>
                </a:cubicBezTo>
                <a:cubicBezTo>
                  <a:pt x="1727" y="2118"/>
                  <a:pt x="1723" y="2116"/>
                  <a:pt x="1718" y="2116"/>
                </a:cubicBezTo>
                <a:cubicBezTo>
                  <a:pt x="1715" y="2116"/>
                  <a:pt x="1712" y="2116"/>
                  <a:pt x="1710" y="2113"/>
                </a:cubicBezTo>
                <a:cubicBezTo>
                  <a:pt x="1709" y="2111"/>
                  <a:pt x="1709" y="2110"/>
                  <a:pt x="1708" y="2108"/>
                </a:cubicBezTo>
                <a:cubicBezTo>
                  <a:pt x="1708" y="2107"/>
                  <a:pt x="1707" y="2107"/>
                  <a:pt x="1706" y="2106"/>
                </a:cubicBezTo>
                <a:cubicBezTo>
                  <a:pt x="1705" y="2105"/>
                  <a:pt x="1705" y="2102"/>
                  <a:pt x="1704" y="2102"/>
                </a:cubicBezTo>
                <a:cubicBezTo>
                  <a:pt x="1701" y="2100"/>
                  <a:pt x="1701" y="2105"/>
                  <a:pt x="1701" y="2106"/>
                </a:cubicBezTo>
                <a:cubicBezTo>
                  <a:pt x="1701" y="2107"/>
                  <a:pt x="1703" y="2109"/>
                  <a:pt x="1702" y="2111"/>
                </a:cubicBezTo>
                <a:cubicBezTo>
                  <a:pt x="1702" y="2112"/>
                  <a:pt x="1701" y="2113"/>
                  <a:pt x="1700" y="2113"/>
                </a:cubicBezTo>
                <a:cubicBezTo>
                  <a:pt x="1699" y="2112"/>
                  <a:pt x="1700" y="2111"/>
                  <a:pt x="1699" y="2110"/>
                </a:cubicBezTo>
                <a:cubicBezTo>
                  <a:pt x="1699" y="2108"/>
                  <a:pt x="1698" y="2107"/>
                  <a:pt x="1696" y="2106"/>
                </a:cubicBezTo>
                <a:cubicBezTo>
                  <a:pt x="1695" y="2104"/>
                  <a:pt x="1692" y="2102"/>
                  <a:pt x="1692" y="2101"/>
                </a:cubicBezTo>
                <a:cubicBezTo>
                  <a:pt x="1691" y="2099"/>
                  <a:pt x="1693" y="2096"/>
                  <a:pt x="1691" y="2094"/>
                </a:cubicBezTo>
                <a:cubicBezTo>
                  <a:pt x="1690" y="2092"/>
                  <a:pt x="1689" y="2090"/>
                  <a:pt x="1688" y="2088"/>
                </a:cubicBezTo>
                <a:cubicBezTo>
                  <a:pt x="1687" y="2085"/>
                  <a:pt x="1684" y="2084"/>
                  <a:pt x="1684" y="2080"/>
                </a:cubicBezTo>
                <a:cubicBezTo>
                  <a:pt x="1684" y="2078"/>
                  <a:pt x="1684" y="2076"/>
                  <a:pt x="1684" y="2074"/>
                </a:cubicBezTo>
                <a:cubicBezTo>
                  <a:pt x="1684" y="2067"/>
                  <a:pt x="1682" y="2060"/>
                  <a:pt x="1679" y="2054"/>
                </a:cubicBezTo>
                <a:cubicBezTo>
                  <a:pt x="1678" y="2050"/>
                  <a:pt x="1676" y="2046"/>
                  <a:pt x="1674" y="2042"/>
                </a:cubicBezTo>
                <a:cubicBezTo>
                  <a:pt x="1672" y="2038"/>
                  <a:pt x="1671" y="2034"/>
                  <a:pt x="1669" y="2030"/>
                </a:cubicBezTo>
                <a:cubicBezTo>
                  <a:pt x="1668" y="2028"/>
                  <a:pt x="1667" y="2027"/>
                  <a:pt x="1666" y="2025"/>
                </a:cubicBezTo>
                <a:cubicBezTo>
                  <a:pt x="1665" y="2023"/>
                  <a:pt x="1664" y="2022"/>
                  <a:pt x="1662" y="2021"/>
                </a:cubicBezTo>
                <a:cubicBezTo>
                  <a:pt x="1662" y="2021"/>
                  <a:pt x="1661" y="2021"/>
                  <a:pt x="1660" y="2020"/>
                </a:cubicBezTo>
                <a:cubicBezTo>
                  <a:pt x="1660" y="2020"/>
                  <a:pt x="1660" y="2019"/>
                  <a:pt x="1659" y="2018"/>
                </a:cubicBezTo>
                <a:cubicBezTo>
                  <a:pt x="1657" y="2016"/>
                  <a:pt x="1654" y="2015"/>
                  <a:pt x="1651" y="2014"/>
                </a:cubicBezTo>
                <a:cubicBezTo>
                  <a:pt x="1650" y="2013"/>
                  <a:pt x="1648" y="2013"/>
                  <a:pt x="1647" y="2012"/>
                </a:cubicBezTo>
                <a:cubicBezTo>
                  <a:pt x="1645" y="2010"/>
                  <a:pt x="1643" y="2009"/>
                  <a:pt x="1641" y="2007"/>
                </a:cubicBezTo>
                <a:cubicBezTo>
                  <a:pt x="1638" y="2004"/>
                  <a:pt x="1634" y="2001"/>
                  <a:pt x="1632" y="1997"/>
                </a:cubicBezTo>
                <a:cubicBezTo>
                  <a:pt x="1631" y="1995"/>
                  <a:pt x="1630" y="1993"/>
                  <a:pt x="1629" y="1991"/>
                </a:cubicBezTo>
                <a:cubicBezTo>
                  <a:pt x="1628" y="1989"/>
                  <a:pt x="1628" y="1986"/>
                  <a:pt x="1628" y="1984"/>
                </a:cubicBezTo>
                <a:cubicBezTo>
                  <a:pt x="1627" y="1982"/>
                  <a:pt x="1626" y="1980"/>
                  <a:pt x="1626" y="1978"/>
                </a:cubicBezTo>
                <a:cubicBezTo>
                  <a:pt x="1626" y="1976"/>
                  <a:pt x="1626" y="1973"/>
                  <a:pt x="1626" y="1971"/>
                </a:cubicBezTo>
                <a:cubicBezTo>
                  <a:pt x="1625" y="1962"/>
                  <a:pt x="1626" y="1954"/>
                  <a:pt x="1625" y="1945"/>
                </a:cubicBezTo>
                <a:cubicBezTo>
                  <a:pt x="1625" y="1943"/>
                  <a:pt x="1625" y="1941"/>
                  <a:pt x="1624" y="1939"/>
                </a:cubicBezTo>
                <a:cubicBezTo>
                  <a:pt x="1624" y="1937"/>
                  <a:pt x="1624" y="1934"/>
                  <a:pt x="1624" y="1932"/>
                </a:cubicBezTo>
                <a:cubicBezTo>
                  <a:pt x="1624" y="1931"/>
                  <a:pt x="1622" y="1926"/>
                  <a:pt x="1625" y="1930"/>
                </a:cubicBezTo>
                <a:cubicBezTo>
                  <a:pt x="1626" y="1930"/>
                  <a:pt x="1627" y="1931"/>
                  <a:pt x="1627" y="1932"/>
                </a:cubicBezTo>
                <a:cubicBezTo>
                  <a:pt x="1628" y="1932"/>
                  <a:pt x="1628" y="1932"/>
                  <a:pt x="1628" y="1932"/>
                </a:cubicBezTo>
                <a:cubicBezTo>
                  <a:pt x="1629" y="1931"/>
                  <a:pt x="1626" y="1928"/>
                  <a:pt x="1626" y="1927"/>
                </a:cubicBezTo>
                <a:cubicBezTo>
                  <a:pt x="1625" y="1926"/>
                  <a:pt x="1625" y="1925"/>
                  <a:pt x="1624" y="1924"/>
                </a:cubicBezTo>
                <a:cubicBezTo>
                  <a:pt x="1623" y="1924"/>
                  <a:pt x="1622" y="1924"/>
                  <a:pt x="1622" y="1923"/>
                </a:cubicBezTo>
                <a:cubicBezTo>
                  <a:pt x="1619" y="1922"/>
                  <a:pt x="1618" y="1917"/>
                  <a:pt x="1616" y="1914"/>
                </a:cubicBezTo>
                <a:cubicBezTo>
                  <a:pt x="1616" y="1913"/>
                  <a:pt x="1614" y="1910"/>
                  <a:pt x="1615" y="1908"/>
                </a:cubicBezTo>
                <a:cubicBezTo>
                  <a:pt x="1615" y="1907"/>
                  <a:pt x="1616" y="1906"/>
                  <a:pt x="1616" y="1905"/>
                </a:cubicBezTo>
                <a:cubicBezTo>
                  <a:pt x="1616" y="1904"/>
                  <a:pt x="1616" y="1903"/>
                  <a:pt x="1615" y="1902"/>
                </a:cubicBezTo>
                <a:cubicBezTo>
                  <a:pt x="1615" y="1900"/>
                  <a:pt x="1612" y="1898"/>
                  <a:pt x="1610" y="1897"/>
                </a:cubicBezTo>
                <a:cubicBezTo>
                  <a:pt x="1609" y="1895"/>
                  <a:pt x="1607" y="1893"/>
                  <a:pt x="1605" y="1892"/>
                </a:cubicBezTo>
                <a:cubicBezTo>
                  <a:pt x="1602" y="1890"/>
                  <a:pt x="1598" y="1886"/>
                  <a:pt x="1595" y="1884"/>
                </a:cubicBezTo>
                <a:cubicBezTo>
                  <a:pt x="1593" y="1883"/>
                  <a:pt x="1591" y="1882"/>
                  <a:pt x="1589" y="1880"/>
                </a:cubicBezTo>
                <a:cubicBezTo>
                  <a:pt x="1588" y="1879"/>
                  <a:pt x="1586" y="1877"/>
                  <a:pt x="1585" y="1876"/>
                </a:cubicBezTo>
                <a:cubicBezTo>
                  <a:pt x="1582" y="1873"/>
                  <a:pt x="1580" y="1870"/>
                  <a:pt x="1578" y="1865"/>
                </a:cubicBezTo>
                <a:cubicBezTo>
                  <a:pt x="1577" y="1861"/>
                  <a:pt x="1577" y="1857"/>
                  <a:pt x="1576" y="1852"/>
                </a:cubicBezTo>
                <a:cubicBezTo>
                  <a:pt x="1576" y="1850"/>
                  <a:pt x="1575" y="1848"/>
                  <a:pt x="1574" y="1846"/>
                </a:cubicBezTo>
                <a:cubicBezTo>
                  <a:pt x="1574" y="1844"/>
                  <a:pt x="1573" y="1841"/>
                  <a:pt x="1574" y="1840"/>
                </a:cubicBezTo>
                <a:cubicBezTo>
                  <a:pt x="1575" y="1838"/>
                  <a:pt x="1578" y="1840"/>
                  <a:pt x="1579" y="1840"/>
                </a:cubicBezTo>
                <a:cubicBezTo>
                  <a:pt x="1582" y="1840"/>
                  <a:pt x="1580" y="1838"/>
                  <a:pt x="1579" y="1837"/>
                </a:cubicBezTo>
                <a:cubicBezTo>
                  <a:pt x="1577" y="1836"/>
                  <a:pt x="1576" y="1835"/>
                  <a:pt x="1574" y="1834"/>
                </a:cubicBezTo>
                <a:cubicBezTo>
                  <a:pt x="1573" y="1833"/>
                  <a:pt x="1571" y="1832"/>
                  <a:pt x="1571" y="1831"/>
                </a:cubicBezTo>
                <a:cubicBezTo>
                  <a:pt x="1570" y="1830"/>
                  <a:pt x="1570" y="1828"/>
                  <a:pt x="1569" y="1827"/>
                </a:cubicBezTo>
                <a:cubicBezTo>
                  <a:pt x="1567" y="1825"/>
                  <a:pt x="1565" y="1823"/>
                  <a:pt x="1563" y="1821"/>
                </a:cubicBezTo>
                <a:cubicBezTo>
                  <a:pt x="1562" y="1819"/>
                  <a:pt x="1561" y="1817"/>
                  <a:pt x="1560" y="1814"/>
                </a:cubicBezTo>
                <a:cubicBezTo>
                  <a:pt x="1559" y="1812"/>
                  <a:pt x="1558" y="1809"/>
                  <a:pt x="1557" y="1807"/>
                </a:cubicBezTo>
                <a:cubicBezTo>
                  <a:pt x="1554" y="1802"/>
                  <a:pt x="1553" y="1797"/>
                  <a:pt x="1550" y="1792"/>
                </a:cubicBezTo>
                <a:cubicBezTo>
                  <a:pt x="1549" y="1790"/>
                  <a:pt x="1548" y="1788"/>
                  <a:pt x="1547" y="1786"/>
                </a:cubicBezTo>
                <a:cubicBezTo>
                  <a:pt x="1546" y="1784"/>
                  <a:pt x="1544" y="1782"/>
                  <a:pt x="1543" y="1780"/>
                </a:cubicBezTo>
                <a:cubicBezTo>
                  <a:pt x="1540" y="1775"/>
                  <a:pt x="1538" y="1770"/>
                  <a:pt x="1535" y="1766"/>
                </a:cubicBezTo>
                <a:cubicBezTo>
                  <a:pt x="1534" y="1764"/>
                  <a:pt x="1532" y="1762"/>
                  <a:pt x="1531" y="1760"/>
                </a:cubicBezTo>
                <a:cubicBezTo>
                  <a:pt x="1530" y="1758"/>
                  <a:pt x="1529" y="1756"/>
                  <a:pt x="1528" y="1754"/>
                </a:cubicBezTo>
                <a:cubicBezTo>
                  <a:pt x="1528" y="1752"/>
                  <a:pt x="1529" y="1749"/>
                  <a:pt x="1529" y="1747"/>
                </a:cubicBezTo>
                <a:cubicBezTo>
                  <a:pt x="1529" y="1744"/>
                  <a:pt x="1528" y="1741"/>
                  <a:pt x="1527" y="1738"/>
                </a:cubicBezTo>
                <a:cubicBezTo>
                  <a:pt x="1526" y="1736"/>
                  <a:pt x="1525" y="1734"/>
                  <a:pt x="1524" y="1731"/>
                </a:cubicBezTo>
                <a:cubicBezTo>
                  <a:pt x="1523" y="1729"/>
                  <a:pt x="1522" y="1727"/>
                  <a:pt x="1521" y="1725"/>
                </a:cubicBezTo>
                <a:cubicBezTo>
                  <a:pt x="1520" y="1723"/>
                  <a:pt x="1520" y="1720"/>
                  <a:pt x="1518" y="1718"/>
                </a:cubicBezTo>
                <a:cubicBezTo>
                  <a:pt x="1517" y="1716"/>
                  <a:pt x="1516" y="1714"/>
                  <a:pt x="1515" y="1712"/>
                </a:cubicBezTo>
                <a:cubicBezTo>
                  <a:pt x="1512" y="1709"/>
                  <a:pt x="1508" y="1706"/>
                  <a:pt x="1505" y="1703"/>
                </a:cubicBezTo>
                <a:cubicBezTo>
                  <a:pt x="1502" y="1700"/>
                  <a:pt x="1499" y="1696"/>
                  <a:pt x="1496" y="1693"/>
                </a:cubicBezTo>
                <a:cubicBezTo>
                  <a:pt x="1494" y="1691"/>
                  <a:pt x="1493" y="1688"/>
                  <a:pt x="1493" y="1685"/>
                </a:cubicBezTo>
                <a:cubicBezTo>
                  <a:pt x="1492" y="1683"/>
                  <a:pt x="1491" y="1682"/>
                  <a:pt x="1491" y="1680"/>
                </a:cubicBezTo>
                <a:cubicBezTo>
                  <a:pt x="1490" y="1677"/>
                  <a:pt x="1490" y="1675"/>
                  <a:pt x="1488" y="1672"/>
                </a:cubicBezTo>
                <a:cubicBezTo>
                  <a:pt x="1487" y="1670"/>
                  <a:pt x="1485" y="1669"/>
                  <a:pt x="1485" y="1667"/>
                </a:cubicBezTo>
                <a:cubicBezTo>
                  <a:pt x="1484" y="1665"/>
                  <a:pt x="1482" y="1664"/>
                  <a:pt x="1481" y="1662"/>
                </a:cubicBezTo>
                <a:cubicBezTo>
                  <a:pt x="1480" y="1661"/>
                  <a:pt x="1481" y="1658"/>
                  <a:pt x="1482" y="1656"/>
                </a:cubicBezTo>
                <a:cubicBezTo>
                  <a:pt x="1483" y="1655"/>
                  <a:pt x="1483" y="1653"/>
                  <a:pt x="1484" y="1651"/>
                </a:cubicBezTo>
                <a:cubicBezTo>
                  <a:pt x="1484" y="1649"/>
                  <a:pt x="1487" y="1648"/>
                  <a:pt x="1488" y="1650"/>
                </a:cubicBezTo>
                <a:cubicBezTo>
                  <a:pt x="1488" y="1651"/>
                  <a:pt x="1488" y="1653"/>
                  <a:pt x="1488" y="1654"/>
                </a:cubicBezTo>
                <a:cubicBezTo>
                  <a:pt x="1489" y="1655"/>
                  <a:pt x="1489" y="1655"/>
                  <a:pt x="1490" y="1656"/>
                </a:cubicBezTo>
                <a:cubicBezTo>
                  <a:pt x="1491" y="1658"/>
                  <a:pt x="1490" y="1660"/>
                  <a:pt x="1490" y="1662"/>
                </a:cubicBezTo>
                <a:cubicBezTo>
                  <a:pt x="1490" y="1665"/>
                  <a:pt x="1492" y="1665"/>
                  <a:pt x="1493" y="1666"/>
                </a:cubicBezTo>
                <a:cubicBezTo>
                  <a:pt x="1494" y="1668"/>
                  <a:pt x="1494" y="1670"/>
                  <a:pt x="1496" y="1671"/>
                </a:cubicBezTo>
                <a:cubicBezTo>
                  <a:pt x="1499" y="1673"/>
                  <a:pt x="1504" y="1675"/>
                  <a:pt x="1505" y="1679"/>
                </a:cubicBezTo>
                <a:cubicBezTo>
                  <a:pt x="1507" y="1683"/>
                  <a:pt x="1505" y="1688"/>
                  <a:pt x="1507" y="1692"/>
                </a:cubicBezTo>
                <a:cubicBezTo>
                  <a:pt x="1508" y="1694"/>
                  <a:pt x="1509" y="1696"/>
                  <a:pt x="1510" y="1697"/>
                </a:cubicBezTo>
                <a:cubicBezTo>
                  <a:pt x="1512" y="1699"/>
                  <a:pt x="1514" y="1701"/>
                  <a:pt x="1516" y="1703"/>
                </a:cubicBezTo>
                <a:cubicBezTo>
                  <a:pt x="1518" y="1705"/>
                  <a:pt x="1520" y="1706"/>
                  <a:pt x="1522" y="1708"/>
                </a:cubicBezTo>
                <a:cubicBezTo>
                  <a:pt x="1524" y="1710"/>
                  <a:pt x="1526" y="1712"/>
                  <a:pt x="1527" y="1714"/>
                </a:cubicBezTo>
                <a:cubicBezTo>
                  <a:pt x="1529" y="1715"/>
                  <a:pt x="1531" y="1717"/>
                  <a:pt x="1533" y="1718"/>
                </a:cubicBezTo>
                <a:cubicBezTo>
                  <a:pt x="1534" y="1719"/>
                  <a:pt x="1536" y="1721"/>
                  <a:pt x="1538" y="1719"/>
                </a:cubicBezTo>
                <a:cubicBezTo>
                  <a:pt x="1538" y="1719"/>
                  <a:pt x="1538" y="1717"/>
                  <a:pt x="1538" y="1716"/>
                </a:cubicBezTo>
                <a:cubicBezTo>
                  <a:pt x="1539" y="1715"/>
                  <a:pt x="1539" y="1714"/>
                  <a:pt x="1539" y="1713"/>
                </a:cubicBezTo>
                <a:cubicBezTo>
                  <a:pt x="1540" y="1711"/>
                  <a:pt x="1541" y="1709"/>
                  <a:pt x="1542" y="1707"/>
                </a:cubicBezTo>
                <a:cubicBezTo>
                  <a:pt x="1543" y="1702"/>
                  <a:pt x="1544" y="1698"/>
                  <a:pt x="1546" y="1693"/>
                </a:cubicBezTo>
                <a:cubicBezTo>
                  <a:pt x="1547" y="1691"/>
                  <a:pt x="1548" y="1689"/>
                  <a:pt x="1549" y="1687"/>
                </a:cubicBezTo>
                <a:cubicBezTo>
                  <a:pt x="1549" y="1685"/>
                  <a:pt x="1549" y="1683"/>
                  <a:pt x="1550" y="1681"/>
                </a:cubicBezTo>
                <a:cubicBezTo>
                  <a:pt x="1551" y="1677"/>
                  <a:pt x="1553" y="1673"/>
                  <a:pt x="1555" y="1669"/>
                </a:cubicBezTo>
                <a:cubicBezTo>
                  <a:pt x="1555" y="1667"/>
                  <a:pt x="1555" y="1665"/>
                  <a:pt x="1556" y="1663"/>
                </a:cubicBezTo>
                <a:cubicBezTo>
                  <a:pt x="1556" y="1663"/>
                  <a:pt x="1557" y="1661"/>
                  <a:pt x="1557" y="1663"/>
                </a:cubicBezTo>
                <a:cubicBezTo>
                  <a:pt x="1558" y="1664"/>
                  <a:pt x="1557" y="1665"/>
                  <a:pt x="1557" y="1666"/>
                </a:cubicBezTo>
                <a:cubicBezTo>
                  <a:pt x="1557" y="1668"/>
                  <a:pt x="1557" y="1670"/>
                  <a:pt x="1557" y="1672"/>
                </a:cubicBezTo>
                <a:cubicBezTo>
                  <a:pt x="1556" y="1674"/>
                  <a:pt x="1555" y="1676"/>
                  <a:pt x="1554" y="1678"/>
                </a:cubicBezTo>
                <a:cubicBezTo>
                  <a:pt x="1554" y="1680"/>
                  <a:pt x="1554" y="1682"/>
                  <a:pt x="1553" y="1684"/>
                </a:cubicBezTo>
                <a:cubicBezTo>
                  <a:pt x="1553" y="1686"/>
                  <a:pt x="1552" y="1688"/>
                  <a:pt x="1552" y="1690"/>
                </a:cubicBezTo>
                <a:cubicBezTo>
                  <a:pt x="1551" y="1694"/>
                  <a:pt x="1549" y="1698"/>
                  <a:pt x="1548" y="1702"/>
                </a:cubicBezTo>
                <a:cubicBezTo>
                  <a:pt x="1547" y="1703"/>
                  <a:pt x="1547" y="1705"/>
                  <a:pt x="1547" y="1706"/>
                </a:cubicBezTo>
                <a:cubicBezTo>
                  <a:pt x="1547" y="1707"/>
                  <a:pt x="1547" y="1710"/>
                  <a:pt x="1547" y="1710"/>
                </a:cubicBezTo>
                <a:cubicBezTo>
                  <a:pt x="1548" y="1711"/>
                  <a:pt x="1549" y="1710"/>
                  <a:pt x="1549" y="1709"/>
                </a:cubicBezTo>
                <a:cubicBezTo>
                  <a:pt x="1551" y="1707"/>
                  <a:pt x="1555" y="1709"/>
                  <a:pt x="1558" y="1708"/>
                </a:cubicBezTo>
                <a:cubicBezTo>
                  <a:pt x="1560" y="1708"/>
                  <a:pt x="1562" y="1708"/>
                  <a:pt x="1564" y="1710"/>
                </a:cubicBezTo>
                <a:cubicBezTo>
                  <a:pt x="1566" y="1712"/>
                  <a:pt x="1566" y="1713"/>
                  <a:pt x="1567" y="1715"/>
                </a:cubicBezTo>
                <a:cubicBezTo>
                  <a:pt x="1569" y="1718"/>
                  <a:pt x="1570" y="1720"/>
                  <a:pt x="1572" y="1722"/>
                </a:cubicBezTo>
                <a:cubicBezTo>
                  <a:pt x="1573" y="1724"/>
                  <a:pt x="1574" y="1726"/>
                  <a:pt x="1575" y="1728"/>
                </a:cubicBezTo>
                <a:cubicBezTo>
                  <a:pt x="1576" y="1730"/>
                  <a:pt x="1577" y="1732"/>
                  <a:pt x="1579" y="1734"/>
                </a:cubicBezTo>
                <a:cubicBezTo>
                  <a:pt x="1582" y="1737"/>
                  <a:pt x="1584" y="1742"/>
                  <a:pt x="1587" y="1745"/>
                </a:cubicBezTo>
                <a:cubicBezTo>
                  <a:pt x="1589" y="1749"/>
                  <a:pt x="1592" y="1752"/>
                  <a:pt x="1594" y="1756"/>
                </a:cubicBezTo>
                <a:cubicBezTo>
                  <a:pt x="1594" y="1757"/>
                  <a:pt x="1594" y="1758"/>
                  <a:pt x="1595" y="1759"/>
                </a:cubicBezTo>
                <a:cubicBezTo>
                  <a:pt x="1596" y="1760"/>
                  <a:pt x="1598" y="1761"/>
                  <a:pt x="1599" y="1763"/>
                </a:cubicBezTo>
                <a:cubicBezTo>
                  <a:pt x="1600" y="1765"/>
                  <a:pt x="1600" y="1767"/>
                  <a:pt x="1602" y="1769"/>
                </a:cubicBezTo>
                <a:cubicBezTo>
                  <a:pt x="1603" y="1770"/>
                  <a:pt x="1605" y="1772"/>
                  <a:pt x="1606" y="1774"/>
                </a:cubicBezTo>
                <a:cubicBezTo>
                  <a:pt x="1609" y="1775"/>
                  <a:pt x="1609" y="1776"/>
                  <a:pt x="1610" y="1778"/>
                </a:cubicBezTo>
                <a:cubicBezTo>
                  <a:pt x="1610" y="1781"/>
                  <a:pt x="1610" y="1783"/>
                  <a:pt x="1611" y="1784"/>
                </a:cubicBezTo>
                <a:cubicBezTo>
                  <a:pt x="1613" y="1786"/>
                  <a:pt x="1614" y="1787"/>
                  <a:pt x="1615" y="1788"/>
                </a:cubicBezTo>
                <a:cubicBezTo>
                  <a:pt x="1616" y="1791"/>
                  <a:pt x="1618" y="1793"/>
                  <a:pt x="1620" y="1794"/>
                </a:cubicBezTo>
                <a:cubicBezTo>
                  <a:pt x="1621" y="1795"/>
                  <a:pt x="1623" y="1796"/>
                  <a:pt x="1623" y="1799"/>
                </a:cubicBezTo>
                <a:cubicBezTo>
                  <a:pt x="1624" y="1799"/>
                  <a:pt x="1624" y="1801"/>
                  <a:pt x="1625" y="1801"/>
                </a:cubicBezTo>
                <a:cubicBezTo>
                  <a:pt x="1625" y="1803"/>
                  <a:pt x="1626" y="1803"/>
                  <a:pt x="1626" y="1805"/>
                </a:cubicBezTo>
                <a:cubicBezTo>
                  <a:pt x="1628" y="1809"/>
                  <a:pt x="1627" y="1814"/>
                  <a:pt x="1629" y="1819"/>
                </a:cubicBezTo>
                <a:cubicBezTo>
                  <a:pt x="1630" y="1822"/>
                  <a:pt x="1633" y="1824"/>
                  <a:pt x="1634" y="1827"/>
                </a:cubicBezTo>
                <a:cubicBezTo>
                  <a:pt x="1635" y="1829"/>
                  <a:pt x="1637" y="1831"/>
                  <a:pt x="1640" y="1831"/>
                </a:cubicBezTo>
                <a:cubicBezTo>
                  <a:pt x="1642" y="1832"/>
                  <a:pt x="1644" y="1831"/>
                  <a:pt x="1646" y="1832"/>
                </a:cubicBezTo>
                <a:cubicBezTo>
                  <a:pt x="1648" y="1833"/>
                  <a:pt x="1650" y="1835"/>
                  <a:pt x="1652" y="1836"/>
                </a:cubicBezTo>
                <a:cubicBezTo>
                  <a:pt x="1653" y="1838"/>
                  <a:pt x="1656" y="1839"/>
                  <a:pt x="1657" y="1841"/>
                </a:cubicBezTo>
                <a:cubicBezTo>
                  <a:pt x="1659" y="1843"/>
                  <a:pt x="1660" y="1846"/>
                  <a:pt x="1661" y="1847"/>
                </a:cubicBezTo>
                <a:cubicBezTo>
                  <a:pt x="1663" y="1849"/>
                  <a:pt x="1665" y="1851"/>
                  <a:pt x="1666" y="1853"/>
                </a:cubicBezTo>
                <a:cubicBezTo>
                  <a:pt x="1668" y="1858"/>
                  <a:pt x="1671" y="1863"/>
                  <a:pt x="1673" y="1868"/>
                </a:cubicBezTo>
                <a:cubicBezTo>
                  <a:pt x="1675" y="1870"/>
                  <a:pt x="1675" y="1872"/>
                  <a:pt x="1676" y="1875"/>
                </a:cubicBezTo>
                <a:cubicBezTo>
                  <a:pt x="1677" y="1877"/>
                  <a:pt x="1677" y="1881"/>
                  <a:pt x="1679" y="1883"/>
                </a:cubicBezTo>
                <a:cubicBezTo>
                  <a:pt x="1680" y="1884"/>
                  <a:pt x="1681" y="1886"/>
                  <a:pt x="1681" y="1888"/>
                </a:cubicBezTo>
                <a:cubicBezTo>
                  <a:pt x="1682" y="1890"/>
                  <a:pt x="1679" y="1891"/>
                  <a:pt x="1679" y="1894"/>
                </a:cubicBezTo>
                <a:cubicBezTo>
                  <a:pt x="1678" y="1896"/>
                  <a:pt x="1678" y="1898"/>
                  <a:pt x="1679" y="1900"/>
                </a:cubicBezTo>
                <a:cubicBezTo>
                  <a:pt x="1679" y="1902"/>
                  <a:pt x="1680" y="1904"/>
                  <a:pt x="1680" y="1906"/>
                </a:cubicBezTo>
                <a:cubicBezTo>
                  <a:pt x="1681" y="1908"/>
                  <a:pt x="1681" y="1909"/>
                  <a:pt x="1681" y="1911"/>
                </a:cubicBezTo>
                <a:cubicBezTo>
                  <a:pt x="1681" y="1914"/>
                  <a:pt x="1681" y="1918"/>
                  <a:pt x="1681" y="1922"/>
                </a:cubicBezTo>
                <a:cubicBezTo>
                  <a:pt x="1681" y="1924"/>
                  <a:pt x="1682" y="1927"/>
                  <a:pt x="1683" y="1929"/>
                </a:cubicBezTo>
                <a:cubicBezTo>
                  <a:pt x="1685" y="1934"/>
                  <a:pt x="1689" y="1937"/>
                  <a:pt x="1692" y="1941"/>
                </a:cubicBezTo>
                <a:cubicBezTo>
                  <a:pt x="1693" y="1943"/>
                  <a:pt x="1694" y="1946"/>
                  <a:pt x="1695" y="1948"/>
                </a:cubicBezTo>
                <a:cubicBezTo>
                  <a:pt x="1696" y="1950"/>
                  <a:pt x="1698" y="1951"/>
                  <a:pt x="1700" y="1952"/>
                </a:cubicBezTo>
                <a:cubicBezTo>
                  <a:pt x="1703" y="1955"/>
                  <a:pt x="1708" y="1954"/>
                  <a:pt x="1712" y="1956"/>
                </a:cubicBezTo>
                <a:cubicBezTo>
                  <a:pt x="1714" y="1957"/>
                  <a:pt x="1715" y="1959"/>
                  <a:pt x="1717" y="1961"/>
                </a:cubicBezTo>
                <a:cubicBezTo>
                  <a:pt x="1718" y="1962"/>
                  <a:pt x="1720" y="1964"/>
                  <a:pt x="1721" y="1966"/>
                </a:cubicBezTo>
                <a:cubicBezTo>
                  <a:pt x="1725" y="1969"/>
                  <a:pt x="1728" y="1974"/>
                  <a:pt x="1730" y="1979"/>
                </a:cubicBezTo>
                <a:cubicBezTo>
                  <a:pt x="1731" y="1982"/>
                  <a:pt x="1734" y="1984"/>
                  <a:pt x="1735" y="1987"/>
                </a:cubicBezTo>
                <a:cubicBezTo>
                  <a:pt x="1737" y="1989"/>
                  <a:pt x="1738" y="1992"/>
                  <a:pt x="1739" y="1994"/>
                </a:cubicBezTo>
                <a:cubicBezTo>
                  <a:pt x="1741" y="2000"/>
                  <a:pt x="1745" y="2004"/>
                  <a:pt x="1748" y="2009"/>
                </a:cubicBezTo>
                <a:cubicBezTo>
                  <a:pt x="1751" y="2014"/>
                  <a:pt x="1752" y="2019"/>
                  <a:pt x="1756" y="2024"/>
                </a:cubicBezTo>
                <a:cubicBezTo>
                  <a:pt x="1759" y="2028"/>
                  <a:pt x="1763" y="2031"/>
                  <a:pt x="1767" y="2034"/>
                </a:cubicBezTo>
                <a:cubicBezTo>
                  <a:pt x="1770" y="2036"/>
                  <a:pt x="1773" y="2038"/>
                  <a:pt x="1775" y="2041"/>
                </a:cubicBezTo>
                <a:cubicBezTo>
                  <a:pt x="1776" y="2042"/>
                  <a:pt x="1777" y="2044"/>
                  <a:pt x="1777" y="2046"/>
                </a:cubicBezTo>
                <a:cubicBezTo>
                  <a:pt x="1777" y="2048"/>
                  <a:pt x="1776" y="2051"/>
                  <a:pt x="1777" y="2053"/>
                </a:cubicBezTo>
                <a:cubicBezTo>
                  <a:pt x="1778" y="2055"/>
                  <a:pt x="1781" y="2054"/>
                  <a:pt x="1782" y="2056"/>
                </a:cubicBezTo>
                <a:cubicBezTo>
                  <a:pt x="1783" y="2056"/>
                  <a:pt x="1783" y="2057"/>
                  <a:pt x="1784" y="2058"/>
                </a:cubicBezTo>
                <a:cubicBezTo>
                  <a:pt x="1784" y="2059"/>
                  <a:pt x="1785" y="2059"/>
                  <a:pt x="1786" y="2060"/>
                </a:cubicBezTo>
                <a:cubicBezTo>
                  <a:pt x="1787" y="2062"/>
                  <a:pt x="1788" y="2064"/>
                  <a:pt x="1789" y="2066"/>
                </a:cubicBezTo>
                <a:cubicBezTo>
                  <a:pt x="1789" y="2069"/>
                  <a:pt x="1790" y="2071"/>
                  <a:pt x="1790" y="2074"/>
                </a:cubicBezTo>
                <a:cubicBezTo>
                  <a:pt x="1790" y="2075"/>
                  <a:pt x="1790" y="2076"/>
                  <a:pt x="1790" y="2078"/>
                </a:cubicBezTo>
                <a:cubicBezTo>
                  <a:pt x="1790" y="2079"/>
                  <a:pt x="1790" y="2080"/>
                  <a:pt x="1790" y="2081"/>
                </a:cubicBezTo>
                <a:cubicBezTo>
                  <a:pt x="1790" y="2082"/>
                  <a:pt x="1791" y="2083"/>
                  <a:pt x="1791" y="2084"/>
                </a:cubicBezTo>
                <a:cubicBezTo>
                  <a:pt x="1791" y="2085"/>
                  <a:pt x="1791" y="2086"/>
                  <a:pt x="1791" y="2087"/>
                </a:cubicBezTo>
                <a:cubicBezTo>
                  <a:pt x="1791" y="2089"/>
                  <a:pt x="1789" y="2091"/>
                  <a:pt x="1789" y="2093"/>
                </a:cubicBezTo>
                <a:cubicBezTo>
                  <a:pt x="1788" y="2095"/>
                  <a:pt x="1790" y="2097"/>
                  <a:pt x="1790" y="2099"/>
                </a:cubicBezTo>
                <a:cubicBezTo>
                  <a:pt x="1790" y="2101"/>
                  <a:pt x="1791" y="2105"/>
                  <a:pt x="1790" y="2107"/>
                </a:cubicBezTo>
                <a:cubicBezTo>
                  <a:pt x="1789" y="2108"/>
                  <a:pt x="1787" y="2108"/>
                  <a:pt x="1786" y="2109"/>
                </a:cubicBezTo>
                <a:cubicBezTo>
                  <a:pt x="1785" y="2111"/>
                  <a:pt x="1790" y="2110"/>
                  <a:pt x="1791" y="2111"/>
                </a:cubicBezTo>
                <a:cubicBezTo>
                  <a:pt x="1791" y="2111"/>
                  <a:pt x="1791" y="2113"/>
                  <a:pt x="1791" y="2114"/>
                </a:cubicBezTo>
                <a:cubicBezTo>
                  <a:pt x="1791" y="2116"/>
                  <a:pt x="1792" y="2118"/>
                  <a:pt x="1793" y="2120"/>
                </a:cubicBezTo>
                <a:cubicBezTo>
                  <a:pt x="1793" y="2122"/>
                  <a:pt x="1793" y="2125"/>
                  <a:pt x="1793" y="2127"/>
                </a:cubicBezTo>
                <a:cubicBezTo>
                  <a:pt x="1794" y="2129"/>
                  <a:pt x="1795" y="2131"/>
                  <a:pt x="1795" y="2133"/>
                </a:cubicBezTo>
                <a:cubicBezTo>
                  <a:pt x="1796" y="2135"/>
                  <a:pt x="1796" y="2137"/>
                  <a:pt x="1797" y="2140"/>
                </a:cubicBezTo>
                <a:cubicBezTo>
                  <a:pt x="1797" y="2142"/>
                  <a:pt x="1798" y="2144"/>
                  <a:pt x="1798" y="2146"/>
                </a:cubicBezTo>
                <a:cubicBezTo>
                  <a:pt x="1799" y="2148"/>
                  <a:pt x="1800" y="2150"/>
                  <a:pt x="1801" y="2152"/>
                </a:cubicBezTo>
                <a:cubicBezTo>
                  <a:pt x="1803" y="2153"/>
                  <a:pt x="1804" y="2155"/>
                  <a:pt x="1804" y="2158"/>
                </a:cubicBezTo>
                <a:cubicBezTo>
                  <a:pt x="1805" y="2160"/>
                  <a:pt x="1804" y="2163"/>
                  <a:pt x="1804" y="2165"/>
                </a:cubicBezTo>
                <a:close/>
                <a:moveTo>
                  <a:pt x="1928" y="1181"/>
                </a:moveTo>
                <a:cubicBezTo>
                  <a:pt x="1928" y="1182"/>
                  <a:pt x="1927" y="1182"/>
                  <a:pt x="1926" y="1182"/>
                </a:cubicBezTo>
                <a:cubicBezTo>
                  <a:pt x="1925" y="1181"/>
                  <a:pt x="1926" y="1181"/>
                  <a:pt x="1927" y="1180"/>
                </a:cubicBezTo>
                <a:cubicBezTo>
                  <a:pt x="1927" y="1180"/>
                  <a:pt x="1928" y="1177"/>
                  <a:pt x="1929" y="1178"/>
                </a:cubicBezTo>
                <a:cubicBezTo>
                  <a:pt x="1929" y="1179"/>
                  <a:pt x="1928" y="1181"/>
                  <a:pt x="1928" y="1181"/>
                </a:cubicBezTo>
                <a:close/>
                <a:moveTo>
                  <a:pt x="2143" y="1277"/>
                </a:moveTo>
                <a:cubicBezTo>
                  <a:pt x="2142" y="1278"/>
                  <a:pt x="2139" y="1277"/>
                  <a:pt x="2137" y="1277"/>
                </a:cubicBezTo>
                <a:cubicBezTo>
                  <a:pt x="2135" y="1277"/>
                  <a:pt x="2133" y="1278"/>
                  <a:pt x="2131" y="1279"/>
                </a:cubicBezTo>
                <a:cubicBezTo>
                  <a:pt x="2131" y="1280"/>
                  <a:pt x="2130" y="1281"/>
                  <a:pt x="2131" y="1282"/>
                </a:cubicBezTo>
                <a:cubicBezTo>
                  <a:pt x="2131" y="1283"/>
                  <a:pt x="2132" y="1283"/>
                  <a:pt x="2132" y="1284"/>
                </a:cubicBezTo>
                <a:cubicBezTo>
                  <a:pt x="2133" y="1288"/>
                  <a:pt x="2130" y="1286"/>
                  <a:pt x="2129" y="1286"/>
                </a:cubicBezTo>
                <a:cubicBezTo>
                  <a:pt x="2128" y="1285"/>
                  <a:pt x="2127" y="1285"/>
                  <a:pt x="2126" y="1284"/>
                </a:cubicBezTo>
                <a:cubicBezTo>
                  <a:pt x="2125" y="1284"/>
                  <a:pt x="2124" y="1284"/>
                  <a:pt x="2123" y="1284"/>
                </a:cubicBezTo>
                <a:cubicBezTo>
                  <a:pt x="2122" y="1285"/>
                  <a:pt x="2121" y="1286"/>
                  <a:pt x="2120" y="1286"/>
                </a:cubicBezTo>
                <a:cubicBezTo>
                  <a:pt x="2119" y="1286"/>
                  <a:pt x="2119" y="1286"/>
                  <a:pt x="2118" y="1287"/>
                </a:cubicBezTo>
                <a:cubicBezTo>
                  <a:pt x="2117" y="1287"/>
                  <a:pt x="2116" y="1288"/>
                  <a:pt x="2115" y="1287"/>
                </a:cubicBezTo>
                <a:cubicBezTo>
                  <a:pt x="2114" y="1286"/>
                  <a:pt x="2114" y="1285"/>
                  <a:pt x="2114" y="1284"/>
                </a:cubicBezTo>
                <a:cubicBezTo>
                  <a:pt x="2114" y="1283"/>
                  <a:pt x="2114" y="1282"/>
                  <a:pt x="2114" y="1281"/>
                </a:cubicBezTo>
                <a:cubicBezTo>
                  <a:pt x="2113" y="1281"/>
                  <a:pt x="2113" y="1280"/>
                  <a:pt x="2112" y="1280"/>
                </a:cubicBezTo>
                <a:cubicBezTo>
                  <a:pt x="2112" y="1279"/>
                  <a:pt x="2112" y="1277"/>
                  <a:pt x="2110" y="1278"/>
                </a:cubicBezTo>
                <a:cubicBezTo>
                  <a:pt x="2110" y="1279"/>
                  <a:pt x="2111" y="1280"/>
                  <a:pt x="2111" y="1281"/>
                </a:cubicBezTo>
                <a:cubicBezTo>
                  <a:pt x="2110" y="1282"/>
                  <a:pt x="2110" y="1282"/>
                  <a:pt x="2109" y="1282"/>
                </a:cubicBezTo>
                <a:cubicBezTo>
                  <a:pt x="2107" y="1282"/>
                  <a:pt x="2107" y="1284"/>
                  <a:pt x="2105" y="1284"/>
                </a:cubicBezTo>
                <a:cubicBezTo>
                  <a:pt x="2104" y="1284"/>
                  <a:pt x="2103" y="1283"/>
                  <a:pt x="2101" y="1282"/>
                </a:cubicBezTo>
                <a:cubicBezTo>
                  <a:pt x="2099" y="1282"/>
                  <a:pt x="2098" y="1283"/>
                  <a:pt x="2096" y="1281"/>
                </a:cubicBezTo>
                <a:cubicBezTo>
                  <a:pt x="2095" y="1280"/>
                  <a:pt x="2094" y="1277"/>
                  <a:pt x="2093" y="1276"/>
                </a:cubicBezTo>
                <a:cubicBezTo>
                  <a:pt x="2093" y="1275"/>
                  <a:pt x="2090" y="1272"/>
                  <a:pt x="2089" y="1272"/>
                </a:cubicBezTo>
                <a:cubicBezTo>
                  <a:pt x="2089" y="1272"/>
                  <a:pt x="2089" y="1272"/>
                  <a:pt x="2089" y="1272"/>
                </a:cubicBezTo>
                <a:cubicBezTo>
                  <a:pt x="2089" y="1273"/>
                  <a:pt x="2090" y="1274"/>
                  <a:pt x="2090" y="1275"/>
                </a:cubicBezTo>
                <a:cubicBezTo>
                  <a:pt x="2090" y="1276"/>
                  <a:pt x="2090" y="1277"/>
                  <a:pt x="2090" y="1278"/>
                </a:cubicBezTo>
                <a:cubicBezTo>
                  <a:pt x="2089" y="1280"/>
                  <a:pt x="2089" y="1282"/>
                  <a:pt x="2089" y="1284"/>
                </a:cubicBezTo>
                <a:cubicBezTo>
                  <a:pt x="2088" y="1285"/>
                  <a:pt x="2087" y="1287"/>
                  <a:pt x="2086" y="1288"/>
                </a:cubicBezTo>
                <a:cubicBezTo>
                  <a:pt x="2086" y="1289"/>
                  <a:pt x="2086" y="1290"/>
                  <a:pt x="2085" y="1291"/>
                </a:cubicBezTo>
                <a:cubicBezTo>
                  <a:pt x="2084" y="1294"/>
                  <a:pt x="2084" y="1298"/>
                  <a:pt x="2085" y="1301"/>
                </a:cubicBezTo>
                <a:cubicBezTo>
                  <a:pt x="2085" y="1302"/>
                  <a:pt x="2086" y="1303"/>
                  <a:pt x="2086" y="1304"/>
                </a:cubicBezTo>
                <a:cubicBezTo>
                  <a:pt x="2087" y="1305"/>
                  <a:pt x="2086" y="1306"/>
                  <a:pt x="2087" y="1307"/>
                </a:cubicBezTo>
                <a:cubicBezTo>
                  <a:pt x="2088" y="1310"/>
                  <a:pt x="2090" y="1310"/>
                  <a:pt x="2092" y="1309"/>
                </a:cubicBezTo>
                <a:cubicBezTo>
                  <a:pt x="2095" y="1309"/>
                  <a:pt x="2097" y="1309"/>
                  <a:pt x="2099" y="1310"/>
                </a:cubicBezTo>
                <a:cubicBezTo>
                  <a:pt x="2101" y="1311"/>
                  <a:pt x="2103" y="1310"/>
                  <a:pt x="2105" y="1311"/>
                </a:cubicBezTo>
                <a:cubicBezTo>
                  <a:pt x="2106" y="1312"/>
                  <a:pt x="2106" y="1313"/>
                  <a:pt x="2106" y="1314"/>
                </a:cubicBezTo>
                <a:cubicBezTo>
                  <a:pt x="2106" y="1316"/>
                  <a:pt x="2105" y="1316"/>
                  <a:pt x="2105" y="1317"/>
                </a:cubicBezTo>
                <a:cubicBezTo>
                  <a:pt x="2105" y="1319"/>
                  <a:pt x="2107" y="1321"/>
                  <a:pt x="2109" y="1322"/>
                </a:cubicBezTo>
                <a:cubicBezTo>
                  <a:pt x="2110" y="1322"/>
                  <a:pt x="2111" y="1323"/>
                  <a:pt x="2111" y="1324"/>
                </a:cubicBezTo>
                <a:cubicBezTo>
                  <a:pt x="2111" y="1325"/>
                  <a:pt x="2111" y="1326"/>
                  <a:pt x="2110" y="1325"/>
                </a:cubicBezTo>
                <a:cubicBezTo>
                  <a:pt x="2109" y="1325"/>
                  <a:pt x="2109" y="1324"/>
                  <a:pt x="2108" y="1323"/>
                </a:cubicBezTo>
                <a:cubicBezTo>
                  <a:pt x="2108" y="1323"/>
                  <a:pt x="2106" y="1322"/>
                  <a:pt x="2105" y="1323"/>
                </a:cubicBezTo>
                <a:cubicBezTo>
                  <a:pt x="2104" y="1323"/>
                  <a:pt x="2102" y="1327"/>
                  <a:pt x="2101" y="1325"/>
                </a:cubicBezTo>
                <a:cubicBezTo>
                  <a:pt x="2099" y="1323"/>
                  <a:pt x="2103" y="1322"/>
                  <a:pt x="2103" y="1320"/>
                </a:cubicBezTo>
                <a:cubicBezTo>
                  <a:pt x="2103" y="1319"/>
                  <a:pt x="2101" y="1319"/>
                  <a:pt x="2100" y="1320"/>
                </a:cubicBezTo>
                <a:cubicBezTo>
                  <a:pt x="2100" y="1321"/>
                  <a:pt x="2100" y="1322"/>
                  <a:pt x="2099" y="1323"/>
                </a:cubicBezTo>
                <a:cubicBezTo>
                  <a:pt x="2098" y="1325"/>
                  <a:pt x="2096" y="1326"/>
                  <a:pt x="2096" y="1329"/>
                </a:cubicBezTo>
                <a:cubicBezTo>
                  <a:pt x="2096" y="1331"/>
                  <a:pt x="2097" y="1331"/>
                  <a:pt x="2098" y="1332"/>
                </a:cubicBezTo>
                <a:cubicBezTo>
                  <a:pt x="2098" y="1333"/>
                  <a:pt x="2098" y="1334"/>
                  <a:pt x="2098" y="1335"/>
                </a:cubicBezTo>
                <a:cubicBezTo>
                  <a:pt x="2099" y="1336"/>
                  <a:pt x="2099" y="1337"/>
                  <a:pt x="2100" y="1336"/>
                </a:cubicBezTo>
                <a:cubicBezTo>
                  <a:pt x="2101" y="1335"/>
                  <a:pt x="2101" y="1334"/>
                  <a:pt x="2100" y="1333"/>
                </a:cubicBezTo>
                <a:cubicBezTo>
                  <a:pt x="2100" y="1332"/>
                  <a:pt x="2100" y="1330"/>
                  <a:pt x="2101" y="1330"/>
                </a:cubicBezTo>
                <a:cubicBezTo>
                  <a:pt x="2103" y="1330"/>
                  <a:pt x="2103" y="1331"/>
                  <a:pt x="2103" y="1332"/>
                </a:cubicBezTo>
                <a:cubicBezTo>
                  <a:pt x="2105" y="1335"/>
                  <a:pt x="2107" y="1333"/>
                  <a:pt x="2109" y="1334"/>
                </a:cubicBezTo>
                <a:cubicBezTo>
                  <a:pt x="2111" y="1336"/>
                  <a:pt x="2111" y="1338"/>
                  <a:pt x="2113" y="1339"/>
                </a:cubicBezTo>
                <a:cubicBezTo>
                  <a:pt x="2115" y="1341"/>
                  <a:pt x="2116" y="1342"/>
                  <a:pt x="2118" y="1343"/>
                </a:cubicBezTo>
                <a:cubicBezTo>
                  <a:pt x="2119" y="1345"/>
                  <a:pt x="2120" y="1347"/>
                  <a:pt x="2120" y="1349"/>
                </a:cubicBezTo>
                <a:cubicBezTo>
                  <a:pt x="2120" y="1350"/>
                  <a:pt x="2120" y="1351"/>
                  <a:pt x="2119" y="1351"/>
                </a:cubicBezTo>
                <a:cubicBezTo>
                  <a:pt x="2119" y="1353"/>
                  <a:pt x="2118" y="1354"/>
                  <a:pt x="2118" y="1356"/>
                </a:cubicBezTo>
                <a:cubicBezTo>
                  <a:pt x="2117" y="1358"/>
                  <a:pt x="2117" y="1359"/>
                  <a:pt x="2117" y="1361"/>
                </a:cubicBezTo>
                <a:cubicBezTo>
                  <a:pt x="2117" y="1363"/>
                  <a:pt x="2117" y="1366"/>
                  <a:pt x="2116" y="1369"/>
                </a:cubicBezTo>
                <a:cubicBezTo>
                  <a:pt x="2115" y="1374"/>
                  <a:pt x="2115" y="1379"/>
                  <a:pt x="2117" y="1384"/>
                </a:cubicBezTo>
                <a:cubicBezTo>
                  <a:pt x="2118" y="1387"/>
                  <a:pt x="2118" y="1390"/>
                  <a:pt x="2118" y="1394"/>
                </a:cubicBezTo>
                <a:cubicBezTo>
                  <a:pt x="2119" y="1397"/>
                  <a:pt x="2118" y="1399"/>
                  <a:pt x="2119" y="1402"/>
                </a:cubicBezTo>
                <a:cubicBezTo>
                  <a:pt x="2120" y="1405"/>
                  <a:pt x="2120" y="1407"/>
                  <a:pt x="2121" y="1409"/>
                </a:cubicBezTo>
                <a:cubicBezTo>
                  <a:pt x="2122" y="1412"/>
                  <a:pt x="2122" y="1414"/>
                  <a:pt x="2123" y="1416"/>
                </a:cubicBezTo>
                <a:cubicBezTo>
                  <a:pt x="2123" y="1418"/>
                  <a:pt x="2121" y="1420"/>
                  <a:pt x="2119" y="1420"/>
                </a:cubicBezTo>
                <a:cubicBezTo>
                  <a:pt x="2118" y="1420"/>
                  <a:pt x="2117" y="1419"/>
                  <a:pt x="2116" y="1419"/>
                </a:cubicBezTo>
                <a:cubicBezTo>
                  <a:pt x="2115" y="1418"/>
                  <a:pt x="2114" y="1418"/>
                  <a:pt x="2115" y="1417"/>
                </a:cubicBezTo>
                <a:cubicBezTo>
                  <a:pt x="2116" y="1416"/>
                  <a:pt x="2118" y="1416"/>
                  <a:pt x="2117" y="1415"/>
                </a:cubicBezTo>
                <a:cubicBezTo>
                  <a:pt x="2116" y="1415"/>
                  <a:pt x="2114" y="1416"/>
                  <a:pt x="2114" y="1416"/>
                </a:cubicBezTo>
                <a:cubicBezTo>
                  <a:pt x="2111" y="1417"/>
                  <a:pt x="2110" y="1417"/>
                  <a:pt x="2107" y="1417"/>
                </a:cubicBezTo>
                <a:cubicBezTo>
                  <a:pt x="2101" y="1416"/>
                  <a:pt x="2096" y="1420"/>
                  <a:pt x="2091" y="1421"/>
                </a:cubicBezTo>
                <a:cubicBezTo>
                  <a:pt x="2088" y="1421"/>
                  <a:pt x="2085" y="1421"/>
                  <a:pt x="2083" y="1422"/>
                </a:cubicBezTo>
                <a:cubicBezTo>
                  <a:pt x="2080" y="1422"/>
                  <a:pt x="2077" y="1424"/>
                  <a:pt x="2074" y="1424"/>
                </a:cubicBezTo>
                <a:cubicBezTo>
                  <a:pt x="2069" y="1426"/>
                  <a:pt x="2063" y="1426"/>
                  <a:pt x="2058" y="1426"/>
                </a:cubicBezTo>
                <a:cubicBezTo>
                  <a:pt x="2055" y="1425"/>
                  <a:pt x="2051" y="1425"/>
                  <a:pt x="2048" y="1424"/>
                </a:cubicBezTo>
                <a:cubicBezTo>
                  <a:pt x="2045" y="1423"/>
                  <a:pt x="2042" y="1423"/>
                  <a:pt x="2039" y="1422"/>
                </a:cubicBezTo>
                <a:cubicBezTo>
                  <a:pt x="2036" y="1421"/>
                  <a:pt x="2034" y="1419"/>
                  <a:pt x="2031" y="1418"/>
                </a:cubicBezTo>
                <a:cubicBezTo>
                  <a:pt x="2029" y="1417"/>
                  <a:pt x="2026" y="1417"/>
                  <a:pt x="2024" y="1416"/>
                </a:cubicBezTo>
                <a:cubicBezTo>
                  <a:pt x="2021" y="1415"/>
                  <a:pt x="2019" y="1414"/>
                  <a:pt x="2017" y="1412"/>
                </a:cubicBezTo>
                <a:cubicBezTo>
                  <a:pt x="2015" y="1411"/>
                  <a:pt x="2015" y="1409"/>
                  <a:pt x="2014" y="1407"/>
                </a:cubicBezTo>
                <a:cubicBezTo>
                  <a:pt x="2012" y="1405"/>
                  <a:pt x="2010" y="1403"/>
                  <a:pt x="2009" y="1401"/>
                </a:cubicBezTo>
                <a:cubicBezTo>
                  <a:pt x="2005" y="1398"/>
                  <a:pt x="2000" y="1398"/>
                  <a:pt x="1995" y="1397"/>
                </a:cubicBezTo>
                <a:cubicBezTo>
                  <a:pt x="1993" y="1396"/>
                  <a:pt x="1991" y="1396"/>
                  <a:pt x="1989" y="1395"/>
                </a:cubicBezTo>
                <a:cubicBezTo>
                  <a:pt x="1986" y="1394"/>
                  <a:pt x="1984" y="1394"/>
                  <a:pt x="1982" y="1394"/>
                </a:cubicBezTo>
                <a:cubicBezTo>
                  <a:pt x="1980" y="1393"/>
                  <a:pt x="1979" y="1392"/>
                  <a:pt x="1978" y="1391"/>
                </a:cubicBezTo>
                <a:cubicBezTo>
                  <a:pt x="1976" y="1389"/>
                  <a:pt x="1976" y="1387"/>
                  <a:pt x="1975" y="1385"/>
                </a:cubicBezTo>
                <a:cubicBezTo>
                  <a:pt x="1974" y="1381"/>
                  <a:pt x="1973" y="1376"/>
                  <a:pt x="1972" y="1372"/>
                </a:cubicBezTo>
                <a:cubicBezTo>
                  <a:pt x="1971" y="1370"/>
                  <a:pt x="1971" y="1368"/>
                  <a:pt x="1971" y="1366"/>
                </a:cubicBezTo>
                <a:cubicBezTo>
                  <a:pt x="1971" y="1364"/>
                  <a:pt x="1971" y="1362"/>
                  <a:pt x="1971" y="1360"/>
                </a:cubicBezTo>
                <a:cubicBezTo>
                  <a:pt x="1971" y="1355"/>
                  <a:pt x="1972" y="1351"/>
                  <a:pt x="1973" y="1347"/>
                </a:cubicBezTo>
                <a:cubicBezTo>
                  <a:pt x="1973" y="1345"/>
                  <a:pt x="1973" y="1342"/>
                  <a:pt x="1973" y="1340"/>
                </a:cubicBezTo>
                <a:cubicBezTo>
                  <a:pt x="1974" y="1338"/>
                  <a:pt x="1977" y="1338"/>
                  <a:pt x="1977" y="1340"/>
                </a:cubicBezTo>
                <a:cubicBezTo>
                  <a:pt x="1977" y="1341"/>
                  <a:pt x="1978" y="1342"/>
                  <a:pt x="1978" y="1343"/>
                </a:cubicBezTo>
                <a:cubicBezTo>
                  <a:pt x="1979" y="1344"/>
                  <a:pt x="1979" y="1345"/>
                  <a:pt x="1979" y="1345"/>
                </a:cubicBezTo>
                <a:cubicBezTo>
                  <a:pt x="1980" y="1343"/>
                  <a:pt x="1979" y="1342"/>
                  <a:pt x="1979" y="1340"/>
                </a:cubicBezTo>
                <a:cubicBezTo>
                  <a:pt x="1980" y="1339"/>
                  <a:pt x="1982" y="1339"/>
                  <a:pt x="1982" y="1337"/>
                </a:cubicBezTo>
                <a:cubicBezTo>
                  <a:pt x="1982" y="1335"/>
                  <a:pt x="1982" y="1333"/>
                  <a:pt x="1983" y="1332"/>
                </a:cubicBezTo>
                <a:cubicBezTo>
                  <a:pt x="1984" y="1332"/>
                  <a:pt x="1988" y="1335"/>
                  <a:pt x="1987" y="1332"/>
                </a:cubicBezTo>
                <a:cubicBezTo>
                  <a:pt x="1987" y="1332"/>
                  <a:pt x="1986" y="1331"/>
                  <a:pt x="1986" y="1331"/>
                </a:cubicBezTo>
                <a:cubicBezTo>
                  <a:pt x="1986" y="1330"/>
                  <a:pt x="1986" y="1329"/>
                  <a:pt x="1985" y="1328"/>
                </a:cubicBezTo>
                <a:cubicBezTo>
                  <a:pt x="1985" y="1327"/>
                  <a:pt x="1983" y="1326"/>
                  <a:pt x="1983" y="1325"/>
                </a:cubicBezTo>
                <a:cubicBezTo>
                  <a:pt x="1983" y="1323"/>
                  <a:pt x="1985" y="1321"/>
                  <a:pt x="1985" y="1319"/>
                </a:cubicBezTo>
                <a:cubicBezTo>
                  <a:pt x="1986" y="1318"/>
                  <a:pt x="1986" y="1316"/>
                  <a:pt x="1987" y="1314"/>
                </a:cubicBezTo>
                <a:cubicBezTo>
                  <a:pt x="1987" y="1312"/>
                  <a:pt x="1989" y="1311"/>
                  <a:pt x="1990" y="1309"/>
                </a:cubicBezTo>
                <a:cubicBezTo>
                  <a:pt x="1991" y="1307"/>
                  <a:pt x="1991" y="1304"/>
                  <a:pt x="1992" y="1302"/>
                </a:cubicBezTo>
                <a:cubicBezTo>
                  <a:pt x="1993" y="1301"/>
                  <a:pt x="1993" y="1301"/>
                  <a:pt x="1995" y="1300"/>
                </a:cubicBezTo>
                <a:cubicBezTo>
                  <a:pt x="1996" y="1300"/>
                  <a:pt x="1997" y="1300"/>
                  <a:pt x="1998" y="1299"/>
                </a:cubicBezTo>
                <a:cubicBezTo>
                  <a:pt x="1998" y="1299"/>
                  <a:pt x="1999" y="1298"/>
                  <a:pt x="2000" y="1297"/>
                </a:cubicBezTo>
                <a:cubicBezTo>
                  <a:pt x="2001" y="1297"/>
                  <a:pt x="2002" y="1297"/>
                  <a:pt x="2003" y="1297"/>
                </a:cubicBezTo>
                <a:cubicBezTo>
                  <a:pt x="2004" y="1297"/>
                  <a:pt x="2005" y="1297"/>
                  <a:pt x="2006" y="1297"/>
                </a:cubicBezTo>
                <a:cubicBezTo>
                  <a:pt x="2008" y="1298"/>
                  <a:pt x="2009" y="1297"/>
                  <a:pt x="2010" y="1297"/>
                </a:cubicBezTo>
                <a:cubicBezTo>
                  <a:pt x="2012" y="1297"/>
                  <a:pt x="2013" y="1301"/>
                  <a:pt x="2015" y="1301"/>
                </a:cubicBezTo>
                <a:cubicBezTo>
                  <a:pt x="2017" y="1301"/>
                  <a:pt x="2015" y="1300"/>
                  <a:pt x="2015" y="1299"/>
                </a:cubicBezTo>
                <a:cubicBezTo>
                  <a:pt x="2015" y="1298"/>
                  <a:pt x="2015" y="1297"/>
                  <a:pt x="2015" y="1296"/>
                </a:cubicBezTo>
                <a:cubicBezTo>
                  <a:pt x="2015" y="1295"/>
                  <a:pt x="2013" y="1295"/>
                  <a:pt x="2013" y="1295"/>
                </a:cubicBezTo>
                <a:cubicBezTo>
                  <a:pt x="2012" y="1294"/>
                  <a:pt x="2012" y="1293"/>
                  <a:pt x="2011" y="1293"/>
                </a:cubicBezTo>
                <a:cubicBezTo>
                  <a:pt x="2010" y="1291"/>
                  <a:pt x="2008" y="1290"/>
                  <a:pt x="2006" y="1289"/>
                </a:cubicBezTo>
                <a:cubicBezTo>
                  <a:pt x="2005" y="1289"/>
                  <a:pt x="2004" y="1288"/>
                  <a:pt x="2003" y="1288"/>
                </a:cubicBezTo>
                <a:cubicBezTo>
                  <a:pt x="2001" y="1288"/>
                  <a:pt x="1999" y="1289"/>
                  <a:pt x="1997" y="1289"/>
                </a:cubicBezTo>
                <a:cubicBezTo>
                  <a:pt x="1995" y="1288"/>
                  <a:pt x="1993" y="1286"/>
                  <a:pt x="1992" y="1285"/>
                </a:cubicBezTo>
                <a:cubicBezTo>
                  <a:pt x="1990" y="1283"/>
                  <a:pt x="1988" y="1282"/>
                  <a:pt x="1987" y="1280"/>
                </a:cubicBezTo>
                <a:cubicBezTo>
                  <a:pt x="1986" y="1278"/>
                  <a:pt x="1984" y="1276"/>
                  <a:pt x="1983" y="1274"/>
                </a:cubicBezTo>
                <a:cubicBezTo>
                  <a:pt x="1982" y="1272"/>
                  <a:pt x="1981" y="1271"/>
                  <a:pt x="1979" y="1269"/>
                </a:cubicBezTo>
                <a:cubicBezTo>
                  <a:pt x="1978" y="1267"/>
                  <a:pt x="1978" y="1265"/>
                  <a:pt x="1977" y="1262"/>
                </a:cubicBezTo>
                <a:cubicBezTo>
                  <a:pt x="1976" y="1261"/>
                  <a:pt x="1975" y="1259"/>
                  <a:pt x="1974" y="1257"/>
                </a:cubicBezTo>
                <a:cubicBezTo>
                  <a:pt x="1973" y="1255"/>
                  <a:pt x="1971" y="1253"/>
                  <a:pt x="1970" y="1252"/>
                </a:cubicBezTo>
                <a:cubicBezTo>
                  <a:pt x="1968" y="1250"/>
                  <a:pt x="1967" y="1249"/>
                  <a:pt x="1965" y="1247"/>
                </a:cubicBezTo>
                <a:cubicBezTo>
                  <a:pt x="1963" y="1244"/>
                  <a:pt x="1961" y="1241"/>
                  <a:pt x="1958" y="1239"/>
                </a:cubicBezTo>
                <a:cubicBezTo>
                  <a:pt x="1954" y="1236"/>
                  <a:pt x="1952" y="1231"/>
                  <a:pt x="1949" y="1227"/>
                </a:cubicBezTo>
                <a:cubicBezTo>
                  <a:pt x="1948" y="1226"/>
                  <a:pt x="1946" y="1224"/>
                  <a:pt x="1945" y="1222"/>
                </a:cubicBezTo>
                <a:cubicBezTo>
                  <a:pt x="1943" y="1220"/>
                  <a:pt x="1940" y="1219"/>
                  <a:pt x="1939" y="1217"/>
                </a:cubicBezTo>
                <a:cubicBezTo>
                  <a:pt x="1937" y="1215"/>
                  <a:pt x="1938" y="1213"/>
                  <a:pt x="1937" y="1211"/>
                </a:cubicBezTo>
                <a:cubicBezTo>
                  <a:pt x="1937" y="1209"/>
                  <a:pt x="1936" y="1207"/>
                  <a:pt x="1934" y="1206"/>
                </a:cubicBezTo>
                <a:cubicBezTo>
                  <a:pt x="1933" y="1205"/>
                  <a:pt x="1930" y="1205"/>
                  <a:pt x="1931" y="1202"/>
                </a:cubicBezTo>
                <a:cubicBezTo>
                  <a:pt x="1931" y="1201"/>
                  <a:pt x="1932" y="1200"/>
                  <a:pt x="1932" y="1199"/>
                </a:cubicBezTo>
                <a:cubicBezTo>
                  <a:pt x="1932" y="1198"/>
                  <a:pt x="1932" y="1197"/>
                  <a:pt x="1932" y="1195"/>
                </a:cubicBezTo>
                <a:cubicBezTo>
                  <a:pt x="1932" y="1193"/>
                  <a:pt x="1932" y="1191"/>
                  <a:pt x="1932" y="1189"/>
                </a:cubicBezTo>
                <a:cubicBezTo>
                  <a:pt x="1932" y="1187"/>
                  <a:pt x="1933" y="1185"/>
                  <a:pt x="1933" y="1183"/>
                </a:cubicBezTo>
                <a:cubicBezTo>
                  <a:pt x="1933" y="1181"/>
                  <a:pt x="1933" y="1178"/>
                  <a:pt x="1934" y="1176"/>
                </a:cubicBezTo>
                <a:cubicBezTo>
                  <a:pt x="1934" y="1176"/>
                  <a:pt x="1934" y="1175"/>
                  <a:pt x="1934" y="1174"/>
                </a:cubicBezTo>
                <a:cubicBezTo>
                  <a:pt x="1934" y="1174"/>
                  <a:pt x="1935" y="1173"/>
                  <a:pt x="1935" y="1173"/>
                </a:cubicBezTo>
                <a:cubicBezTo>
                  <a:pt x="1936" y="1171"/>
                  <a:pt x="1934" y="1170"/>
                  <a:pt x="1932" y="1171"/>
                </a:cubicBezTo>
                <a:cubicBezTo>
                  <a:pt x="1931" y="1172"/>
                  <a:pt x="1930" y="1174"/>
                  <a:pt x="1929" y="1173"/>
                </a:cubicBezTo>
                <a:cubicBezTo>
                  <a:pt x="1928" y="1173"/>
                  <a:pt x="1928" y="1172"/>
                  <a:pt x="1928" y="1171"/>
                </a:cubicBezTo>
                <a:cubicBezTo>
                  <a:pt x="1928" y="1171"/>
                  <a:pt x="1927" y="1170"/>
                  <a:pt x="1927" y="1170"/>
                </a:cubicBezTo>
                <a:cubicBezTo>
                  <a:pt x="1927" y="1168"/>
                  <a:pt x="1927" y="1167"/>
                  <a:pt x="1926" y="1166"/>
                </a:cubicBezTo>
                <a:cubicBezTo>
                  <a:pt x="1925" y="1164"/>
                  <a:pt x="1924" y="1162"/>
                  <a:pt x="1923" y="1161"/>
                </a:cubicBezTo>
                <a:cubicBezTo>
                  <a:pt x="1922" y="1158"/>
                  <a:pt x="1921" y="1157"/>
                  <a:pt x="1919" y="1156"/>
                </a:cubicBezTo>
                <a:cubicBezTo>
                  <a:pt x="1917" y="1155"/>
                  <a:pt x="1916" y="1154"/>
                  <a:pt x="1914" y="1153"/>
                </a:cubicBezTo>
                <a:cubicBezTo>
                  <a:pt x="1912" y="1152"/>
                  <a:pt x="1910" y="1152"/>
                  <a:pt x="1908" y="1151"/>
                </a:cubicBezTo>
                <a:cubicBezTo>
                  <a:pt x="1906" y="1150"/>
                  <a:pt x="1907" y="1148"/>
                  <a:pt x="1907" y="1146"/>
                </a:cubicBezTo>
                <a:cubicBezTo>
                  <a:pt x="1907" y="1144"/>
                  <a:pt x="1910" y="1143"/>
                  <a:pt x="1911" y="1141"/>
                </a:cubicBezTo>
                <a:cubicBezTo>
                  <a:pt x="1913" y="1140"/>
                  <a:pt x="1914" y="1137"/>
                  <a:pt x="1915" y="1136"/>
                </a:cubicBezTo>
                <a:cubicBezTo>
                  <a:pt x="1918" y="1133"/>
                  <a:pt x="1920" y="1131"/>
                  <a:pt x="1922" y="1128"/>
                </a:cubicBezTo>
                <a:cubicBezTo>
                  <a:pt x="1924" y="1124"/>
                  <a:pt x="1927" y="1120"/>
                  <a:pt x="1928" y="1116"/>
                </a:cubicBezTo>
                <a:cubicBezTo>
                  <a:pt x="1928" y="1114"/>
                  <a:pt x="1929" y="1111"/>
                  <a:pt x="1929" y="1109"/>
                </a:cubicBezTo>
                <a:cubicBezTo>
                  <a:pt x="1929" y="1108"/>
                  <a:pt x="1928" y="1104"/>
                  <a:pt x="1929" y="1104"/>
                </a:cubicBezTo>
                <a:cubicBezTo>
                  <a:pt x="1930" y="1103"/>
                  <a:pt x="1930" y="1105"/>
                  <a:pt x="1931" y="1106"/>
                </a:cubicBezTo>
                <a:cubicBezTo>
                  <a:pt x="1931" y="1107"/>
                  <a:pt x="1932" y="1107"/>
                  <a:pt x="1932" y="1108"/>
                </a:cubicBezTo>
                <a:cubicBezTo>
                  <a:pt x="1933" y="1109"/>
                  <a:pt x="1933" y="1110"/>
                  <a:pt x="1933" y="1111"/>
                </a:cubicBezTo>
                <a:cubicBezTo>
                  <a:pt x="1934" y="1111"/>
                  <a:pt x="1934" y="1110"/>
                  <a:pt x="1934" y="1109"/>
                </a:cubicBezTo>
                <a:cubicBezTo>
                  <a:pt x="1934" y="1107"/>
                  <a:pt x="1934" y="1106"/>
                  <a:pt x="1934" y="1104"/>
                </a:cubicBezTo>
                <a:cubicBezTo>
                  <a:pt x="1935" y="1104"/>
                  <a:pt x="1936" y="1105"/>
                  <a:pt x="1936" y="1105"/>
                </a:cubicBezTo>
                <a:cubicBezTo>
                  <a:pt x="1937" y="1106"/>
                  <a:pt x="1937" y="1106"/>
                  <a:pt x="1937" y="1106"/>
                </a:cubicBezTo>
                <a:cubicBezTo>
                  <a:pt x="1938" y="1107"/>
                  <a:pt x="1938" y="1106"/>
                  <a:pt x="1939" y="1107"/>
                </a:cubicBezTo>
                <a:cubicBezTo>
                  <a:pt x="1939" y="1108"/>
                  <a:pt x="1939" y="1110"/>
                  <a:pt x="1940" y="1109"/>
                </a:cubicBezTo>
                <a:cubicBezTo>
                  <a:pt x="1942" y="1109"/>
                  <a:pt x="1941" y="1107"/>
                  <a:pt x="1941" y="1106"/>
                </a:cubicBezTo>
                <a:cubicBezTo>
                  <a:pt x="1941" y="1104"/>
                  <a:pt x="1943" y="1105"/>
                  <a:pt x="1945" y="1104"/>
                </a:cubicBezTo>
                <a:cubicBezTo>
                  <a:pt x="1946" y="1104"/>
                  <a:pt x="1946" y="1104"/>
                  <a:pt x="1947" y="1104"/>
                </a:cubicBezTo>
                <a:cubicBezTo>
                  <a:pt x="1949" y="1104"/>
                  <a:pt x="1949" y="1105"/>
                  <a:pt x="1950" y="1104"/>
                </a:cubicBezTo>
                <a:cubicBezTo>
                  <a:pt x="1952" y="1104"/>
                  <a:pt x="1953" y="1102"/>
                  <a:pt x="1954" y="1101"/>
                </a:cubicBezTo>
                <a:cubicBezTo>
                  <a:pt x="1955" y="1099"/>
                  <a:pt x="1958" y="1098"/>
                  <a:pt x="1959" y="1096"/>
                </a:cubicBezTo>
                <a:cubicBezTo>
                  <a:pt x="1960" y="1095"/>
                  <a:pt x="1961" y="1094"/>
                  <a:pt x="1962" y="1094"/>
                </a:cubicBezTo>
                <a:cubicBezTo>
                  <a:pt x="1963" y="1094"/>
                  <a:pt x="1963" y="1095"/>
                  <a:pt x="1964" y="1096"/>
                </a:cubicBezTo>
                <a:cubicBezTo>
                  <a:pt x="1965" y="1097"/>
                  <a:pt x="1966" y="1097"/>
                  <a:pt x="1967" y="1098"/>
                </a:cubicBezTo>
                <a:cubicBezTo>
                  <a:pt x="1967" y="1098"/>
                  <a:pt x="1967" y="1099"/>
                  <a:pt x="1968" y="1099"/>
                </a:cubicBezTo>
                <a:cubicBezTo>
                  <a:pt x="1968" y="1099"/>
                  <a:pt x="1969" y="1098"/>
                  <a:pt x="1969" y="1098"/>
                </a:cubicBezTo>
                <a:cubicBezTo>
                  <a:pt x="1968" y="1097"/>
                  <a:pt x="1967" y="1097"/>
                  <a:pt x="1967" y="1096"/>
                </a:cubicBezTo>
                <a:cubicBezTo>
                  <a:pt x="1966" y="1095"/>
                  <a:pt x="1967" y="1094"/>
                  <a:pt x="1966" y="1093"/>
                </a:cubicBezTo>
                <a:cubicBezTo>
                  <a:pt x="1966" y="1092"/>
                  <a:pt x="1965" y="1092"/>
                  <a:pt x="1965" y="1090"/>
                </a:cubicBezTo>
                <a:cubicBezTo>
                  <a:pt x="1965" y="1089"/>
                  <a:pt x="1966" y="1089"/>
                  <a:pt x="1967" y="1089"/>
                </a:cubicBezTo>
                <a:cubicBezTo>
                  <a:pt x="1970" y="1089"/>
                  <a:pt x="1972" y="1087"/>
                  <a:pt x="1974" y="1088"/>
                </a:cubicBezTo>
                <a:cubicBezTo>
                  <a:pt x="1977" y="1088"/>
                  <a:pt x="1979" y="1088"/>
                  <a:pt x="1979" y="1085"/>
                </a:cubicBezTo>
                <a:cubicBezTo>
                  <a:pt x="1979" y="1084"/>
                  <a:pt x="1979" y="1083"/>
                  <a:pt x="1980" y="1083"/>
                </a:cubicBezTo>
                <a:cubicBezTo>
                  <a:pt x="1981" y="1082"/>
                  <a:pt x="1982" y="1083"/>
                  <a:pt x="1983" y="1084"/>
                </a:cubicBezTo>
                <a:cubicBezTo>
                  <a:pt x="1983" y="1084"/>
                  <a:pt x="1983" y="1084"/>
                  <a:pt x="1984" y="1084"/>
                </a:cubicBezTo>
                <a:cubicBezTo>
                  <a:pt x="1985" y="1082"/>
                  <a:pt x="1982" y="1082"/>
                  <a:pt x="1982" y="1081"/>
                </a:cubicBezTo>
                <a:cubicBezTo>
                  <a:pt x="1981" y="1079"/>
                  <a:pt x="1981" y="1077"/>
                  <a:pt x="1982" y="1076"/>
                </a:cubicBezTo>
                <a:cubicBezTo>
                  <a:pt x="1983" y="1076"/>
                  <a:pt x="1984" y="1075"/>
                  <a:pt x="1984" y="1074"/>
                </a:cubicBezTo>
                <a:cubicBezTo>
                  <a:pt x="1984" y="1074"/>
                  <a:pt x="1984" y="1073"/>
                  <a:pt x="1985" y="1072"/>
                </a:cubicBezTo>
                <a:cubicBezTo>
                  <a:pt x="1985" y="1071"/>
                  <a:pt x="1986" y="1071"/>
                  <a:pt x="1988" y="1071"/>
                </a:cubicBezTo>
                <a:cubicBezTo>
                  <a:pt x="1993" y="1071"/>
                  <a:pt x="1997" y="1073"/>
                  <a:pt x="2003" y="1071"/>
                </a:cubicBezTo>
                <a:cubicBezTo>
                  <a:pt x="2006" y="1070"/>
                  <a:pt x="2007" y="1068"/>
                  <a:pt x="2010" y="1066"/>
                </a:cubicBezTo>
                <a:cubicBezTo>
                  <a:pt x="2012" y="1064"/>
                  <a:pt x="2014" y="1062"/>
                  <a:pt x="2017" y="1061"/>
                </a:cubicBezTo>
                <a:cubicBezTo>
                  <a:pt x="2019" y="1060"/>
                  <a:pt x="2020" y="1061"/>
                  <a:pt x="2021" y="1060"/>
                </a:cubicBezTo>
                <a:cubicBezTo>
                  <a:pt x="2023" y="1060"/>
                  <a:pt x="2023" y="1058"/>
                  <a:pt x="2025" y="1057"/>
                </a:cubicBezTo>
                <a:cubicBezTo>
                  <a:pt x="2026" y="1057"/>
                  <a:pt x="2027" y="1058"/>
                  <a:pt x="2029" y="1057"/>
                </a:cubicBezTo>
                <a:cubicBezTo>
                  <a:pt x="2029" y="1057"/>
                  <a:pt x="2030" y="1056"/>
                  <a:pt x="2030" y="1055"/>
                </a:cubicBezTo>
                <a:cubicBezTo>
                  <a:pt x="2032" y="1054"/>
                  <a:pt x="2035" y="1055"/>
                  <a:pt x="2037" y="1054"/>
                </a:cubicBezTo>
                <a:cubicBezTo>
                  <a:pt x="2039" y="1052"/>
                  <a:pt x="2040" y="1050"/>
                  <a:pt x="2042" y="1051"/>
                </a:cubicBezTo>
                <a:cubicBezTo>
                  <a:pt x="2043" y="1051"/>
                  <a:pt x="2044" y="1052"/>
                  <a:pt x="2045" y="1053"/>
                </a:cubicBezTo>
                <a:cubicBezTo>
                  <a:pt x="2046" y="1053"/>
                  <a:pt x="2047" y="1053"/>
                  <a:pt x="2048" y="1053"/>
                </a:cubicBezTo>
                <a:cubicBezTo>
                  <a:pt x="2050" y="1053"/>
                  <a:pt x="2052" y="1054"/>
                  <a:pt x="2055" y="1055"/>
                </a:cubicBezTo>
                <a:cubicBezTo>
                  <a:pt x="2057" y="1056"/>
                  <a:pt x="2059" y="1056"/>
                  <a:pt x="2061" y="1057"/>
                </a:cubicBezTo>
                <a:cubicBezTo>
                  <a:pt x="2063" y="1058"/>
                  <a:pt x="2064" y="1060"/>
                  <a:pt x="2066" y="1060"/>
                </a:cubicBezTo>
                <a:cubicBezTo>
                  <a:pt x="2068" y="1061"/>
                  <a:pt x="2069" y="1064"/>
                  <a:pt x="2072" y="1062"/>
                </a:cubicBezTo>
                <a:cubicBezTo>
                  <a:pt x="2072" y="1061"/>
                  <a:pt x="2072" y="1061"/>
                  <a:pt x="2073" y="1061"/>
                </a:cubicBezTo>
                <a:cubicBezTo>
                  <a:pt x="2075" y="1059"/>
                  <a:pt x="2075" y="1056"/>
                  <a:pt x="2078" y="1055"/>
                </a:cubicBezTo>
                <a:cubicBezTo>
                  <a:pt x="2081" y="1055"/>
                  <a:pt x="2081" y="1058"/>
                  <a:pt x="2083" y="1059"/>
                </a:cubicBezTo>
                <a:cubicBezTo>
                  <a:pt x="2085" y="1059"/>
                  <a:pt x="2087" y="1058"/>
                  <a:pt x="2090" y="1059"/>
                </a:cubicBezTo>
                <a:cubicBezTo>
                  <a:pt x="2092" y="1060"/>
                  <a:pt x="2093" y="1062"/>
                  <a:pt x="2094" y="1064"/>
                </a:cubicBezTo>
                <a:cubicBezTo>
                  <a:pt x="2095" y="1066"/>
                  <a:pt x="2096" y="1067"/>
                  <a:pt x="2097" y="1069"/>
                </a:cubicBezTo>
                <a:cubicBezTo>
                  <a:pt x="2097" y="1070"/>
                  <a:pt x="2097" y="1071"/>
                  <a:pt x="2098" y="1072"/>
                </a:cubicBezTo>
                <a:cubicBezTo>
                  <a:pt x="2098" y="1074"/>
                  <a:pt x="2099" y="1075"/>
                  <a:pt x="2100" y="1077"/>
                </a:cubicBezTo>
                <a:cubicBezTo>
                  <a:pt x="2100" y="1078"/>
                  <a:pt x="2100" y="1080"/>
                  <a:pt x="2100" y="1082"/>
                </a:cubicBezTo>
                <a:cubicBezTo>
                  <a:pt x="2101" y="1086"/>
                  <a:pt x="2101" y="1090"/>
                  <a:pt x="2099" y="1093"/>
                </a:cubicBezTo>
                <a:cubicBezTo>
                  <a:pt x="2097" y="1097"/>
                  <a:pt x="2095" y="1102"/>
                  <a:pt x="2094" y="1107"/>
                </a:cubicBezTo>
                <a:cubicBezTo>
                  <a:pt x="2094" y="1109"/>
                  <a:pt x="2096" y="1113"/>
                  <a:pt x="2098" y="1115"/>
                </a:cubicBezTo>
                <a:cubicBezTo>
                  <a:pt x="2100" y="1116"/>
                  <a:pt x="2103" y="1117"/>
                  <a:pt x="2105" y="1117"/>
                </a:cubicBezTo>
                <a:cubicBezTo>
                  <a:pt x="2107" y="1118"/>
                  <a:pt x="2110" y="1118"/>
                  <a:pt x="2112" y="1118"/>
                </a:cubicBezTo>
                <a:cubicBezTo>
                  <a:pt x="2114" y="1117"/>
                  <a:pt x="2116" y="1117"/>
                  <a:pt x="2118" y="1116"/>
                </a:cubicBezTo>
                <a:cubicBezTo>
                  <a:pt x="2120" y="1115"/>
                  <a:pt x="2121" y="1113"/>
                  <a:pt x="2122" y="1112"/>
                </a:cubicBezTo>
                <a:cubicBezTo>
                  <a:pt x="2123" y="1111"/>
                  <a:pt x="2127" y="1111"/>
                  <a:pt x="2128" y="1113"/>
                </a:cubicBezTo>
                <a:cubicBezTo>
                  <a:pt x="2128" y="1114"/>
                  <a:pt x="2128" y="1115"/>
                  <a:pt x="2128" y="1116"/>
                </a:cubicBezTo>
                <a:cubicBezTo>
                  <a:pt x="2129" y="1117"/>
                  <a:pt x="2129" y="1117"/>
                  <a:pt x="2130" y="1118"/>
                </a:cubicBezTo>
                <a:cubicBezTo>
                  <a:pt x="2130" y="1121"/>
                  <a:pt x="2128" y="1123"/>
                  <a:pt x="2130" y="1124"/>
                </a:cubicBezTo>
                <a:cubicBezTo>
                  <a:pt x="2131" y="1125"/>
                  <a:pt x="2134" y="1128"/>
                  <a:pt x="2132" y="1129"/>
                </a:cubicBezTo>
                <a:cubicBezTo>
                  <a:pt x="2130" y="1129"/>
                  <a:pt x="2127" y="1129"/>
                  <a:pt x="2125" y="1129"/>
                </a:cubicBezTo>
                <a:cubicBezTo>
                  <a:pt x="2123" y="1130"/>
                  <a:pt x="2121" y="1131"/>
                  <a:pt x="2119" y="1132"/>
                </a:cubicBezTo>
                <a:cubicBezTo>
                  <a:pt x="2117" y="1132"/>
                  <a:pt x="2115" y="1131"/>
                  <a:pt x="2113" y="1132"/>
                </a:cubicBezTo>
                <a:cubicBezTo>
                  <a:pt x="2109" y="1134"/>
                  <a:pt x="2107" y="1139"/>
                  <a:pt x="2105" y="1143"/>
                </a:cubicBezTo>
                <a:cubicBezTo>
                  <a:pt x="2104" y="1145"/>
                  <a:pt x="2103" y="1147"/>
                  <a:pt x="2102" y="1149"/>
                </a:cubicBezTo>
                <a:cubicBezTo>
                  <a:pt x="2101" y="1151"/>
                  <a:pt x="2099" y="1151"/>
                  <a:pt x="2100" y="1148"/>
                </a:cubicBezTo>
                <a:cubicBezTo>
                  <a:pt x="2101" y="1147"/>
                  <a:pt x="2102" y="1146"/>
                  <a:pt x="2102" y="1145"/>
                </a:cubicBezTo>
                <a:cubicBezTo>
                  <a:pt x="2103" y="1145"/>
                  <a:pt x="2103" y="1144"/>
                  <a:pt x="2104" y="1143"/>
                </a:cubicBezTo>
                <a:cubicBezTo>
                  <a:pt x="2105" y="1141"/>
                  <a:pt x="2105" y="1139"/>
                  <a:pt x="2106" y="1137"/>
                </a:cubicBezTo>
                <a:cubicBezTo>
                  <a:pt x="2107" y="1133"/>
                  <a:pt x="2111" y="1130"/>
                  <a:pt x="2115" y="1129"/>
                </a:cubicBezTo>
                <a:cubicBezTo>
                  <a:pt x="2116" y="1129"/>
                  <a:pt x="2117" y="1130"/>
                  <a:pt x="2118" y="1130"/>
                </a:cubicBezTo>
                <a:cubicBezTo>
                  <a:pt x="2119" y="1130"/>
                  <a:pt x="2119" y="1129"/>
                  <a:pt x="2120" y="1129"/>
                </a:cubicBezTo>
                <a:cubicBezTo>
                  <a:pt x="2122" y="1128"/>
                  <a:pt x="2123" y="1126"/>
                  <a:pt x="2123" y="1124"/>
                </a:cubicBezTo>
                <a:cubicBezTo>
                  <a:pt x="2123" y="1122"/>
                  <a:pt x="2122" y="1120"/>
                  <a:pt x="2120" y="1120"/>
                </a:cubicBezTo>
                <a:cubicBezTo>
                  <a:pt x="2117" y="1120"/>
                  <a:pt x="2116" y="1123"/>
                  <a:pt x="2114" y="1123"/>
                </a:cubicBezTo>
                <a:cubicBezTo>
                  <a:pt x="2111" y="1124"/>
                  <a:pt x="2110" y="1122"/>
                  <a:pt x="2107" y="1121"/>
                </a:cubicBezTo>
                <a:cubicBezTo>
                  <a:pt x="2105" y="1120"/>
                  <a:pt x="2102" y="1121"/>
                  <a:pt x="2100" y="1121"/>
                </a:cubicBezTo>
                <a:cubicBezTo>
                  <a:pt x="2097" y="1121"/>
                  <a:pt x="2094" y="1121"/>
                  <a:pt x="2092" y="1120"/>
                </a:cubicBezTo>
                <a:cubicBezTo>
                  <a:pt x="2089" y="1120"/>
                  <a:pt x="2087" y="1119"/>
                  <a:pt x="2084" y="1119"/>
                </a:cubicBezTo>
                <a:cubicBezTo>
                  <a:pt x="2080" y="1119"/>
                  <a:pt x="2075" y="1118"/>
                  <a:pt x="2070" y="1118"/>
                </a:cubicBezTo>
                <a:cubicBezTo>
                  <a:pt x="2068" y="1118"/>
                  <a:pt x="2067" y="1117"/>
                  <a:pt x="2065" y="1117"/>
                </a:cubicBezTo>
                <a:cubicBezTo>
                  <a:pt x="2064" y="1116"/>
                  <a:pt x="2061" y="1117"/>
                  <a:pt x="2060" y="1116"/>
                </a:cubicBezTo>
                <a:cubicBezTo>
                  <a:pt x="2058" y="1115"/>
                  <a:pt x="2056" y="1111"/>
                  <a:pt x="2054" y="1114"/>
                </a:cubicBezTo>
                <a:cubicBezTo>
                  <a:pt x="2054" y="1115"/>
                  <a:pt x="2054" y="1116"/>
                  <a:pt x="2052" y="1117"/>
                </a:cubicBezTo>
                <a:cubicBezTo>
                  <a:pt x="2052" y="1117"/>
                  <a:pt x="2051" y="1117"/>
                  <a:pt x="2050" y="1117"/>
                </a:cubicBezTo>
                <a:cubicBezTo>
                  <a:pt x="2049" y="1117"/>
                  <a:pt x="2048" y="1116"/>
                  <a:pt x="2047" y="1116"/>
                </a:cubicBezTo>
                <a:cubicBezTo>
                  <a:pt x="2045" y="1116"/>
                  <a:pt x="2043" y="1119"/>
                  <a:pt x="2042" y="1121"/>
                </a:cubicBezTo>
                <a:cubicBezTo>
                  <a:pt x="2041" y="1123"/>
                  <a:pt x="2041" y="1125"/>
                  <a:pt x="2040" y="1127"/>
                </a:cubicBezTo>
                <a:cubicBezTo>
                  <a:pt x="2039" y="1129"/>
                  <a:pt x="2037" y="1129"/>
                  <a:pt x="2035" y="1130"/>
                </a:cubicBezTo>
                <a:cubicBezTo>
                  <a:pt x="2033" y="1130"/>
                  <a:pt x="2032" y="1132"/>
                  <a:pt x="2033" y="1134"/>
                </a:cubicBezTo>
                <a:cubicBezTo>
                  <a:pt x="2034" y="1135"/>
                  <a:pt x="2035" y="1135"/>
                  <a:pt x="2036" y="1136"/>
                </a:cubicBezTo>
                <a:cubicBezTo>
                  <a:pt x="2037" y="1136"/>
                  <a:pt x="2038" y="1137"/>
                  <a:pt x="2039" y="1138"/>
                </a:cubicBezTo>
                <a:cubicBezTo>
                  <a:pt x="2040" y="1139"/>
                  <a:pt x="2040" y="1140"/>
                  <a:pt x="2041" y="1141"/>
                </a:cubicBezTo>
                <a:cubicBezTo>
                  <a:pt x="2042" y="1142"/>
                  <a:pt x="2041" y="1143"/>
                  <a:pt x="2042" y="1144"/>
                </a:cubicBezTo>
                <a:cubicBezTo>
                  <a:pt x="2043" y="1146"/>
                  <a:pt x="2045" y="1145"/>
                  <a:pt x="2047" y="1145"/>
                </a:cubicBezTo>
                <a:cubicBezTo>
                  <a:pt x="2048" y="1145"/>
                  <a:pt x="2049" y="1145"/>
                  <a:pt x="2049" y="1146"/>
                </a:cubicBezTo>
                <a:cubicBezTo>
                  <a:pt x="2049" y="1147"/>
                  <a:pt x="2047" y="1147"/>
                  <a:pt x="2047" y="1148"/>
                </a:cubicBezTo>
                <a:cubicBezTo>
                  <a:pt x="2046" y="1148"/>
                  <a:pt x="2046" y="1149"/>
                  <a:pt x="2045" y="1148"/>
                </a:cubicBezTo>
                <a:cubicBezTo>
                  <a:pt x="2044" y="1147"/>
                  <a:pt x="2043" y="1146"/>
                  <a:pt x="2042" y="1146"/>
                </a:cubicBezTo>
                <a:cubicBezTo>
                  <a:pt x="2041" y="1146"/>
                  <a:pt x="2041" y="1147"/>
                  <a:pt x="2040" y="1148"/>
                </a:cubicBezTo>
                <a:cubicBezTo>
                  <a:pt x="2039" y="1149"/>
                  <a:pt x="2037" y="1149"/>
                  <a:pt x="2037" y="1148"/>
                </a:cubicBezTo>
                <a:cubicBezTo>
                  <a:pt x="2035" y="1148"/>
                  <a:pt x="2035" y="1146"/>
                  <a:pt x="2034" y="1146"/>
                </a:cubicBezTo>
                <a:cubicBezTo>
                  <a:pt x="2032" y="1144"/>
                  <a:pt x="2030" y="1144"/>
                  <a:pt x="2027" y="1144"/>
                </a:cubicBezTo>
                <a:cubicBezTo>
                  <a:pt x="2025" y="1144"/>
                  <a:pt x="2022" y="1144"/>
                  <a:pt x="2020" y="1143"/>
                </a:cubicBezTo>
                <a:cubicBezTo>
                  <a:pt x="2018" y="1143"/>
                  <a:pt x="2016" y="1141"/>
                  <a:pt x="2014" y="1142"/>
                </a:cubicBezTo>
                <a:cubicBezTo>
                  <a:pt x="2012" y="1143"/>
                  <a:pt x="2011" y="1145"/>
                  <a:pt x="2011" y="1147"/>
                </a:cubicBezTo>
                <a:cubicBezTo>
                  <a:pt x="2010" y="1149"/>
                  <a:pt x="2010" y="1151"/>
                  <a:pt x="2012" y="1153"/>
                </a:cubicBezTo>
                <a:cubicBezTo>
                  <a:pt x="2013" y="1155"/>
                  <a:pt x="2015" y="1155"/>
                  <a:pt x="2017" y="1155"/>
                </a:cubicBezTo>
                <a:cubicBezTo>
                  <a:pt x="2020" y="1155"/>
                  <a:pt x="2022" y="1155"/>
                  <a:pt x="2024" y="1157"/>
                </a:cubicBezTo>
                <a:cubicBezTo>
                  <a:pt x="2026" y="1158"/>
                  <a:pt x="2028" y="1160"/>
                  <a:pt x="2030" y="1162"/>
                </a:cubicBezTo>
                <a:cubicBezTo>
                  <a:pt x="2032" y="1164"/>
                  <a:pt x="2034" y="1168"/>
                  <a:pt x="2035" y="1171"/>
                </a:cubicBezTo>
                <a:cubicBezTo>
                  <a:pt x="2035" y="1173"/>
                  <a:pt x="2035" y="1174"/>
                  <a:pt x="2035" y="1175"/>
                </a:cubicBezTo>
                <a:cubicBezTo>
                  <a:pt x="2036" y="1177"/>
                  <a:pt x="2037" y="1178"/>
                  <a:pt x="2037" y="1179"/>
                </a:cubicBezTo>
                <a:cubicBezTo>
                  <a:pt x="2039" y="1183"/>
                  <a:pt x="2042" y="1188"/>
                  <a:pt x="2042" y="1193"/>
                </a:cubicBezTo>
                <a:cubicBezTo>
                  <a:pt x="2042" y="1194"/>
                  <a:pt x="2041" y="1198"/>
                  <a:pt x="2043" y="1198"/>
                </a:cubicBezTo>
                <a:cubicBezTo>
                  <a:pt x="2044" y="1198"/>
                  <a:pt x="2045" y="1197"/>
                  <a:pt x="2046" y="1197"/>
                </a:cubicBezTo>
                <a:cubicBezTo>
                  <a:pt x="2047" y="1197"/>
                  <a:pt x="2048" y="1197"/>
                  <a:pt x="2049" y="1197"/>
                </a:cubicBezTo>
                <a:cubicBezTo>
                  <a:pt x="2051" y="1197"/>
                  <a:pt x="2053" y="1197"/>
                  <a:pt x="2055" y="1199"/>
                </a:cubicBezTo>
                <a:cubicBezTo>
                  <a:pt x="2056" y="1201"/>
                  <a:pt x="2057" y="1203"/>
                  <a:pt x="2058" y="1204"/>
                </a:cubicBezTo>
                <a:cubicBezTo>
                  <a:pt x="2059" y="1206"/>
                  <a:pt x="2060" y="1208"/>
                  <a:pt x="2062" y="1209"/>
                </a:cubicBezTo>
                <a:cubicBezTo>
                  <a:pt x="2064" y="1209"/>
                  <a:pt x="2066" y="1207"/>
                  <a:pt x="2068" y="1207"/>
                </a:cubicBezTo>
                <a:cubicBezTo>
                  <a:pt x="2070" y="1208"/>
                  <a:pt x="2070" y="1210"/>
                  <a:pt x="2073" y="1210"/>
                </a:cubicBezTo>
                <a:cubicBezTo>
                  <a:pt x="2075" y="1210"/>
                  <a:pt x="2076" y="1208"/>
                  <a:pt x="2079" y="1209"/>
                </a:cubicBezTo>
                <a:cubicBezTo>
                  <a:pt x="2080" y="1210"/>
                  <a:pt x="2083" y="1211"/>
                  <a:pt x="2083" y="1212"/>
                </a:cubicBezTo>
                <a:cubicBezTo>
                  <a:pt x="2083" y="1214"/>
                  <a:pt x="2082" y="1213"/>
                  <a:pt x="2081" y="1214"/>
                </a:cubicBezTo>
                <a:cubicBezTo>
                  <a:pt x="2080" y="1215"/>
                  <a:pt x="2082" y="1215"/>
                  <a:pt x="2082" y="1216"/>
                </a:cubicBezTo>
                <a:cubicBezTo>
                  <a:pt x="2083" y="1217"/>
                  <a:pt x="2083" y="1220"/>
                  <a:pt x="2082" y="1222"/>
                </a:cubicBezTo>
                <a:cubicBezTo>
                  <a:pt x="2081" y="1224"/>
                  <a:pt x="2079" y="1225"/>
                  <a:pt x="2079" y="1228"/>
                </a:cubicBezTo>
                <a:cubicBezTo>
                  <a:pt x="2078" y="1229"/>
                  <a:pt x="2077" y="1230"/>
                  <a:pt x="2076" y="1231"/>
                </a:cubicBezTo>
                <a:cubicBezTo>
                  <a:pt x="2075" y="1233"/>
                  <a:pt x="2076" y="1234"/>
                  <a:pt x="2076" y="1236"/>
                </a:cubicBezTo>
                <a:cubicBezTo>
                  <a:pt x="2076" y="1239"/>
                  <a:pt x="2076" y="1243"/>
                  <a:pt x="2076" y="1246"/>
                </a:cubicBezTo>
                <a:cubicBezTo>
                  <a:pt x="2076" y="1248"/>
                  <a:pt x="2077" y="1250"/>
                  <a:pt x="2078" y="1252"/>
                </a:cubicBezTo>
                <a:cubicBezTo>
                  <a:pt x="2079" y="1253"/>
                  <a:pt x="2080" y="1255"/>
                  <a:pt x="2081" y="1257"/>
                </a:cubicBezTo>
                <a:cubicBezTo>
                  <a:pt x="2081" y="1260"/>
                  <a:pt x="2084" y="1261"/>
                  <a:pt x="2085" y="1264"/>
                </a:cubicBezTo>
                <a:cubicBezTo>
                  <a:pt x="2086" y="1266"/>
                  <a:pt x="2087" y="1269"/>
                  <a:pt x="2089" y="1271"/>
                </a:cubicBezTo>
                <a:cubicBezTo>
                  <a:pt x="2089" y="1271"/>
                  <a:pt x="2089" y="1271"/>
                  <a:pt x="2089" y="1271"/>
                </a:cubicBezTo>
                <a:cubicBezTo>
                  <a:pt x="2089" y="1270"/>
                  <a:pt x="2090" y="1269"/>
                  <a:pt x="2089" y="1268"/>
                </a:cubicBezTo>
                <a:cubicBezTo>
                  <a:pt x="2089" y="1267"/>
                  <a:pt x="2089" y="1266"/>
                  <a:pt x="2088" y="1265"/>
                </a:cubicBezTo>
                <a:cubicBezTo>
                  <a:pt x="2088" y="1263"/>
                  <a:pt x="2088" y="1260"/>
                  <a:pt x="2088" y="1259"/>
                </a:cubicBezTo>
                <a:cubicBezTo>
                  <a:pt x="2088" y="1257"/>
                  <a:pt x="2089" y="1257"/>
                  <a:pt x="2090" y="1256"/>
                </a:cubicBezTo>
                <a:cubicBezTo>
                  <a:pt x="2090" y="1255"/>
                  <a:pt x="2090" y="1254"/>
                  <a:pt x="2090" y="1253"/>
                </a:cubicBezTo>
                <a:cubicBezTo>
                  <a:pt x="2090" y="1251"/>
                  <a:pt x="2091" y="1248"/>
                  <a:pt x="2089" y="1250"/>
                </a:cubicBezTo>
                <a:cubicBezTo>
                  <a:pt x="2088" y="1250"/>
                  <a:pt x="2087" y="1251"/>
                  <a:pt x="2087" y="1250"/>
                </a:cubicBezTo>
                <a:cubicBezTo>
                  <a:pt x="2087" y="1248"/>
                  <a:pt x="2088" y="1248"/>
                  <a:pt x="2089" y="1247"/>
                </a:cubicBezTo>
                <a:cubicBezTo>
                  <a:pt x="2089" y="1246"/>
                  <a:pt x="2089" y="1245"/>
                  <a:pt x="2089" y="1244"/>
                </a:cubicBezTo>
                <a:cubicBezTo>
                  <a:pt x="2090" y="1242"/>
                  <a:pt x="2091" y="1241"/>
                  <a:pt x="2093" y="1239"/>
                </a:cubicBezTo>
                <a:cubicBezTo>
                  <a:pt x="2094" y="1239"/>
                  <a:pt x="2094" y="1238"/>
                  <a:pt x="2096" y="1237"/>
                </a:cubicBezTo>
                <a:cubicBezTo>
                  <a:pt x="2097" y="1236"/>
                  <a:pt x="2100" y="1237"/>
                  <a:pt x="2102" y="1236"/>
                </a:cubicBezTo>
                <a:cubicBezTo>
                  <a:pt x="2103" y="1236"/>
                  <a:pt x="2104" y="1235"/>
                  <a:pt x="2105" y="1235"/>
                </a:cubicBezTo>
                <a:cubicBezTo>
                  <a:pt x="2106" y="1234"/>
                  <a:pt x="2107" y="1234"/>
                  <a:pt x="2108" y="1234"/>
                </a:cubicBezTo>
                <a:cubicBezTo>
                  <a:pt x="2110" y="1234"/>
                  <a:pt x="2112" y="1233"/>
                  <a:pt x="2114" y="1233"/>
                </a:cubicBezTo>
                <a:cubicBezTo>
                  <a:pt x="2115" y="1233"/>
                  <a:pt x="2115" y="1233"/>
                  <a:pt x="2116" y="1234"/>
                </a:cubicBezTo>
                <a:cubicBezTo>
                  <a:pt x="2116" y="1234"/>
                  <a:pt x="2116" y="1234"/>
                  <a:pt x="2116" y="1235"/>
                </a:cubicBezTo>
                <a:cubicBezTo>
                  <a:pt x="2117" y="1236"/>
                  <a:pt x="2118" y="1236"/>
                  <a:pt x="2119" y="1236"/>
                </a:cubicBezTo>
                <a:cubicBezTo>
                  <a:pt x="2121" y="1238"/>
                  <a:pt x="2121" y="1241"/>
                  <a:pt x="2121" y="1243"/>
                </a:cubicBezTo>
                <a:cubicBezTo>
                  <a:pt x="2120" y="1245"/>
                  <a:pt x="2120" y="1246"/>
                  <a:pt x="2121" y="1247"/>
                </a:cubicBezTo>
                <a:cubicBezTo>
                  <a:pt x="2122" y="1248"/>
                  <a:pt x="2123" y="1249"/>
                  <a:pt x="2123" y="1250"/>
                </a:cubicBezTo>
                <a:cubicBezTo>
                  <a:pt x="2124" y="1251"/>
                  <a:pt x="2123" y="1253"/>
                  <a:pt x="2124" y="1254"/>
                </a:cubicBezTo>
                <a:cubicBezTo>
                  <a:pt x="2124" y="1256"/>
                  <a:pt x="2125" y="1257"/>
                  <a:pt x="2126" y="1259"/>
                </a:cubicBezTo>
                <a:cubicBezTo>
                  <a:pt x="2128" y="1261"/>
                  <a:pt x="2129" y="1262"/>
                  <a:pt x="2132" y="1263"/>
                </a:cubicBezTo>
                <a:cubicBezTo>
                  <a:pt x="2134" y="1264"/>
                  <a:pt x="2136" y="1265"/>
                  <a:pt x="2138" y="1267"/>
                </a:cubicBezTo>
                <a:cubicBezTo>
                  <a:pt x="2139" y="1268"/>
                  <a:pt x="2141" y="1270"/>
                  <a:pt x="2143" y="1272"/>
                </a:cubicBezTo>
                <a:cubicBezTo>
                  <a:pt x="2144" y="1273"/>
                  <a:pt x="2145" y="1276"/>
                  <a:pt x="2143" y="1277"/>
                </a:cubicBezTo>
                <a:close/>
                <a:moveTo>
                  <a:pt x="2337" y="1080"/>
                </a:moveTo>
                <a:cubicBezTo>
                  <a:pt x="2335" y="1082"/>
                  <a:pt x="2336" y="1084"/>
                  <a:pt x="2334" y="1086"/>
                </a:cubicBezTo>
                <a:cubicBezTo>
                  <a:pt x="2333" y="1089"/>
                  <a:pt x="2331" y="1088"/>
                  <a:pt x="2328" y="1088"/>
                </a:cubicBezTo>
                <a:cubicBezTo>
                  <a:pt x="2326" y="1088"/>
                  <a:pt x="2325" y="1089"/>
                  <a:pt x="2324" y="1091"/>
                </a:cubicBezTo>
                <a:cubicBezTo>
                  <a:pt x="2323" y="1093"/>
                  <a:pt x="2320" y="1095"/>
                  <a:pt x="2318" y="1096"/>
                </a:cubicBezTo>
                <a:cubicBezTo>
                  <a:pt x="2317" y="1096"/>
                  <a:pt x="2316" y="1096"/>
                  <a:pt x="2314" y="1097"/>
                </a:cubicBezTo>
                <a:cubicBezTo>
                  <a:pt x="2313" y="1098"/>
                  <a:pt x="2313" y="1101"/>
                  <a:pt x="2310" y="1101"/>
                </a:cubicBezTo>
                <a:cubicBezTo>
                  <a:pt x="2308" y="1101"/>
                  <a:pt x="2306" y="1099"/>
                  <a:pt x="2304" y="1099"/>
                </a:cubicBezTo>
                <a:cubicBezTo>
                  <a:pt x="2302" y="1099"/>
                  <a:pt x="2300" y="1099"/>
                  <a:pt x="2299" y="1099"/>
                </a:cubicBezTo>
                <a:cubicBezTo>
                  <a:pt x="2297" y="1099"/>
                  <a:pt x="2296" y="1097"/>
                  <a:pt x="2295" y="1098"/>
                </a:cubicBezTo>
                <a:cubicBezTo>
                  <a:pt x="2291" y="1098"/>
                  <a:pt x="2294" y="1099"/>
                  <a:pt x="2294" y="1100"/>
                </a:cubicBezTo>
                <a:cubicBezTo>
                  <a:pt x="2295" y="1104"/>
                  <a:pt x="2292" y="1101"/>
                  <a:pt x="2291" y="1103"/>
                </a:cubicBezTo>
                <a:cubicBezTo>
                  <a:pt x="2290" y="1104"/>
                  <a:pt x="2292" y="1106"/>
                  <a:pt x="2292" y="1107"/>
                </a:cubicBezTo>
                <a:cubicBezTo>
                  <a:pt x="2292" y="1109"/>
                  <a:pt x="2290" y="1110"/>
                  <a:pt x="2291" y="1112"/>
                </a:cubicBezTo>
                <a:cubicBezTo>
                  <a:pt x="2293" y="1114"/>
                  <a:pt x="2297" y="1111"/>
                  <a:pt x="2300" y="1112"/>
                </a:cubicBezTo>
                <a:cubicBezTo>
                  <a:pt x="2303" y="1113"/>
                  <a:pt x="2304" y="1117"/>
                  <a:pt x="2304" y="1120"/>
                </a:cubicBezTo>
                <a:cubicBezTo>
                  <a:pt x="2303" y="1123"/>
                  <a:pt x="2302" y="1126"/>
                  <a:pt x="2302" y="1129"/>
                </a:cubicBezTo>
                <a:cubicBezTo>
                  <a:pt x="2302" y="1131"/>
                  <a:pt x="2300" y="1133"/>
                  <a:pt x="2300" y="1136"/>
                </a:cubicBezTo>
                <a:cubicBezTo>
                  <a:pt x="2300" y="1138"/>
                  <a:pt x="2301" y="1139"/>
                  <a:pt x="2302" y="1141"/>
                </a:cubicBezTo>
                <a:cubicBezTo>
                  <a:pt x="2303" y="1144"/>
                  <a:pt x="2303" y="1148"/>
                  <a:pt x="2302" y="1151"/>
                </a:cubicBezTo>
                <a:cubicBezTo>
                  <a:pt x="2302" y="1153"/>
                  <a:pt x="2301" y="1154"/>
                  <a:pt x="2300" y="1156"/>
                </a:cubicBezTo>
                <a:cubicBezTo>
                  <a:pt x="2300" y="1158"/>
                  <a:pt x="2300" y="1160"/>
                  <a:pt x="2298" y="1161"/>
                </a:cubicBezTo>
                <a:cubicBezTo>
                  <a:pt x="2297" y="1162"/>
                  <a:pt x="2295" y="1162"/>
                  <a:pt x="2295" y="1163"/>
                </a:cubicBezTo>
                <a:cubicBezTo>
                  <a:pt x="2294" y="1165"/>
                  <a:pt x="2296" y="1167"/>
                  <a:pt x="2294" y="1168"/>
                </a:cubicBezTo>
                <a:cubicBezTo>
                  <a:pt x="2291" y="1169"/>
                  <a:pt x="2292" y="1165"/>
                  <a:pt x="2290" y="1165"/>
                </a:cubicBezTo>
                <a:cubicBezTo>
                  <a:pt x="2289" y="1164"/>
                  <a:pt x="2287" y="1166"/>
                  <a:pt x="2286" y="1166"/>
                </a:cubicBezTo>
                <a:cubicBezTo>
                  <a:pt x="2284" y="1165"/>
                  <a:pt x="2284" y="1164"/>
                  <a:pt x="2283" y="1162"/>
                </a:cubicBezTo>
                <a:cubicBezTo>
                  <a:pt x="2283" y="1160"/>
                  <a:pt x="2282" y="1159"/>
                  <a:pt x="2281" y="1157"/>
                </a:cubicBezTo>
                <a:cubicBezTo>
                  <a:pt x="2279" y="1155"/>
                  <a:pt x="2277" y="1152"/>
                  <a:pt x="2276" y="1149"/>
                </a:cubicBezTo>
                <a:cubicBezTo>
                  <a:pt x="2275" y="1146"/>
                  <a:pt x="2276" y="1143"/>
                  <a:pt x="2277" y="1140"/>
                </a:cubicBezTo>
                <a:cubicBezTo>
                  <a:pt x="2277" y="1137"/>
                  <a:pt x="2277" y="1134"/>
                  <a:pt x="2279" y="1131"/>
                </a:cubicBezTo>
                <a:cubicBezTo>
                  <a:pt x="2280" y="1129"/>
                  <a:pt x="2285" y="1125"/>
                  <a:pt x="2284" y="1123"/>
                </a:cubicBezTo>
                <a:cubicBezTo>
                  <a:pt x="2283" y="1121"/>
                  <a:pt x="2281" y="1122"/>
                  <a:pt x="2281" y="1121"/>
                </a:cubicBezTo>
                <a:cubicBezTo>
                  <a:pt x="2280" y="1119"/>
                  <a:pt x="2281" y="1118"/>
                  <a:pt x="2282" y="1117"/>
                </a:cubicBezTo>
                <a:cubicBezTo>
                  <a:pt x="2283" y="1112"/>
                  <a:pt x="2276" y="1109"/>
                  <a:pt x="2274" y="1105"/>
                </a:cubicBezTo>
                <a:cubicBezTo>
                  <a:pt x="2274" y="1103"/>
                  <a:pt x="2273" y="1100"/>
                  <a:pt x="2271" y="1102"/>
                </a:cubicBezTo>
                <a:cubicBezTo>
                  <a:pt x="2270" y="1104"/>
                  <a:pt x="2272" y="1106"/>
                  <a:pt x="2270" y="1108"/>
                </a:cubicBezTo>
                <a:cubicBezTo>
                  <a:pt x="2270" y="1106"/>
                  <a:pt x="2270" y="1103"/>
                  <a:pt x="2268" y="1104"/>
                </a:cubicBezTo>
                <a:cubicBezTo>
                  <a:pt x="2266" y="1108"/>
                  <a:pt x="2269" y="1110"/>
                  <a:pt x="2264" y="1112"/>
                </a:cubicBezTo>
                <a:cubicBezTo>
                  <a:pt x="2261" y="1114"/>
                  <a:pt x="2260" y="1117"/>
                  <a:pt x="2260" y="1121"/>
                </a:cubicBezTo>
                <a:cubicBezTo>
                  <a:pt x="2261" y="1124"/>
                  <a:pt x="2264" y="1126"/>
                  <a:pt x="2261" y="1130"/>
                </a:cubicBezTo>
                <a:cubicBezTo>
                  <a:pt x="2260" y="1130"/>
                  <a:pt x="2258" y="1132"/>
                  <a:pt x="2259" y="1134"/>
                </a:cubicBezTo>
                <a:cubicBezTo>
                  <a:pt x="2260" y="1136"/>
                  <a:pt x="2262" y="1132"/>
                  <a:pt x="2263" y="1132"/>
                </a:cubicBezTo>
                <a:cubicBezTo>
                  <a:pt x="2266" y="1132"/>
                  <a:pt x="2263" y="1135"/>
                  <a:pt x="2262" y="1135"/>
                </a:cubicBezTo>
                <a:cubicBezTo>
                  <a:pt x="2261" y="1137"/>
                  <a:pt x="2261" y="1138"/>
                  <a:pt x="2262" y="1140"/>
                </a:cubicBezTo>
                <a:cubicBezTo>
                  <a:pt x="2263" y="1141"/>
                  <a:pt x="2265" y="1143"/>
                  <a:pt x="2263" y="1144"/>
                </a:cubicBezTo>
                <a:cubicBezTo>
                  <a:pt x="2261" y="1144"/>
                  <a:pt x="2261" y="1142"/>
                  <a:pt x="2260" y="1141"/>
                </a:cubicBezTo>
                <a:cubicBezTo>
                  <a:pt x="2258" y="1140"/>
                  <a:pt x="2256" y="1141"/>
                  <a:pt x="2257" y="1143"/>
                </a:cubicBezTo>
                <a:cubicBezTo>
                  <a:pt x="2258" y="1144"/>
                  <a:pt x="2260" y="1144"/>
                  <a:pt x="2259" y="1146"/>
                </a:cubicBezTo>
                <a:cubicBezTo>
                  <a:pt x="2259" y="1148"/>
                  <a:pt x="2257" y="1148"/>
                  <a:pt x="2256" y="1150"/>
                </a:cubicBezTo>
                <a:cubicBezTo>
                  <a:pt x="2255" y="1152"/>
                  <a:pt x="2253" y="1154"/>
                  <a:pt x="2250" y="1154"/>
                </a:cubicBezTo>
                <a:cubicBezTo>
                  <a:pt x="2246" y="1154"/>
                  <a:pt x="2246" y="1151"/>
                  <a:pt x="2247" y="1148"/>
                </a:cubicBezTo>
                <a:cubicBezTo>
                  <a:pt x="2248" y="1146"/>
                  <a:pt x="2249" y="1146"/>
                  <a:pt x="2248" y="1144"/>
                </a:cubicBezTo>
                <a:cubicBezTo>
                  <a:pt x="2248" y="1142"/>
                  <a:pt x="2247" y="1141"/>
                  <a:pt x="2246" y="1139"/>
                </a:cubicBezTo>
                <a:cubicBezTo>
                  <a:pt x="2246" y="1136"/>
                  <a:pt x="2249" y="1134"/>
                  <a:pt x="2249" y="1130"/>
                </a:cubicBezTo>
                <a:cubicBezTo>
                  <a:pt x="2249" y="1128"/>
                  <a:pt x="2250" y="1128"/>
                  <a:pt x="2251" y="1126"/>
                </a:cubicBezTo>
                <a:cubicBezTo>
                  <a:pt x="2252" y="1125"/>
                  <a:pt x="2252" y="1123"/>
                  <a:pt x="2252" y="1122"/>
                </a:cubicBezTo>
                <a:cubicBezTo>
                  <a:pt x="2255" y="1116"/>
                  <a:pt x="2260" y="1112"/>
                  <a:pt x="2260" y="1105"/>
                </a:cubicBezTo>
                <a:cubicBezTo>
                  <a:pt x="2260" y="1102"/>
                  <a:pt x="2262" y="1099"/>
                  <a:pt x="2265" y="1099"/>
                </a:cubicBezTo>
                <a:cubicBezTo>
                  <a:pt x="2266" y="1099"/>
                  <a:pt x="2267" y="1099"/>
                  <a:pt x="2268" y="1099"/>
                </a:cubicBezTo>
                <a:cubicBezTo>
                  <a:pt x="2269" y="1099"/>
                  <a:pt x="2269" y="1098"/>
                  <a:pt x="2270" y="1098"/>
                </a:cubicBezTo>
                <a:cubicBezTo>
                  <a:pt x="2272" y="1097"/>
                  <a:pt x="2273" y="1098"/>
                  <a:pt x="2275" y="1098"/>
                </a:cubicBezTo>
                <a:cubicBezTo>
                  <a:pt x="2276" y="1098"/>
                  <a:pt x="2277" y="1097"/>
                  <a:pt x="2278" y="1096"/>
                </a:cubicBezTo>
                <a:cubicBezTo>
                  <a:pt x="2279" y="1099"/>
                  <a:pt x="2275" y="1101"/>
                  <a:pt x="2276" y="1104"/>
                </a:cubicBezTo>
                <a:cubicBezTo>
                  <a:pt x="2276" y="1106"/>
                  <a:pt x="2277" y="1107"/>
                  <a:pt x="2279" y="1106"/>
                </a:cubicBezTo>
                <a:cubicBezTo>
                  <a:pt x="2279" y="1106"/>
                  <a:pt x="2280" y="1105"/>
                  <a:pt x="2280" y="1105"/>
                </a:cubicBezTo>
                <a:cubicBezTo>
                  <a:pt x="2282" y="1105"/>
                  <a:pt x="2281" y="1106"/>
                  <a:pt x="2281" y="1107"/>
                </a:cubicBezTo>
                <a:cubicBezTo>
                  <a:pt x="2282" y="1107"/>
                  <a:pt x="2281" y="1108"/>
                  <a:pt x="2282" y="1108"/>
                </a:cubicBezTo>
                <a:cubicBezTo>
                  <a:pt x="2283" y="1109"/>
                  <a:pt x="2284" y="1107"/>
                  <a:pt x="2284" y="1107"/>
                </a:cubicBezTo>
                <a:cubicBezTo>
                  <a:pt x="2285" y="1106"/>
                  <a:pt x="2284" y="1106"/>
                  <a:pt x="2285" y="1105"/>
                </a:cubicBezTo>
                <a:cubicBezTo>
                  <a:pt x="2286" y="1104"/>
                  <a:pt x="2286" y="1105"/>
                  <a:pt x="2287" y="1105"/>
                </a:cubicBezTo>
                <a:cubicBezTo>
                  <a:pt x="2289" y="1105"/>
                  <a:pt x="2289" y="1104"/>
                  <a:pt x="2288" y="1102"/>
                </a:cubicBezTo>
                <a:cubicBezTo>
                  <a:pt x="2288" y="1100"/>
                  <a:pt x="2288" y="1099"/>
                  <a:pt x="2289" y="1097"/>
                </a:cubicBezTo>
                <a:cubicBezTo>
                  <a:pt x="2292" y="1094"/>
                  <a:pt x="2291" y="1093"/>
                  <a:pt x="2289" y="1090"/>
                </a:cubicBezTo>
                <a:cubicBezTo>
                  <a:pt x="2288" y="1088"/>
                  <a:pt x="2287" y="1087"/>
                  <a:pt x="2286" y="1086"/>
                </a:cubicBezTo>
                <a:cubicBezTo>
                  <a:pt x="2285" y="1085"/>
                  <a:pt x="2285" y="1084"/>
                  <a:pt x="2287" y="1084"/>
                </a:cubicBezTo>
                <a:cubicBezTo>
                  <a:pt x="2291" y="1085"/>
                  <a:pt x="2292" y="1087"/>
                  <a:pt x="2293" y="1090"/>
                </a:cubicBezTo>
                <a:cubicBezTo>
                  <a:pt x="2293" y="1092"/>
                  <a:pt x="2292" y="1094"/>
                  <a:pt x="2294" y="1095"/>
                </a:cubicBezTo>
                <a:cubicBezTo>
                  <a:pt x="2296" y="1095"/>
                  <a:pt x="2297" y="1094"/>
                  <a:pt x="2299" y="1093"/>
                </a:cubicBezTo>
                <a:cubicBezTo>
                  <a:pt x="2300" y="1093"/>
                  <a:pt x="2302" y="1094"/>
                  <a:pt x="2303" y="1094"/>
                </a:cubicBezTo>
                <a:cubicBezTo>
                  <a:pt x="2305" y="1094"/>
                  <a:pt x="2306" y="1093"/>
                  <a:pt x="2307" y="1093"/>
                </a:cubicBezTo>
                <a:cubicBezTo>
                  <a:pt x="2311" y="1091"/>
                  <a:pt x="2314" y="1093"/>
                  <a:pt x="2318" y="1093"/>
                </a:cubicBezTo>
                <a:cubicBezTo>
                  <a:pt x="2319" y="1093"/>
                  <a:pt x="2321" y="1092"/>
                  <a:pt x="2322" y="1091"/>
                </a:cubicBezTo>
                <a:cubicBezTo>
                  <a:pt x="2324" y="1089"/>
                  <a:pt x="2324" y="1086"/>
                  <a:pt x="2322" y="1083"/>
                </a:cubicBezTo>
                <a:cubicBezTo>
                  <a:pt x="2319" y="1079"/>
                  <a:pt x="2318" y="1085"/>
                  <a:pt x="2314" y="1085"/>
                </a:cubicBezTo>
                <a:cubicBezTo>
                  <a:pt x="2313" y="1084"/>
                  <a:pt x="2312" y="1082"/>
                  <a:pt x="2311" y="1081"/>
                </a:cubicBezTo>
                <a:cubicBezTo>
                  <a:pt x="2310" y="1080"/>
                  <a:pt x="2308" y="1081"/>
                  <a:pt x="2306" y="1081"/>
                </a:cubicBezTo>
                <a:cubicBezTo>
                  <a:pt x="2302" y="1083"/>
                  <a:pt x="2300" y="1083"/>
                  <a:pt x="2299" y="1079"/>
                </a:cubicBezTo>
                <a:cubicBezTo>
                  <a:pt x="2298" y="1074"/>
                  <a:pt x="2301" y="1074"/>
                  <a:pt x="2304" y="1072"/>
                </a:cubicBezTo>
                <a:cubicBezTo>
                  <a:pt x="2308" y="1069"/>
                  <a:pt x="2310" y="1072"/>
                  <a:pt x="2310" y="1076"/>
                </a:cubicBezTo>
                <a:cubicBezTo>
                  <a:pt x="2310" y="1078"/>
                  <a:pt x="2311" y="1079"/>
                  <a:pt x="2313" y="1077"/>
                </a:cubicBezTo>
                <a:cubicBezTo>
                  <a:pt x="2314" y="1075"/>
                  <a:pt x="2314" y="1075"/>
                  <a:pt x="2316" y="1075"/>
                </a:cubicBezTo>
                <a:cubicBezTo>
                  <a:pt x="2318" y="1075"/>
                  <a:pt x="2319" y="1076"/>
                  <a:pt x="2321" y="1074"/>
                </a:cubicBezTo>
                <a:cubicBezTo>
                  <a:pt x="2322" y="1072"/>
                  <a:pt x="2320" y="1071"/>
                  <a:pt x="2318" y="1071"/>
                </a:cubicBezTo>
                <a:cubicBezTo>
                  <a:pt x="2317" y="1070"/>
                  <a:pt x="2314" y="1070"/>
                  <a:pt x="2316" y="1068"/>
                </a:cubicBezTo>
                <a:cubicBezTo>
                  <a:pt x="2318" y="1067"/>
                  <a:pt x="2319" y="1069"/>
                  <a:pt x="2320" y="1070"/>
                </a:cubicBezTo>
                <a:cubicBezTo>
                  <a:pt x="2321" y="1071"/>
                  <a:pt x="2323" y="1070"/>
                  <a:pt x="2324" y="1071"/>
                </a:cubicBezTo>
                <a:cubicBezTo>
                  <a:pt x="2325" y="1073"/>
                  <a:pt x="2323" y="1075"/>
                  <a:pt x="2323" y="1076"/>
                </a:cubicBezTo>
                <a:cubicBezTo>
                  <a:pt x="2324" y="1079"/>
                  <a:pt x="2329" y="1080"/>
                  <a:pt x="2331" y="1080"/>
                </a:cubicBezTo>
                <a:cubicBezTo>
                  <a:pt x="2333" y="1080"/>
                  <a:pt x="2335" y="1080"/>
                  <a:pt x="2336" y="1078"/>
                </a:cubicBezTo>
                <a:cubicBezTo>
                  <a:pt x="2337" y="1077"/>
                  <a:pt x="2339" y="1075"/>
                  <a:pt x="2340" y="1075"/>
                </a:cubicBezTo>
                <a:cubicBezTo>
                  <a:pt x="2341" y="1078"/>
                  <a:pt x="2339" y="1078"/>
                  <a:pt x="2337" y="1080"/>
                </a:cubicBezTo>
                <a:close/>
                <a:moveTo>
                  <a:pt x="2138" y="2"/>
                </a:moveTo>
                <a:cubicBezTo>
                  <a:pt x="2138" y="2"/>
                  <a:pt x="2138" y="2"/>
                  <a:pt x="2138" y="3"/>
                </a:cubicBezTo>
                <a:cubicBezTo>
                  <a:pt x="2142" y="3"/>
                  <a:pt x="2142" y="3"/>
                  <a:pt x="2142" y="3"/>
                </a:cubicBezTo>
                <a:cubicBezTo>
                  <a:pt x="2140" y="2"/>
                  <a:pt x="2136" y="0"/>
                  <a:pt x="2138" y="2"/>
                </a:cubicBezTo>
                <a:close/>
              </a:path>
            </a:pathLst>
          </a:custGeom>
          <a:gradFill flip="none" rotWithShape="1">
            <a:gsLst>
              <a:gs pos="0">
                <a:schemeClr val="bg1">
                  <a:lumMod val="95000"/>
                </a:schemeClr>
              </a:gs>
              <a:gs pos="100000">
                <a:schemeClr val="bg1">
                  <a:lumMod val="8500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vert="horz" wrap="square" lIns="68598" tIns="34299" rIns="68598" bIns="34299" numCol="1" anchor="t" anchorCtr="0" compatLnSpc="1">
            <a:prstTxWarp prst="textNoShape">
              <a:avLst/>
            </a:prstTxWarp>
          </a:bodyPr>
          <a:lstStyle/>
          <a:p>
            <a:pPr algn="r" rtl="1" fontAlgn="auto">
              <a:spcBef>
                <a:spcPts val="0"/>
              </a:spcBef>
              <a:spcAft>
                <a:spcPts val="0"/>
              </a:spcAft>
            </a:pPr>
            <a:endParaRPr lang="he-IL" sz="1350">
              <a:solidFill>
                <a:prstClr val="white"/>
              </a:solidFill>
              <a:latin typeface="Tahoma" panose="020B0604030504040204" pitchFamily="34" charset="0"/>
              <a:ea typeface="Tahoma" panose="020B0604030504040204" pitchFamily="34" charset="0"/>
              <a:cs typeface="Tahoma" panose="020B0604030504040204" pitchFamily="34" charset="0"/>
            </a:endParaRPr>
          </a:p>
        </p:txBody>
      </p:sp>
      <p:sp>
        <p:nvSpPr>
          <p:cNvPr id="2" name="כותרת 1"/>
          <p:cNvSpPr>
            <a:spLocks noGrp="1"/>
          </p:cNvSpPr>
          <p:nvPr>
            <p:ph type="ctrTitle"/>
          </p:nvPr>
        </p:nvSpPr>
        <p:spPr>
          <a:xfrm>
            <a:off x="913448" y="1828800"/>
            <a:ext cx="7317105" cy="3048001"/>
          </a:xfrm>
        </p:spPr>
        <p:txBody>
          <a:bodyPr>
            <a:normAutofit/>
          </a:bodyPr>
          <a:lstStyle>
            <a:lvl1pPr algn="r" latinLnBrk="0">
              <a:defRPr lang="he-IL" sz="3301">
                <a:latin typeface="Tahoma" panose="020B0604030504040204" pitchFamily="34" charset="0"/>
                <a:ea typeface="Tahoma" panose="020B0604030504040204" pitchFamily="34" charset="0"/>
                <a:cs typeface="Tahoma" panose="020B0604030504040204" pitchFamily="34" charset="0"/>
              </a:defRPr>
            </a:lvl1pPr>
          </a:lstStyle>
          <a:p>
            <a:pPr algn="r" rtl="1"/>
            <a:r>
              <a:rPr lang="he-IL" smtClean="0"/>
              <a:t>לחץ כדי לערוך סגנון כותרת של תבנית בסיס</a:t>
            </a:r>
            <a:endParaRPr lang="he-IL"/>
          </a:p>
        </p:txBody>
      </p:sp>
      <p:sp>
        <p:nvSpPr>
          <p:cNvPr id="3" name="כותרת משנה 2"/>
          <p:cNvSpPr>
            <a:spLocks noGrp="1"/>
          </p:cNvSpPr>
          <p:nvPr>
            <p:ph type="subTitle" idx="1"/>
          </p:nvPr>
        </p:nvSpPr>
        <p:spPr>
          <a:xfrm>
            <a:off x="913449" y="5029200"/>
            <a:ext cx="5887983" cy="1143000"/>
          </a:xfrm>
        </p:spPr>
        <p:txBody>
          <a:bodyPr>
            <a:normAutofit/>
          </a:bodyPr>
          <a:lstStyle>
            <a:lvl1pPr marL="0" indent="0" algn="r" latinLnBrk="0">
              <a:spcBef>
                <a:spcPts val="0"/>
              </a:spcBef>
              <a:buNone/>
              <a:defRPr lang="he-IL" sz="1500">
                <a:solidFill>
                  <a:schemeClr val="tx1"/>
                </a:solidFill>
                <a:latin typeface="Tahoma" panose="020B0604030504040204" pitchFamily="34" charset="0"/>
                <a:ea typeface="Tahoma" panose="020B0604030504040204" pitchFamily="34" charset="0"/>
                <a:cs typeface="Tahoma" panose="020B0604030504040204" pitchFamily="34" charset="0"/>
              </a:defRPr>
            </a:lvl1pPr>
            <a:lvl2pPr marL="342991" indent="0" algn="r" latinLnBrk="0">
              <a:buNone/>
              <a:defRPr lang="he-IL">
                <a:solidFill>
                  <a:schemeClr val="tx1">
                    <a:tint val="75000"/>
                  </a:schemeClr>
                </a:solidFill>
              </a:defRPr>
            </a:lvl2pPr>
            <a:lvl3pPr marL="685983" indent="0" algn="r" latinLnBrk="0">
              <a:buNone/>
              <a:defRPr lang="he-IL">
                <a:solidFill>
                  <a:schemeClr val="tx1">
                    <a:tint val="75000"/>
                  </a:schemeClr>
                </a:solidFill>
              </a:defRPr>
            </a:lvl3pPr>
            <a:lvl4pPr marL="1028974" indent="0" algn="r" latinLnBrk="0">
              <a:buNone/>
              <a:defRPr lang="he-IL">
                <a:solidFill>
                  <a:schemeClr val="tx1">
                    <a:tint val="75000"/>
                  </a:schemeClr>
                </a:solidFill>
              </a:defRPr>
            </a:lvl4pPr>
            <a:lvl5pPr marL="1371966" indent="0" algn="r" latinLnBrk="0">
              <a:buNone/>
              <a:defRPr lang="he-IL">
                <a:solidFill>
                  <a:schemeClr val="tx1">
                    <a:tint val="75000"/>
                  </a:schemeClr>
                </a:solidFill>
              </a:defRPr>
            </a:lvl5pPr>
            <a:lvl6pPr marL="1714957" indent="0" algn="r" latinLnBrk="0">
              <a:buNone/>
              <a:defRPr lang="he-IL">
                <a:solidFill>
                  <a:schemeClr val="tx1">
                    <a:tint val="75000"/>
                  </a:schemeClr>
                </a:solidFill>
              </a:defRPr>
            </a:lvl6pPr>
            <a:lvl7pPr marL="2057949" indent="0" algn="r" latinLnBrk="0">
              <a:buNone/>
              <a:defRPr lang="he-IL">
                <a:solidFill>
                  <a:schemeClr val="tx1">
                    <a:tint val="75000"/>
                  </a:schemeClr>
                </a:solidFill>
              </a:defRPr>
            </a:lvl7pPr>
            <a:lvl8pPr marL="2400940" indent="0" algn="r" latinLnBrk="0">
              <a:buNone/>
              <a:defRPr lang="he-IL">
                <a:solidFill>
                  <a:schemeClr val="tx1">
                    <a:tint val="75000"/>
                  </a:schemeClr>
                </a:solidFill>
              </a:defRPr>
            </a:lvl8pPr>
            <a:lvl9pPr marL="2743932" indent="0" algn="r" latinLnBrk="0">
              <a:buNone/>
              <a:defRPr lang="he-IL">
                <a:solidFill>
                  <a:schemeClr val="tx1">
                    <a:tint val="75000"/>
                  </a:schemeClr>
                </a:solidFill>
              </a:defRPr>
            </a:lvl9pPr>
          </a:lstStyle>
          <a:p>
            <a:pPr algn="r" rtl="1"/>
            <a:r>
              <a:rPr lang="he-IL" smtClean="0"/>
              <a:t>לחץ כדי לערוך סגנון כותרת משנה של תבנית בסיס</a:t>
            </a:r>
            <a:endParaRPr lang="he-IL"/>
          </a:p>
        </p:txBody>
      </p:sp>
    </p:spTree>
    <p:extLst>
      <p:ext uri="{BB962C8B-B14F-4D97-AF65-F5344CB8AC3E}">
        <p14:creationId xmlns:p14="http://schemas.microsoft.com/office/powerpoint/2010/main" val="15056925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18.xml><?xml version="1.0" encoding="utf-8"?>
<p:sldLayout xmlns:a="http://schemas.openxmlformats.org/drawingml/2006/main" xmlns:r="http://schemas.openxmlformats.org/officeDocument/2006/relationships" xmlns:p="http://schemas.openxmlformats.org/presentationml/2006/main" type="obj" preserve="1">
  <p:cSld name="כותרת ותוכן">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pPr algn="r" rtl="1"/>
            <a:r>
              <a:rPr lang="he-IL" smtClean="0"/>
              <a:t>לחץ כדי לערוך סגנון כותרת של תבנית בסיס</a:t>
            </a:r>
            <a:endParaRPr lang="he-IL"/>
          </a:p>
        </p:txBody>
      </p:sp>
      <p:sp>
        <p:nvSpPr>
          <p:cNvPr id="3" name="מציין מיקום תוכן 2"/>
          <p:cNvSpPr>
            <a:spLocks noGrp="1"/>
          </p:cNvSpPr>
          <p:nvPr>
            <p:ph idx="1"/>
          </p:nvPr>
        </p:nvSpPr>
        <p:spPr/>
        <p:txBody>
          <a:bodyPr/>
          <a:lstStyle>
            <a:lvl5pPr algn="r" latinLnBrk="0">
              <a:defRPr lang="he-IL"/>
            </a:lvl5pPr>
            <a:lvl6pPr algn="r" latinLnBrk="0">
              <a:defRPr lang="he-IL"/>
            </a:lvl6pPr>
            <a:lvl7pPr algn="r" latinLnBrk="0">
              <a:defRPr lang="he-IL" baseline="0"/>
            </a:lvl7pPr>
            <a:lvl8pPr algn="r" latinLnBrk="0">
              <a:defRPr lang="he-IL" baseline="0"/>
            </a:lvl8pPr>
            <a:lvl9pPr algn="r" latinLnBrk="0">
              <a:defRPr lang="he-IL" baseline="0"/>
            </a:lvl9pPr>
          </a:lstStyle>
          <a:p>
            <a:pPr lvl="0" algn="r" rtl="1"/>
            <a:r>
              <a:rPr lang="he-IL" smtClean="0"/>
              <a:t>לחץ כדי לערוך סגנונות טקסט של תבנית בסיס</a:t>
            </a:r>
          </a:p>
          <a:p>
            <a:pPr lvl="1" algn="r" rtl="1"/>
            <a:r>
              <a:rPr lang="he-IL" smtClean="0"/>
              <a:t>רמה שנייה</a:t>
            </a:r>
          </a:p>
          <a:p>
            <a:pPr lvl="2" algn="r" rtl="1"/>
            <a:r>
              <a:rPr lang="he-IL" smtClean="0"/>
              <a:t>רמה שלישית</a:t>
            </a:r>
          </a:p>
          <a:p>
            <a:pPr lvl="3" algn="r" rtl="1"/>
            <a:r>
              <a:rPr lang="he-IL" smtClean="0"/>
              <a:t>רמה רביעית</a:t>
            </a:r>
          </a:p>
          <a:p>
            <a:pPr lvl="4" algn="r" rtl="1"/>
            <a:r>
              <a:rPr lang="he-IL" smtClean="0"/>
              <a:t>רמה חמישית</a:t>
            </a:r>
            <a:endParaRPr lang="he-IL"/>
          </a:p>
        </p:txBody>
      </p:sp>
      <p:sp>
        <p:nvSpPr>
          <p:cNvPr id="4" name="מציין מיקום תאריך 3"/>
          <p:cNvSpPr>
            <a:spLocks noGrp="1"/>
          </p:cNvSpPr>
          <p:nvPr>
            <p:ph type="dt" sz="half" idx="10"/>
          </p:nvPr>
        </p:nvSpPr>
        <p:spPr/>
        <p:txBody>
          <a:bodyPr/>
          <a:lstStyle/>
          <a:p>
            <a:pPr rtl="1"/>
            <a:fld id="{EDF33987-6305-4E2A-BF18-EF013ECE927B}" type="datetimeFigureOut">
              <a:rPr lang="he-IL">
                <a:solidFill>
                  <a:srgbClr val="545454"/>
                </a:solidFill>
              </a:rPr>
              <a:pPr rtl="1"/>
              <a:t>כ"ב/שבט/תשע"ו</a:t>
            </a:fld>
            <a:endParaRPr>
              <a:solidFill>
                <a:srgbClr val="545454"/>
              </a:solidFill>
            </a:endParaRPr>
          </a:p>
        </p:txBody>
      </p:sp>
      <p:sp>
        <p:nvSpPr>
          <p:cNvPr id="5" name="מציין מיקום כותרת תחתונה 4"/>
          <p:cNvSpPr>
            <a:spLocks noGrp="1"/>
          </p:cNvSpPr>
          <p:nvPr>
            <p:ph type="ftr" sz="quarter" idx="11"/>
          </p:nvPr>
        </p:nvSpPr>
        <p:spPr/>
        <p:txBody>
          <a:bodyPr/>
          <a:lstStyle/>
          <a:p>
            <a:pPr rtl="1"/>
            <a:endParaRPr>
              <a:solidFill>
                <a:srgbClr val="545454"/>
              </a:solidFill>
            </a:endParaRPr>
          </a:p>
        </p:txBody>
      </p:sp>
      <p:sp>
        <p:nvSpPr>
          <p:cNvPr id="6" name="מציין מיקום מספר שקופית 5"/>
          <p:cNvSpPr>
            <a:spLocks noGrp="1"/>
          </p:cNvSpPr>
          <p:nvPr>
            <p:ph type="sldNum" sz="quarter" idx="12"/>
          </p:nvPr>
        </p:nvSpPr>
        <p:spPr/>
        <p:txBody>
          <a:bodyPr/>
          <a:lstStyle/>
          <a:p>
            <a:pPr rtl="1"/>
            <a:fld id="{F36C87F6-986D-49E6-AF40-1B3A1EE8064D}" type="slidenum">
              <a:rPr>
                <a:solidFill>
                  <a:srgbClr val="545454"/>
                </a:solidFill>
              </a:rPr>
              <a:pPr rtl="1"/>
              <a:t>‹#›</a:t>
            </a:fld>
            <a:endParaRPr>
              <a:solidFill>
                <a:srgbClr val="545454"/>
              </a:solidFill>
            </a:endParaRPr>
          </a:p>
        </p:txBody>
      </p:sp>
    </p:spTree>
    <p:extLst>
      <p:ext uri="{BB962C8B-B14F-4D97-AF65-F5344CB8AC3E}">
        <p14:creationId xmlns:p14="http://schemas.microsoft.com/office/powerpoint/2010/main" val="28419730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19.xml><?xml version="1.0" encoding="utf-8"?>
<p:sldLayout xmlns:a="http://schemas.openxmlformats.org/drawingml/2006/main" xmlns:r="http://schemas.openxmlformats.org/officeDocument/2006/relationships" xmlns:p="http://schemas.openxmlformats.org/presentationml/2006/main" type="secHead" preserve="1">
  <p:cSld name="כותרת עליונה של מקטע">
    <p:spTree>
      <p:nvGrpSpPr>
        <p:cNvPr id="1" name=""/>
        <p:cNvGrpSpPr/>
        <p:nvPr/>
      </p:nvGrpSpPr>
      <p:grpSpPr>
        <a:xfrm>
          <a:off x="0" y="0"/>
          <a:ext cx="0" cy="0"/>
          <a:chOff x="0" y="0"/>
          <a:chExt cx="0" cy="0"/>
        </a:xfrm>
      </p:grpSpPr>
      <p:sp>
        <p:nvSpPr>
          <p:cNvPr id="2" name="כותרת 1"/>
          <p:cNvSpPr>
            <a:spLocks noGrp="1"/>
          </p:cNvSpPr>
          <p:nvPr>
            <p:ph type="title"/>
          </p:nvPr>
        </p:nvSpPr>
        <p:spPr>
          <a:xfrm>
            <a:off x="913449" y="3429001"/>
            <a:ext cx="7317105" cy="2362199"/>
          </a:xfrm>
        </p:spPr>
        <p:txBody>
          <a:bodyPr anchor="b">
            <a:normAutofit/>
          </a:bodyPr>
          <a:lstStyle>
            <a:lvl1pPr algn="r" latinLnBrk="0">
              <a:defRPr lang="he-IL" sz="3301" b="0" cap="all"/>
            </a:lvl1pPr>
          </a:lstStyle>
          <a:p>
            <a:pPr algn="r" rtl="1"/>
            <a:r>
              <a:rPr lang="he-IL" smtClean="0"/>
              <a:t>לחץ כדי לערוך סגנון כותרת של תבנית בסיס</a:t>
            </a:r>
            <a:endParaRPr lang="he-IL"/>
          </a:p>
        </p:txBody>
      </p:sp>
      <p:sp>
        <p:nvSpPr>
          <p:cNvPr id="3" name="מציין מיקום טקסט 2"/>
          <p:cNvSpPr>
            <a:spLocks noGrp="1"/>
          </p:cNvSpPr>
          <p:nvPr>
            <p:ph type="body" idx="1"/>
          </p:nvPr>
        </p:nvSpPr>
        <p:spPr>
          <a:xfrm>
            <a:off x="910100" y="685802"/>
            <a:ext cx="5891331" cy="1142999"/>
          </a:xfrm>
        </p:spPr>
        <p:txBody>
          <a:bodyPr anchor="t"/>
          <a:lstStyle>
            <a:lvl1pPr marL="0" indent="0" algn="r" latinLnBrk="0">
              <a:spcBef>
                <a:spcPts val="0"/>
              </a:spcBef>
              <a:buNone/>
              <a:defRPr lang="he-IL" sz="1500">
                <a:solidFill>
                  <a:schemeClr val="tx1"/>
                </a:solidFill>
              </a:defRPr>
            </a:lvl1pPr>
            <a:lvl2pPr marL="342991" indent="0" algn="r" latinLnBrk="0">
              <a:buNone/>
              <a:defRPr lang="he-IL" sz="1350">
                <a:solidFill>
                  <a:schemeClr val="tx1">
                    <a:tint val="75000"/>
                  </a:schemeClr>
                </a:solidFill>
              </a:defRPr>
            </a:lvl2pPr>
            <a:lvl3pPr marL="685983" indent="0" algn="r" latinLnBrk="0">
              <a:buNone/>
              <a:defRPr lang="he-IL" sz="1200">
                <a:solidFill>
                  <a:schemeClr val="tx1">
                    <a:tint val="75000"/>
                  </a:schemeClr>
                </a:solidFill>
              </a:defRPr>
            </a:lvl3pPr>
            <a:lvl4pPr marL="1028974" indent="0" algn="r" latinLnBrk="0">
              <a:buNone/>
              <a:defRPr lang="he-IL" sz="1050">
                <a:solidFill>
                  <a:schemeClr val="tx1">
                    <a:tint val="75000"/>
                  </a:schemeClr>
                </a:solidFill>
              </a:defRPr>
            </a:lvl4pPr>
            <a:lvl5pPr marL="1371966" indent="0" algn="r" latinLnBrk="0">
              <a:buNone/>
              <a:defRPr lang="he-IL" sz="1050">
                <a:solidFill>
                  <a:schemeClr val="tx1">
                    <a:tint val="75000"/>
                  </a:schemeClr>
                </a:solidFill>
              </a:defRPr>
            </a:lvl5pPr>
            <a:lvl6pPr marL="1714957" indent="0" algn="r" latinLnBrk="0">
              <a:buNone/>
              <a:defRPr lang="he-IL" sz="1050">
                <a:solidFill>
                  <a:schemeClr val="tx1">
                    <a:tint val="75000"/>
                  </a:schemeClr>
                </a:solidFill>
              </a:defRPr>
            </a:lvl6pPr>
            <a:lvl7pPr marL="2057949" indent="0" algn="r" latinLnBrk="0">
              <a:buNone/>
              <a:defRPr lang="he-IL" sz="1050">
                <a:solidFill>
                  <a:schemeClr val="tx1">
                    <a:tint val="75000"/>
                  </a:schemeClr>
                </a:solidFill>
              </a:defRPr>
            </a:lvl7pPr>
            <a:lvl8pPr marL="2400940" indent="0" algn="r" latinLnBrk="0">
              <a:buNone/>
              <a:defRPr lang="he-IL" sz="1050">
                <a:solidFill>
                  <a:schemeClr val="tx1">
                    <a:tint val="75000"/>
                  </a:schemeClr>
                </a:solidFill>
              </a:defRPr>
            </a:lvl8pPr>
            <a:lvl9pPr marL="2743932" indent="0" algn="r" latinLnBrk="0">
              <a:buNone/>
              <a:defRPr lang="he-IL" sz="1050">
                <a:solidFill>
                  <a:schemeClr val="tx1">
                    <a:tint val="75000"/>
                  </a:schemeClr>
                </a:solidFill>
              </a:defRPr>
            </a:lvl9pPr>
          </a:lstStyle>
          <a:p>
            <a:pPr lvl="0" algn="r" rtl="1"/>
            <a:r>
              <a:rPr lang="he-IL" smtClean="0"/>
              <a:t>לחץ כדי לערוך סגנונות טקסט של תבנית בסיס</a:t>
            </a:r>
          </a:p>
        </p:txBody>
      </p:sp>
      <p:sp>
        <p:nvSpPr>
          <p:cNvPr id="4" name="מציין מיקום תאריך 3"/>
          <p:cNvSpPr>
            <a:spLocks noGrp="1"/>
          </p:cNvSpPr>
          <p:nvPr>
            <p:ph type="dt" sz="half" idx="10"/>
          </p:nvPr>
        </p:nvSpPr>
        <p:spPr/>
        <p:txBody>
          <a:bodyPr/>
          <a:lstStyle/>
          <a:p>
            <a:pPr rtl="1"/>
            <a:fld id="{EDF33987-6305-4E2A-BF18-EF013ECE927B}" type="datetimeFigureOut">
              <a:rPr lang="he-IL">
                <a:solidFill>
                  <a:srgbClr val="545454"/>
                </a:solidFill>
              </a:rPr>
              <a:pPr rtl="1"/>
              <a:t>כ"ב/שבט/תשע"ו</a:t>
            </a:fld>
            <a:endParaRPr>
              <a:solidFill>
                <a:srgbClr val="545454"/>
              </a:solidFill>
            </a:endParaRPr>
          </a:p>
        </p:txBody>
      </p:sp>
      <p:sp>
        <p:nvSpPr>
          <p:cNvPr id="5" name="מציין מיקום כותרת תחתונה 4"/>
          <p:cNvSpPr>
            <a:spLocks noGrp="1"/>
          </p:cNvSpPr>
          <p:nvPr>
            <p:ph type="ftr" sz="quarter" idx="11"/>
          </p:nvPr>
        </p:nvSpPr>
        <p:spPr/>
        <p:txBody>
          <a:bodyPr/>
          <a:lstStyle/>
          <a:p>
            <a:pPr rtl="1"/>
            <a:endParaRPr>
              <a:solidFill>
                <a:srgbClr val="545454"/>
              </a:solidFill>
            </a:endParaRPr>
          </a:p>
        </p:txBody>
      </p:sp>
      <p:sp>
        <p:nvSpPr>
          <p:cNvPr id="6" name="מציין מיקום מספר שקופית 5"/>
          <p:cNvSpPr>
            <a:spLocks noGrp="1"/>
          </p:cNvSpPr>
          <p:nvPr>
            <p:ph type="sldNum" sz="quarter" idx="12"/>
          </p:nvPr>
        </p:nvSpPr>
        <p:spPr/>
        <p:txBody>
          <a:bodyPr/>
          <a:lstStyle/>
          <a:p>
            <a:pPr rtl="1"/>
            <a:fld id="{F36C87F6-986D-49E6-AF40-1B3A1EE8064D}" type="slidenum">
              <a:rPr>
                <a:solidFill>
                  <a:srgbClr val="545454"/>
                </a:solidFill>
              </a:rPr>
              <a:pPr rtl="1"/>
              <a:t>‹#›</a:t>
            </a:fld>
            <a:endParaRPr>
              <a:solidFill>
                <a:srgbClr val="545454"/>
              </a:solidFill>
            </a:endParaRPr>
          </a:p>
        </p:txBody>
      </p:sp>
    </p:spTree>
    <p:extLst>
      <p:ext uri="{BB962C8B-B14F-4D97-AF65-F5344CB8AC3E}">
        <p14:creationId xmlns:p14="http://schemas.microsoft.com/office/powerpoint/2010/main" val="27931438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כותרת ותוכן">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he-IL" smtClean="0"/>
              <a:t>לחץ כדי לערוך סגנון כותרת של תבנית בסיס</a:t>
            </a:r>
            <a:endParaRPr lang="en-US"/>
          </a:p>
        </p:txBody>
      </p:sp>
      <p:sp>
        <p:nvSpPr>
          <p:cNvPr id="3" name="Content Placeholder 2"/>
          <p:cNvSpPr>
            <a:spLocks noGrp="1"/>
          </p:cNvSpPr>
          <p:nvPr>
            <p:ph idx="1"/>
          </p:nvPr>
        </p:nvSpPr>
        <p:spPr/>
        <p:txBody>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en-US"/>
          </a:p>
        </p:txBody>
      </p:sp>
      <p:sp>
        <p:nvSpPr>
          <p:cNvPr id="4" name="Date Placeholder 3"/>
          <p:cNvSpPr>
            <a:spLocks noGrp="1"/>
          </p:cNvSpPr>
          <p:nvPr>
            <p:ph type="dt" sz="half" idx="10"/>
          </p:nvPr>
        </p:nvSpPr>
        <p:spPr/>
        <p:txBody>
          <a:bodyPr/>
          <a:lstStyle>
            <a:lvl1pPr>
              <a:defRPr/>
            </a:lvl1pPr>
          </a:lstStyle>
          <a:p>
            <a:endParaRPr lang="he-IL"/>
          </a:p>
        </p:txBody>
      </p:sp>
      <p:sp>
        <p:nvSpPr>
          <p:cNvPr id="5" name="Footer Placeholder 4"/>
          <p:cNvSpPr>
            <a:spLocks noGrp="1"/>
          </p:cNvSpPr>
          <p:nvPr>
            <p:ph type="ftr" sz="quarter" idx="11"/>
          </p:nvPr>
        </p:nvSpPr>
        <p:spPr/>
        <p:txBody>
          <a:bodyPr/>
          <a:lstStyle>
            <a:lvl1pPr>
              <a:defRPr/>
            </a:lvl1pPr>
          </a:lstStyle>
          <a:p>
            <a:endParaRPr lang="he-IL"/>
          </a:p>
        </p:txBody>
      </p:sp>
      <p:sp>
        <p:nvSpPr>
          <p:cNvPr id="6" name="Slide Number Placeholder 5"/>
          <p:cNvSpPr>
            <a:spLocks noGrp="1"/>
          </p:cNvSpPr>
          <p:nvPr>
            <p:ph type="sldNum" sz="quarter" idx="12"/>
          </p:nvPr>
        </p:nvSpPr>
        <p:spPr/>
        <p:txBody>
          <a:bodyPr/>
          <a:lstStyle>
            <a:lvl1pPr>
              <a:defRPr/>
            </a:lvl1pPr>
          </a:lstStyle>
          <a:p>
            <a:fld id="{71411C7F-CBD7-473F-9C27-CCC82C66B2CD}" type="slidenum">
              <a:rPr lang="ar-SA"/>
              <a:pPr/>
              <a:t>‹#›</a:t>
            </a:fld>
            <a:endParaRPr lang="he-IL"/>
          </a:p>
        </p:txBody>
      </p:sp>
    </p:spTree>
    <p:extLst>
      <p:ext uri="{BB962C8B-B14F-4D97-AF65-F5344CB8AC3E}">
        <p14:creationId xmlns:p14="http://schemas.microsoft.com/office/powerpoint/2010/main" val="2852256984"/>
      </p:ext>
    </p:extLst>
  </p:cSld>
  <p:clrMapOvr>
    <a:masterClrMapping/>
  </p:clrMapOvr>
  <p:timing>
    <p:tnLst>
      <p:par>
        <p:cTn id="1" dur="indefinite" restart="never" nodeType="tmRoot"/>
      </p:par>
    </p:tnLst>
  </p:timing>
</p:sldLayout>
</file>

<file path=ppt/slideLayouts/slideLayout20.xml><?xml version="1.0" encoding="utf-8"?>
<p:sldLayout xmlns:a="http://schemas.openxmlformats.org/drawingml/2006/main" xmlns:r="http://schemas.openxmlformats.org/officeDocument/2006/relationships" xmlns:p="http://schemas.openxmlformats.org/presentationml/2006/main" type="twoObj" preserve="1">
  <p:cSld name="תוכן כפול">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pPr algn="r" rtl="1"/>
            <a:r>
              <a:rPr lang="he-IL" smtClean="0"/>
              <a:t>לחץ כדי לערוך סגנון כותרת של תבנית בסיס</a:t>
            </a:r>
            <a:endParaRPr lang="he-IL"/>
          </a:p>
        </p:txBody>
      </p:sp>
      <p:sp>
        <p:nvSpPr>
          <p:cNvPr id="3" name="מציין מיקום תוכן 2"/>
          <p:cNvSpPr>
            <a:spLocks noGrp="1"/>
          </p:cNvSpPr>
          <p:nvPr>
            <p:ph sz="half" idx="1"/>
          </p:nvPr>
        </p:nvSpPr>
        <p:spPr>
          <a:xfrm>
            <a:off x="925200" y="1828800"/>
            <a:ext cx="3532470" cy="4343400"/>
          </a:xfrm>
        </p:spPr>
        <p:txBody>
          <a:bodyPr>
            <a:normAutofit/>
          </a:bodyPr>
          <a:lstStyle>
            <a:lvl1pPr algn="r" latinLnBrk="0">
              <a:defRPr lang="he-IL" sz="1800"/>
            </a:lvl1pPr>
            <a:lvl2pPr algn="r" latinLnBrk="0">
              <a:defRPr lang="he-IL" sz="1500"/>
            </a:lvl2pPr>
            <a:lvl3pPr algn="r" latinLnBrk="0">
              <a:defRPr lang="he-IL" sz="1350"/>
            </a:lvl3pPr>
            <a:lvl4pPr algn="r" latinLnBrk="0">
              <a:defRPr lang="he-IL" sz="1200"/>
            </a:lvl4pPr>
            <a:lvl5pPr algn="r" latinLnBrk="0">
              <a:defRPr lang="he-IL" sz="1200"/>
            </a:lvl5pPr>
            <a:lvl6pPr algn="r" latinLnBrk="0">
              <a:defRPr lang="he-IL" sz="1200"/>
            </a:lvl6pPr>
            <a:lvl7pPr algn="r" latinLnBrk="0">
              <a:defRPr lang="he-IL" sz="1200" baseline="0"/>
            </a:lvl7pPr>
            <a:lvl8pPr algn="r" latinLnBrk="0">
              <a:defRPr lang="he-IL" sz="1200" baseline="0"/>
            </a:lvl8pPr>
            <a:lvl9pPr algn="r" latinLnBrk="0">
              <a:defRPr lang="he-IL" sz="1200" baseline="0"/>
            </a:lvl9pPr>
          </a:lstStyle>
          <a:p>
            <a:pPr lvl="0" algn="r" rtl="1"/>
            <a:r>
              <a:rPr lang="he-IL" smtClean="0"/>
              <a:t>לחץ כדי לערוך סגנונות טקסט של תבנית בסיס</a:t>
            </a:r>
          </a:p>
          <a:p>
            <a:pPr lvl="1" algn="r" rtl="1"/>
            <a:r>
              <a:rPr lang="he-IL" smtClean="0"/>
              <a:t>רמה שנייה</a:t>
            </a:r>
          </a:p>
          <a:p>
            <a:pPr lvl="2" algn="r" rtl="1"/>
            <a:r>
              <a:rPr lang="he-IL" smtClean="0"/>
              <a:t>רמה שלישית</a:t>
            </a:r>
          </a:p>
          <a:p>
            <a:pPr lvl="3" algn="r" rtl="1"/>
            <a:r>
              <a:rPr lang="he-IL" smtClean="0"/>
              <a:t>רמה רביעית</a:t>
            </a:r>
          </a:p>
          <a:p>
            <a:pPr lvl="4" algn="r" rtl="1"/>
            <a:r>
              <a:rPr lang="he-IL" smtClean="0"/>
              <a:t>רמה חמישית</a:t>
            </a:r>
            <a:endParaRPr lang="he-IL"/>
          </a:p>
        </p:txBody>
      </p:sp>
      <p:sp>
        <p:nvSpPr>
          <p:cNvPr id="4" name="מציין מיקום תוכן 3"/>
          <p:cNvSpPr>
            <a:spLocks noGrp="1"/>
          </p:cNvSpPr>
          <p:nvPr>
            <p:ph sz="half" idx="2"/>
          </p:nvPr>
        </p:nvSpPr>
        <p:spPr>
          <a:xfrm>
            <a:off x="4698083" y="1828800"/>
            <a:ext cx="3532470" cy="4343400"/>
          </a:xfrm>
        </p:spPr>
        <p:txBody>
          <a:bodyPr>
            <a:normAutofit/>
          </a:bodyPr>
          <a:lstStyle>
            <a:lvl1pPr algn="r" latinLnBrk="0">
              <a:defRPr lang="he-IL" sz="1800"/>
            </a:lvl1pPr>
            <a:lvl2pPr algn="r" latinLnBrk="0">
              <a:defRPr lang="he-IL" sz="1500"/>
            </a:lvl2pPr>
            <a:lvl3pPr algn="r" latinLnBrk="0">
              <a:defRPr lang="he-IL" sz="1350"/>
            </a:lvl3pPr>
            <a:lvl4pPr algn="r" latinLnBrk="0">
              <a:defRPr lang="he-IL" sz="1200"/>
            </a:lvl4pPr>
            <a:lvl5pPr algn="r" latinLnBrk="0">
              <a:defRPr lang="he-IL" sz="1200"/>
            </a:lvl5pPr>
            <a:lvl6pPr algn="r" latinLnBrk="0">
              <a:defRPr lang="he-IL" sz="1200"/>
            </a:lvl6pPr>
            <a:lvl7pPr algn="r" latinLnBrk="0">
              <a:defRPr lang="he-IL" sz="1200"/>
            </a:lvl7pPr>
            <a:lvl8pPr algn="r" latinLnBrk="0">
              <a:defRPr lang="he-IL" sz="1200"/>
            </a:lvl8pPr>
            <a:lvl9pPr algn="r" latinLnBrk="0">
              <a:defRPr lang="he-IL" sz="1200"/>
            </a:lvl9pPr>
          </a:lstStyle>
          <a:p>
            <a:pPr lvl="0" algn="r" rtl="1"/>
            <a:r>
              <a:rPr lang="he-IL" smtClean="0"/>
              <a:t>לחץ כדי לערוך סגנונות טקסט של תבנית בסיס</a:t>
            </a:r>
          </a:p>
          <a:p>
            <a:pPr lvl="1" algn="r" rtl="1"/>
            <a:r>
              <a:rPr lang="he-IL" smtClean="0"/>
              <a:t>רמה שנייה</a:t>
            </a:r>
          </a:p>
          <a:p>
            <a:pPr lvl="2" algn="r" rtl="1"/>
            <a:r>
              <a:rPr lang="he-IL" smtClean="0"/>
              <a:t>רמה שלישית</a:t>
            </a:r>
          </a:p>
          <a:p>
            <a:pPr lvl="3" algn="r" rtl="1"/>
            <a:r>
              <a:rPr lang="he-IL" smtClean="0"/>
              <a:t>רמה רביעית</a:t>
            </a:r>
          </a:p>
          <a:p>
            <a:pPr lvl="4" algn="r" rtl="1"/>
            <a:r>
              <a:rPr lang="he-IL" smtClean="0"/>
              <a:t>רמה חמישית</a:t>
            </a:r>
            <a:endParaRPr lang="he-IL"/>
          </a:p>
        </p:txBody>
      </p:sp>
      <p:sp>
        <p:nvSpPr>
          <p:cNvPr id="5" name="מציין מיקום תאריך 4"/>
          <p:cNvSpPr>
            <a:spLocks noGrp="1"/>
          </p:cNvSpPr>
          <p:nvPr>
            <p:ph type="dt" sz="half" idx="10"/>
          </p:nvPr>
        </p:nvSpPr>
        <p:spPr/>
        <p:txBody>
          <a:bodyPr/>
          <a:lstStyle/>
          <a:p>
            <a:pPr rtl="1"/>
            <a:fld id="{EDF33987-6305-4E2A-BF18-EF013ECE927B}" type="datetimeFigureOut">
              <a:rPr lang="he-IL">
                <a:solidFill>
                  <a:srgbClr val="545454"/>
                </a:solidFill>
              </a:rPr>
              <a:pPr rtl="1"/>
              <a:t>כ"ב/שבט/תשע"ו</a:t>
            </a:fld>
            <a:endParaRPr>
              <a:solidFill>
                <a:srgbClr val="545454"/>
              </a:solidFill>
            </a:endParaRPr>
          </a:p>
        </p:txBody>
      </p:sp>
      <p:sp>
        <p:nvSpPr>
          <p:cNvPr id="6" name="מציין מיקום כותרת תחתונה 5"/>
          <p:cNvSpPr>
            <a:spLocks noGrp="1"/>
          </p:cNvSpPr>
          <p:nvPr>
            <p:ph type="ftr" sz="quarter" idx="11"/>
          </p:nvPr>
        </p:nvSpPr>
        <p:spPr/>
        <p:txBody>
          <a:bodyPr/>
          <a:lstStyle/>
          <a:p>
            <a:pPr rtl="1"/>
            <a:endParaRPr>
              <a:solidFill>
                <a:srgbClr val="545454"/>
              </a:solidFill>
            </a:endParaRPr>
          </a:p>
        </p:txBody>
      </p:sp>
      <p:sp>
        <p:nvSpPr>
          <p:cNvPr id="7" name="מציין מיקום מספר שקופית 6"/>
          <p:cNvSpPr>
            <a:spLocks noGrp="1"/>
          </p:cNvSpPr>
          <p:nvPr>
            <p:ph type="sldNum" sz="quarter" idx="12"/>
          </p:nvPr>
        </p:nvSpPr>
        <p:spPr/>
        <p:txBody>
          <a:bodyPr/>
          <a:lstStyle/>
          <a:p>
            <a:pPr rtl="1"/>
            <a:fld id="{F36C87F6-986D-49E6-AF40-1B3A1EE8064D}" type="slidenum">
              <a:rPr>
                <a:solidFill>
                  <a:srgbClr val="545454"/>
                </a:solidFill>
              </a:rPr>
              <a:pPr rtl="1"/>
              <a:t>‹#›</a:t>
            </a:fld>
            <a:endParaRPr>
              <a:solidFill>
                <a:srgbClr val="545454"/>
              </a:solidFill>
            </a:endParaRPr>
          </a:p>
        </p:txBody>
      </p:sp>
    </p:spTree>
    <p:extLst>
      <p:ext uri="{BB962C8B-B14F-4D97-AF65-F5344CB8AC3E}">
        <p14:creationId xmlns:p14="http://schemas.microsoft.com/office/powerpoint/2010/main" val="8727473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21.xml><?xml version="1.0" encoding="utf-8"?>
<p:sldLayout xmlns:a="http://schemas.openxmlformats.org/drawingml/2006/main" xmlns:r="http://schemas.openxmlformats.org/officeDocument/2006/relationships" xmlns:p="http://schemas.openxmlformats.org/presentationml/2006/main" type="twoTxTwoObj" preserve="1">
  <p:cSld name="השוואה">
    <p:spTree>
      <p:nvGrpSpPr>
        <p:cNvPr id="1" name=""/>
        <p:cNvGrpSpPr/>
        <p:nvPr/>
      </p:nvGrpSpPr>
      <p:grpSpPr>
        <a:xfrm>
          <a:off x="0" y="0"/>
          <a:ext cx="0" cy="0"/>
          <a:chOff x="0" y="0"/>
          <a:chExt cx="0" cy="0"/>
        </a:xfrm>
      </p:grpSpPr>
      <p:sp>
        <p:nvSpPr>
          <p:cNvPr id="2" name="כותרת 1"/>
          <p:cNvSpPr>
            <a:spLocks noGrp="1"/>
          </p:cNvSpPr>
          <p:nvPr>
            <p:ph type="title"/>
          </p:nvPr>
        </p:nvSpPr>
        <p:spPr>
          <a:xfrm>
            <a:off x="913449" y="274638"/>
            <a:ext cx="7317105" cy="1325562"/>
          </a:xfrm>
        </p:spPr>
        <p:txBody>
          <a:bodyPr/>
          <a:lstStyle>
            <a:lvl1pPr algn="r" latinLnBrk="0">
              <a:defRPr lang="he-IL"/>
            </a:lvl1pPr>
          </a:lstStyle>
          <a:p>
            <a:pPr algn="r" rtl="1"/>
            <a:r>
              <a:rPr lang="he-IL" smtClean="0"/>
              <a:t>לחץ כדי לערוך סגנון כותרת של תבנית בסיס</a:t>
            </a:r>
            <a:endParaRPr lang="he-IL"/>
          </a:p>
        </p:txBody>
      </p:sp>
      <p:sp>
        <p:nvSpPr>
          <p:cNvPr id="3" name="מציין מיקום טקסט 2"/>
          <p:cNvSpPr>
            <a:spLocks noGrp="1"/>
          </p:cNvSpPr>
          <p:nvPr>
            <p:ph type="body" idx="1"/>
          </p:nvPr>
        </p:nvSpPr>
        <p:spPr>
          <a:xfrm>
            <a:off x="913448" y="1828800"/>
            <a:ext cx="3532790" cy="838201"/>
          </a:xfrm>
        </p:spPr>
        <p:txBody>
          <a:bodyPr anchor="ctr"/>
          <a:lstStyle>
            <a:lvl1pPr marL="0" indent="0" algn="r" latinLnBrk="0">
              <a:spcBef>
                <a:spcPts val="0"/>
              </a:spcBef>
              <a:buNone/>
              <a:defRPr lang="he-IL" sz="1800" b="0" cap="all" baseline="0">
                <a:solidFill>
                  <a:schemeClr val="tx1">
                    <a:lumMod val="50000"/>
                  </a:schemeClr>
                </a:solidFill>
              </a:defRPr>
            </a:lvl1pPr>
            <a:lvl2pPr marL="342991" indent="0" algn="r" latinLnBrk="0">
              <a:buNone/>
              <a:defRPr lang="he-IL" sz="1500" b="1"/>
            </a:lvl2pPr>
            <a:lvl3pPr marL="685983" indent="0" algn="r" latinLnBrk="0">
              <a:buNone/>
              <a:defRPr lang="he-IL" sz="1350" b="1"/>
            </a:lvl3pPr>
            <a:lvl4pPr marL="1028974" indent="0" algn="r" latinLnBrk="0">
              <a:buNone/>
              <a:defRPr lang="he-IL" sz="1200" b="1"/>
            </a:lvl4pPr>
            <a:lvl5pPr marL="1371966" indent="0" algn="r" latinLnBrk="0">
              <a:buNone/>
              <a:defRPr lang="he-IL" sz="1200" b="1"/>
            </a:lvl5pPr>
            <a:lvl6pPr marL="1714957" indent="0" algn="r" latinLnBrk="0">
              <a:buNone/>
              <a:defRPr lang="he-IL" sz="1200" b="1"/>
            </a:lvl6pPr>
            <a:lvl7pPr marL="2057949" indent="0" algn="r" latinLnBrk="0">
              <a:buNone/>
              <a:defRPr lang="he-IL" sz="1200" b="1"/>
            </a:lvl7pPr>
            <a:lvl8pPr marL="2400940" indent="0" algn="r" latinLnBrk="0">
              <a:buNone/>
              <a:defRPr lang="he-IL" sz="1200" b="1"/>
            </a:lvl8pPr>
            <a:lvl9pPr marL="2743932" indent="0" algn="r" latinLnBrk="0">
              <a:buNone/>
              <a:defRPr lang="he-IL" sz="1200" b="1"/>
            </a:lvl9pPr>
          </a:lstStyle>
          <a:p>
            <a:pPr lvl="0" algn="r" rtl="1"/>
            <a:r>
              <a:rPr lang="he-IL" smtClean="0"/>
              <a:t>לחץ כדי לערוך סגנונות טקסט של תבנית בסיס</a:t>
            </a:r>
          </a:p>
        </p:txBody>
      </p:sp>
      <p:sp>
        <p:nvSpPr>
          <p:cNvPr id="4" name="מציין מיקום תוכן 3"/>
          <p:cNvSpPr>
            <a:spLocks noGrp="1"/>
          </p:cNvSpPr>
          <p:nvPr>
            <p:ph sz="half" idx="2"/>
          </p:nvPr>
        </p:nvSpPr>
        <p:spPr>
          <a:xfrm>
            <a:off x="913448" y="2743201"/>
            <a:ext cx="3532790" cy="3428999"/>
          </a:xfrm>
        </p:spPr>
        <p:txBody>
          <a:bodyPr>
            <a:normAutofit/>
          </a:bodyPr>
          <a:lstStyle>
            <a:lvl1pPr algn="r" latinLnBrk="0">
              <a:defRPr lang="he-IL" sz="1500"/>
            </a:lvl1pPr>
            <a:lvl2pPr algn="r" latinLnBrk="0">
              <a:defRPr lang="he-IL" sz="1350"/>
            </a:lvl2pPr>
            <a:lvl3pPr algn="r" latinLnBrk="0">
              <a:defRPr lang="he-IL" sz="1200"/>
            </a:lvl3pPr>
            <a:lvl4pPr algn="r" latinLnBrk="0">
              <a:defRPr lang="he-IL" sz="1050"/>
            </a:lvl4pPr>
            <a:lvl5pPr algn="r" latinLnBrk="0">
              <a:defRPr lang="he-IL" sz="1050"/>
            </a:lvl5pPr>
            <a:lvl6pPr algn="r" latinLnBrk="0">
              <a:defRPr lang="he-IL" sz="1050"/>
            </a:lvl6pPr>
            <a:lvl7pPr algn="r" latinLnBrk="0">
              <a:defRPr lang="he-IL" sz="1050"/>
            </a:lvl7pPr>
            <a:lvl8pPr algn="r" latinLnBrk="0">
              <a:defRPr lang="he-IL" sz="1050"/>
            </a:lvl8pPr>
            <a:lvl9pPr algn="r" latinLnBrk="0">
              <a:defRPr lang="he-IL" sz="1050"/>
            </a:lvl9pPr>
          </a:lstStyle>
          <a:p>
            <a:pPr lvl="0" algn="r" rtl="1"/>
            <a:r>
              <a:rPr lang="he-IL" smtClean="0"/>
              <a:t>לחץ כדי לערוך סגנונות טקסט של תבנית בסיס</a:t>
            </a:r>
          </a:p>
          <a:p>
            <a:pPr lvl="1" algn="r" rtl="1"/>
            <a:r>
              <a:rPr lang="he-IL" smtClean="0"/>
              <a:t>רמה שנייה</a:t>
            </a:r>
          </a:p>
          <a:p>
            <a:pPr lvl="2" algn="r" rtl="1"/>
            <a:r>
              <a:rPr lang="he-IL" smtClean="0"/>
              <a:t>רמה שלישית</a:t>
            </a:r>
          </a:p>
          <a:p>
            <a:pPr lvl="3" algn="r" rtl="1"/>
            <a:r>
              <a:rPr lang="he-IL" smtClean="0"/>
              <a:t>רמה רביעית</a:t>
            </a:r>
          </a:p>
          <a:p>
            <a:pPr lvl="4" algn="r" rtl="1"/>
            <a:r>
              <a:rPr lang="he-IL" smtClean="0"/>
              <a:t>רמה חמישית</a:t>
            </a:r>
            <a:endParaRPr lang="he-IL"/>
          </a:p>
        </p:txBody>
      </p:sp>
      <p:sp>
        <p:nvSpPr>
          <p:cNvPr id="5" name="מציין מיקום טקסט 4"/>
          <p:cNvSpPr>
            <a:spLocks noGrp="1"/>
          </p:cNvSpPr>
          <p:nvPr>
            <p:ph type="body" sz="quarter" idx="3"/>
          </p:nvPr>
        </p:nvSpPr>
        <p:spPr>
          <a:xfrm>
            <a:off x="4697764" y="1828800"/>
            <a:ext cx="3532790" cy="838201"/>
          </a:xfrm>
        </p:spPr>
        <p:txBody>
          <a:bodyPr anchor="ctr"/>
          <a:lstStyle>
            <a:lvl1pPr marL="0" indent="0" algn="r" latinLnBrk="0">
              <a:spcBef>
                <a:spcPts val="0"/>
              </a:spcBef>
              <a:buNone/>
              <a:defRPr lang="he-IL" sz="1800" b="0" cap="all" baseline="0">
                <a:solidFill>
                  <a:schemeClr val="tx1">
                    <a:lumMod val="50000"/>
                  </a:schemeClr>
                </a:solidFill>
              </a:defRPr>
            </a:lvl1pPr>
            <a:lvl2pPr marL="342991" indent="0" algn="r" latinLnBrk="0">
              <a:buNone/>
              <a:defRPr lang="he-IL" sz="1500" b="1"/>
            </a:lvl2pPr>
            <a:lvl3pPr marL="685983" indent="0" algn="r" latinLnBrk="0">
              <a:buNone/>
              <a:defRPr lang="he-IL" sz="1350" b="1"/>
            </a:lvl3pPr>
            <a:lvl4pPr marL="1028974" indent="0" algn="r" latinLnBrk="0">
              <a:buNone/>
              <a:defRPr lang="he-IL" sz="1200" b="1"/>
            </a:lvl4pPr>
            <a:lvl5pPr marL="1371966" indent="0" algn="r" latinLnBrk="0">
              <a:buNone/>
              <a:defRPr lang="he-IL" sz="1200" b="1"/>
            </a:lvl5pPr>
            <a:lvl6pPr marL="1714957" indent="0" algn="r" latinLnBrk="0">
              <a:buNone/>
              <a:defRPr lang="he-IL" sz="1200" b="1"/>
            </a:lvl6pPr>
            <a:lvl7pPr marL="2057949" indent="0" algn="r" latinLnBrk="0">
              <a:buNone/>
              <a:defRPr lang="he-IL" sz="1200" b="1"/>
            </a:lvl7pPr>
            <a:lvl8pPr marL="2400940" indent="0" algn="r" latinLnBrk="0">
              <a:buNone/>
              <a:defRPr lang="he-IL" sz="1200" b="1"/>
            </a:lvl8pPr>
            <a:lvl9pPr marL="2743932" indent="0" algn="r" latinLnBrk="0">
              <a:buNone/>
              <a:defRPr lang="he-IL" sz="1200" b="1"/>
            </a:lvl9pPr>
          </a:lstStyle>
          <a:p>
            <a:pPr lvl="0" algn="r" rtl="1"/>
            <a:r>
              <a:rPr lang="he-IL" smtClean="0"/>
              <a:t>לחץ כדי לערוך סגנונות טקסט של תבנית בסיס</a:t>
            </a:r>
          </a:p>
        </p:txBody>
      </p:sp>
      <p:sp>
        <p:nvSpPr>
          <p:cNvPr id="6" name="מציין מיקום תוכן 5"/>
          <p:cNvSpPr>
            <a:spLocks noGrp="1"/>
          </p:cNvSpPr>
          <p:nvPr>
            <p:ph sz="quarter" idx="4"/>
          </p:nvPr>
        </p:nvSpPr>
        <p:spPr>
          <a:xfrm>
            <a:off x="4697764" y="2743201"/>
            <a:ext cx="3532790" cy="3428999"/>
          </a:xfrm>
        </p:spPr>
        <p:txBody>
          <a:bodyPr>
            <a:normAutofit/>
          </a:bodyPr>
          <a:lstStyle>
            <a:lvl1pPr algn="r" latinLnBrk="0">
              <a:defRPr lang="he-IL" sz="1500"/>
            </a:lvl1pPr>
            <a:lvl2pPr algn="r" latinLnBrk="0">
              <a:defRPr lang="he-IL" sz="1350"/>
            </a:lvl2pPr>
            <a:lvl3pPr algn="r" latinLnBrk="0">
              <a:defRPr lang="he-IL" sz="1200"/>
            </a:lvl3pPr>
            <a:lvl4pPr algn="r" latinLnBrk="0">
              <a:defRPr lang="he-IL" sz="1050"/>
            </a:lvl4pPr>
            <a:lvl5pPr algn="r" latinLnBrk="0">
              <a:defRPr lang="he-IL" sz="1050"/>
            </a:lvl5pPr>
            <a:lvl6pPr algn="r" latinLnBrk="0">
              <a:defRPr lang="he-IL" sz="1050"/>
            </a:lvl6pPr>
            <a:lvl7pPr algn="r" latinLnBrk="0">
              <a:defRPr lang="he-IL" sz="1050"/>
            </a:lvl7pPr>
            <a:lvl8pPr algn="r" latinLnBrk="0">
              <a:defRPr lang="he-IL" sz="1050" baseline="0"/>
            </a:lvl8pPr>
            <a:lvl9pPr algn="r" latinLnBrk="0">
              <a:defRPr lang="he-IL" sz="1050" baseline="0"/>
            </a:lvl9pPr>
          </a:lstStyle>
          <a:p>
            <a:pPr lvl="0" algn="r" rtl="1"/>
            <a:r>
              <a:rPr lang="he-IL" smtClean="0"/>
              <a:t>לחץ כדי לערוך סגנונות טקסט של תבנית בסיס</a:t>
            </a:r>
          </a:p>
          <a:p>
            <a:pPr lvl="1" algn="r" rtl="1"/>
            <a:r>
              <a:rPr lang="he-IL" smtClean="0"/>
              <a:t>רמה שנייה</a:t>
            </a:r>
          </a:p>
          <a:p>
            <a:pPr lvl="2" algn="r" rtl="1"/>
            <a:r>
              <a:rPr lang="he-IL" smtClean="0"/>
              <a:t>רמה שלישית</a:t>
            </a:r>
          </a:p>
          <a:p>
            <a:pPr lvl="3" algn="r" rtl="1"/>
            <a:r>
              <a:rPr lang="he-IL" smtClean="0"/>
              <a:t>רמה רביעית</a:t>
            </a:r>
          </a:p>
          <a:p>
            <a:pPr lvl="4" algn="r" rtl="1"/>
            <a:r>
              <a:rPr lang="he-IL" smtClean="0"/>
              <a:t>רמה חמישית</a:t>
            </a:r>
            <a:endParaRPr lang="he-IL"/>
          </a:p>
        </p:txBody>
      </p:sp>
      <p:sp>
        <p:nvSpPr>
          <p:cNvPr id="7" name="מציין מיקום תאריך 6"/>
          <p:cNvSpPr>
            <a:spLocks noGrp="1"/>
          </p:cNvSpPr>
          <p:nvPr>
            <p:ph type="dt" sz="half" idx="10"/>
          </p:nvPr>
        </p:nvSpPr>
        <p:spPr/>
        <p:txBody>
          <a:bodyPr/>
          <a:lstStyle/>
          <a:p>
            <a:pPr rtl="1"/>
            <a:fld id="{EDF33987-6305-4E2A-BF18-EF013ECE927B}" type="datetimeFigureOut">
              <a:rPr lang="he-IL">
                <a:solidFill>
                  <a:srgbClr val="545454"/>
                </a:solidFill>
              </a:rPr>
              <a:pPr rtl="1"/>
              <a:t>כ"ב/שבט/תשע"ו</a:t>
            </a:fld>
            <a:endParaRPr>
              <a:solidFill>
                <a:srgbClr val="545454"/>
              </a:solidFill>
            </a:endParaRPr>
          </a:p>
        </p:txBody>
      </p:sp>
      <p:sp>
        <p:nvSpPr>
          <p:cNvPr id="8" name="מציין מיקום כותרת תחתונה 7"/>
          <p:cNvSpPr>
            <a:spLocks noGrp="1"/>
          </p:cNvSpPr>
          <p:nvPr>
            <p:ph type="ftr" sz="quarter" idx="11"/>
          </p:nvPr>
        </p:nvSpPr>
        <p:spPr/>
        <p:txBody>
          <a:bodyPr/>
          <a:lstStyle/>
          <a:p>
            <a:pPr rtl="1"/>
            <a:endParaRPr>
              <a:solidFill>
                <a:srgbClr val="545454"/>
              </a:solidFill>
            </a:endParaRPr>
          </a:p>
        </p:txBody>
      </p:sp>
      <p:sp>
        <p:nvSpPr>
          <p:cNvPr id="9" name="מציין מיקום מספר שקופית 8"/>
          <p:cNvSpPr>
            <a:spLocks noGrp="1"/>
          </p:cNvSpPr>
          <p:nvPr>
            <p:ph type="sldNum" sz="quarter" idx="12"/>
          </p:nvPr>
        </p:nvSpPr>
        <p:spPr/>
        <p:txBody>
          <a:bodyPr/>
          <a:lstStyle/>
          <a:p>
            <a:pPr rtl="1"/>
            <a:fld id="{F36C87F6-986D-49E6-AF40-1B3A1EE8064D}" type="slidenum">
              <a:rPr>
                <a:solidFill>
                  <a:srgbClr val="545454"/>
                </a:solidFill>
              </a:rPr>
              <a:pPr rtl="1"/>
              <a:t>‹#›</a:t>
            </a:fld>
            <a:endParaRPr>
              <a:solidFill>
                <a:srgbClr val="545454"/>
              </a:solidFill>
            </a:endParaRPr>
          </a:p>
        </p:txBody>
      </p:sp>
    </p:spTree>
    <p:extLst>
      <p:ext uri="{BB962C8B-B14F-4D97-AF65-F5344CB8AC3E}">
        <p14:creationId xmlns:p14="http://schemas.microsoft.com/office/powerpoint/2010/main" val="18969274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22.xml><?xml version="1.0" encoding="utf-8"?>
<p:sldLayout xmlns:a="http://schemas.openxmlformats.org/drawingml/2006/main" xmlns:r="http://schemas.openxmlformats.org/officeDocument/2006/relationships" xmlns:p="http://schemas.openxmlformats.org/presentationml/2006/main" type="titleOnly" preserve="1">
  <p:cSld name="כותרת בלבד">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pPr algn="r" rtl="1"/>
            <a:r>
              <a:rPr lang="he-IL" smtClean="0"/>
              <a:t>לחץ כדי לערוך סגנון כותרת של תבנית בסיס</a:t>
            </a:r>
            <a:endParaRPr lang="he-IL"/>
          </a:p>
        </p:txBody>
      </p:sp>
      <p:sp>
        <p:nvSpPr>
          <p:cNvPr id="3" name="מציין מיקום תאריך 2"/>
          <p:cNvSpPr>
            <a:spLocks noGrp="1"/>
          </p:cNvSpPr>
          <p:nvPr>
            <p:ph type="dt" sz="half" idx="10"/>
          </p:nvPr>
        </p:nvSpPr>
        <p:spPr/>
        <p:txBody>
          <a:bodyPr/>
          <a:lstStyle/>
          <a:p>
            <a:pPr rtl="1"/>
            <a:fld id="{EDF33987-6305-4E2A-BF18-EF013ECE927B}" type="datetimeFigureOut">
              <a:rPr lang="he-IL">
                <a:solidFill>
                  <a:srgbClr val="545454"/>
                </a:solidFill>
              </a:rPr>
              <a:pPr rtl="1"/>
              <a:t>כ"ב/שבט/תשע"ו</a:t>
            </a:fld>
            <a:endParaRPr>
              <a:solidFill>
                <a:srgbClr val="545454"/>
              </a:solidFill>
            </a:endParaRPr>
          </a:p>
        </p:txBody>
      </p:sp>
      <p:sp>
        <p:nvSpPr>
          <p:cNvPr id="4" name="מציין מיקום כותרת תחתונה 3"/>
          <p:cNvSpPr>
            <a:spLocks noGrp="1"/>
          </p:cNvSpPr>
          <p:nvPr>
            <p:ph type="ftr" sz="quarter" idx="11"/>
          </p:nvPr>
        </p:nvSpPr>
        <p:spPr/>
        <p:txBody>
          <a:bodyPr/>
          <a:lstStyle/>
          <a:p>
            <a:pPr rtl="1"/>
            <a:endParaRPr>
              <a:solidFill>
                <a:srgbClr val="545454"/>
              </a:solidFill>
            </a:endParaRPr>
          </a:p>
        </p:txBody>
      </p:sp>
      <p:sp>
        <p:nvSpPr>
          <p:cNvPr id="5" name="מציין מיקום מספר שקופית 4"/>
          <p:cNvSpPr>
            <a:spLocks noGrp="1"/>
          </p:cNvSpPr>
          <p:nvPr>
            <p:ph type="sldNum" sz="quarter" idx="12"/>
          </p:nvPr>
        </p:nvSpPr>
        <p:spPr/>
        <p:txBody>
          <a:bodyPr/>
          <a:lstStyle/>
          <a:p>
            <a:pPr rtl="1"/>
            <a:fld id="{F36C87F6-986D-49E6-AF40-1B3A1EE8064D}" type="slidenum">
              <a:rPr>
                <a:solidFill>
                  <a:srgbClr val="545454"/>
                </a:solidFill>
              </a:rPr>
              <a:pPr rtl="1"/>
              <a:t>‹#›</a:t>
            </a:fld>
            <a:endParaRPr>
              <a:solidFill>
                <a:srgbClr val="545454"/>
              </a:solidFill>
            </a:endParaRPr>
          </a:p>
        </p:txBody>
      </p:sp>
    </p:spTree>
    <p:extLst>
      <p:ext uri="{BB962C8B-B14F-4D97-AF65-F5344CB8AC3E}">
        <p14:creationId xmlns:p14="http://schemas.microsoft.com/office/powerpoint/2010/main" val="51635476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23.xml><?xml version="1.0" encoding="utf-8"?>
<p:sldLayout xmlns:a="http://schemas.openxmlformats.org/drawingml/2006/main" xmlns:r="http://schemas.openxmlformats.org/officeDocument/2006/relationships" xmlns:p="http://schemas.openxmlformats.org/presentationml/2006/main" type="blank" preserve="1">
  <p:cSld name="ריק">
    <p:spTree>
      <p:nvGrpSpPr>
        <p:cNvPr id="1" name=""/>
        <p:cNvGrpSpPr/>
        <p:nvPr/>
      </p:nvGrpSpPr>
      <p:grpSpPr>
        <a:xfrm>
          <a:off x="0" y="0"/>
          <a:ext cx="0" cy="0"/>
          <a:chOff x="0" y="0"/>
          <a:chExt cx="0" cy="0"/>
        </a:xfrm>
      </p:grpSpPr>
      <p:sp>
        <p:nvSpPr>
          <p:cNvPr id="2" name="מציין מיקום תאריך 1"/>
          <p:cNvSpPr>
            <a:spLocks noGrp="1"/>
          </p:cNvSpPr>
          <p:nvPr>
            <p:ph type="dt" sz="half" idx="10"/>
          </p:nvPr>
        </p:nvSpPr>
        <p:spPr/>
        <p:txBody>
          <a:bodyPr/>
          <a:lstStyle/>
          <a:p>
            <a:pPr rtl="1"/>
            <a:fld id="{EDF33987-6305-4E2A-BF18-EF013ECE927B}" type="datetimeFigureOut">
              <a:rPr lang="he-IL">
                <a:solidFill>
                  <a:srgbClr val="545454"/>
                </a:solidFill>
              </a:rPr>
              <a:pPr rtl="1"/>
              <a:t>כ"ב/שבט/תשע"ו</a:t>
            </a:fld>
            <a:endParaRPr>
              <a:solidFill>
                <a:srgbClr val="545454"/>
              </a:solidFill>
            </a:endParaRPr>
          </a:p>
        </p:txBody>
      </p:sp>
      <p:sp>
        <p:nvSpPr>
          <p:cNvPr id="3" name="מציין מיקום כותרת תחתונה 2"/>
          <p:cNvSpPr>
            <a:spLocks noGrp="1"/>
          </p:cNvSpPr>
          <p:nvPr>
            <p:ph type="ftr" sz="quarter" idx="11"/>
          </p:nvPr>
        </p:nvSpPr>
        <p:spPr/>
        <p:txBody>
          <a:bodyPr/>
          <a:lstStyle/>
          <a:p>
            <a:pPr rtl="1"/>
            <a:endParaRPr>
              <a:solidFill>
                <a:srgbClr val="545454"/>
              </a:solidFill>
            </a:endParaRPr>
          </a:p>
        </p:txBody>
      </p:sp>
      <p:sp>
        <p:nvSpPr>
          <p:cNvPr id="4" name="מציין מיקום מספר שקופית 3"/>
          <p:cNvSpPr>
            <a:spLocks noGrp="1"/>
          </p:cNvSpPr>
          <p:nvPr>
            <p:ph type="sldNum" sz="quarter" idx="12"/>
          </p:nvPr>
        </p:nvSpPr>
        <p:spPr/>
        <p:txBody>
          <a:bodyPr/>
          <a:lstStyle/>
          <a:p>
            <a:pPr rtl="1"/>
            <a:fld id="{F36C87F6-986D-49E6-AF40-1B3A1EE8064D}" type="slidenum">
              <a:rPr>
                <a:solidFill>
                  <a:srgbClr val="545454"/>
                </a:solidFill>
              </a:rPr>
              <a:pPr rtl="1"/>
              <a:t>‹#›</a:t>
            </a:fld>
            <a:endParaRPr>
              <a:solidFill>
                <a:srgbClr val="545454"/>
              </a:solidFill>
            </a:endParaRPr>
          </a:p>
        </p:txBody>
      </p:sp>
    </p:spTree>
    <p:extLst>
      <p:ext uri="{BB962C8B-B14F-4D97-AF65-F5344CB8AC3E}">
        <p14:creationId xmlns:p14="http://schemas.microsoft.com/office/powerpoint/2010/main" val="38827851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24.xml><?xml version="1.0" encoding="utf-8"?>
<p:sldLayout xmlns:a="http://schemas.openxmlformats.org/drawingml/2006/main" xmlns:r="http://schemas.openxmlformats.org/officeDocument/2006/relationships" xmlns:p="http://schemas.openxmlformats.org/presentationml/2006/main" type="objTx" preserve="1">
  <p:cSld name="תוכן עם כיתוב">
    <p:bg>
      <p:bgPr>
        <a:solidFill>
          <a:schemeClr val="bg1"/>
        </a:solidFill>
        <a:effectLst/>
      </p:bgPr>
    </p:bg>
    <p:spTree>
      <p:nvGrpSpPr>
        <p:cNvPr id="1" name=""/>
        <p:cNvGrpSpPr/>
        <p:nvPr/>
      </p:nvGrpSpPr>
      <p:grpSpPr>
        <a:xfrm>
          <a:off x="0" y="0"/>
          <a:ext cx="0" cy="0"/>
          <a:chOff x="0" y="0"/>
          <a:chExt cx="0" cy="0"/>
        </a:xfrm>
      </p:grpSpPr>
      <p:sp>
        <p:nvSpPr>
          <p:cNvPr id="8" name="מלבן 7"/>
          <p:cNvSpPr/>
          <p:nvPr/>
        </p:nvSpPr>
        <p:spPr>
          <a:xfrm flipH="1">
            <a:off x="5259169" y="0"/>
            <a:ext cx="3886022" cy="6858000"/>
          </a:xfrm>
          <a:prstGeom prst="rect">
            <a:avLst/>
          </a:prstGeom>
          <a:gradFill flip="none" rotWithShape="1">
            <a:gsLst>
              <a:gs pos="0">
                <a:schemeClr val="bg1">
                  <a:lumMod val="85000"/>
                </a:schemeClr>
              </a:gs>
              <a:gs pos="100000">
                <a:srgbClr val="FFFFFF">
                  <a:alpha val="89000"/>
                </a:srgbClr>
              </a:gs>
            </a:gsLst>
            <a:path path="circle">
              <a:fillToRect l="100000" t="100000"/>
            </a:path>
            <a:tileRect r="-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rtl="1" fontAlgn="auto">
              <a:spcBef>
                <a:spcPts val="0"/>
              </a:spcBef>
              <a:spcAft>
                <a:spcPts val="0"/>
              </a:spcAft>
            </a:pPr>
            <a:endParaRPr lang="he-IL" sz="1350">
              <a:solidFill>
                <a:prstClr val="white"/>
              </a:solidFill>
              <a:latin typeface="Tahoma" panose="020B0604030504040204" pitchFamily="34" charset="0"/>
              <a:ea typeface="Tahoma" panose="020B0604030504040204" pitchFamily="34" charset="0"/>
              <a:cs typeface="Tahoma" panose="020B0604030504040204" pitchFamily="34" charset="0"/>
            </a:endParaRPr>
          </a:p>
        </p:txBody>
      </p:sp>
      <p:sp>
        <p:nvSpPr>
          <p:cNvPr id="2" name="כותרת 1"/>
          <p:cNvSpPr>
            <a:spLocks noGrp="1"/>
          </p:cNvSpPr>
          <p:nvPr>
            <p:ph type="title"/>
          </p:nvPr>
        </p:nvSpPr>
        <p:spPr>
          <a:xfrm>
            <a:off x="5772462" y="685800"/>
            <a:ext cx="2915409" cy="4038600"/>
          </a:xfrm>
        </p:spPr>
        <p:txBody>
          <a:bodyPr anchor="b">
            <a:noAutofit/>
          </a:bodyPr>
          <a:lstStyle>
            <a:lvl1pPr algn="r" latinLnBrk="0">
              <a:defRPr lang="he-IL" sz="3001" b="0">
                <a:latin typeface="Tahoma" panose="020B0604030504040204" pitchFamily="34" charset="0"/>
                <a:ea typeface="Tahoma" panose="020B0604030504040204" pitchFamily="34" charset="0"/>
                <a:cs typeface="Tahoma" panose="020B0604030504040204" pitchFamily="34" charset="0"/>
              </a:defRPr>
            </a:lvl1pPr>
          </a:lstStyle>
          <a:p>
            <a:pPr algn="r" rtl="1"/>
            <a:r>
              <a:rPr lang="he-IL" smtClean="0"/>
              <a:t>לחץ כדי לערוך סגנון כותרת של תבנית בסיס</a:t>
            </a:r>
            <a:endParaRPr lang="he-IL"/>
          </a:p>
        </p:txBody>
      </p:sp>
      <p:sp>
        <p:nvSpPr>
          <p:cNvPr id="3" name="מציין מיקום תוכן 2"/>
          <p:cNvSpPr>
            <a:spLocks noGrp="1"/>
          </p:cNvSpPr>
          <p:nvPr>
            <p:ph idx="1"/>
          </p:nvPr>
        </p:nvSpPr>
        <p:spPr>
          <a:xfrm>
            <a:off x="513292" y="685800"/>
            <a:ext cx="4230202" cy="5486400"/>
          </a:xfrm>
        </p:spPr>
        <p:txBody>
          <a:bodyPr>
            <a:normAutofit/>
          </a:bodyPr>
          <a:lstStyle>
            <a:lvl1pPr algn="r" latinLnBrk="0">
              <a:defRPr lang="he-IL" sz="1800">
                <a:latin typeface="Tahoma" panose="020B0604030504040204" pitchFamily="34" charset="0"/>
                <a:ea typeface="Tahoma" panose="020B0604030504040204" pitchFamily="34" charset="0"/>
                <a:cs typeface="Tahoma" panose="020B0604030504040204" pitchFamily="34" charset="0"/>
              </a:defRPr>
            </a:lvl1pPr>
            <a:lvl2pPr algn="r" latinLnBrk="0">
              <a:defRPr lang="he-IL" sz="1500">
                <a:latin typeface="Tahoma" panose="020B0604030504040204" pitchFamily="34" charset="0"/>
                <a:ea typeface="Tahoma" panose="020B0604030504040204" pitchFamily="34" charset="0"/>
                <a:cs typeface="Tahoma" panose="020B0604030504040204" pitchFamily="34" charset="0"/>
              </a:defRPr>
            </a:lvl2pPr>
            <a:lvl3pPr algn="r" latinLnBrk="0">
              <a:defRPr lang="he-IL" sz="1350">
                <a:latin typeface="Tahoma" panose="020B0604030504040204" pitchFamily="34" charset="0"/>
                <a:ea typeface="Tahoma" panose="020B0604030504040204" pitchFamily="34" charset="0"/>
                <a:cs typeface="Tahoma" panose="020B0604030504040204" pitchFamily="34" charset="0"/>
              </a:defRPr>
            </a:lvl3pPr>
            <a:lvl4pPr algn="r" latinLnBrk="0">
              <a:defRPr lang="he-IL" sz="1200">
                <a:latin typeface="Tahoma" panose="020B0604030504040204" pitchFamily="34" charset="0"/>
                <a:ea typeface="Tahoma" panose="020B0604030504040204" pitchFamily="34" charset="0"/>
                <a:cs typeface="Tahoma" panose="020B0604030504040204" pitchFamily="34" charset="0"/>
              </a:defRPr>
            </a:lvl4pPr>
            <a:lvl5pPr algn="r" latinLnBrk="0">
              <a:defRPr lang="he-IL" sz="1200">
                <a:latin typeface="Tahoma" panose="020B0604030504040204" pitchFamily="34" charset="0"/>
                <a:ea typeface="Tahoma" panose="020B0604030504040204" pitchFamily="34" charset="0"/>
                <a:cs typeface="Tahoma" panose="020B0604030504040204" pitchFamily="34" charset="0"/>
              </a:defRPr>
            </a:lvl5pPr>
            <a:lvl6pPr algn="r" latinLnBrk="0">
              <a:defRPr lang="he-IL" sz="1200"/>
            </a:lvl6pPr>
            <a:lvl7pPr algn="r" latinLnBrk="0">
              <a:defRPr lang="he-IL" sz="1200"/>
            </a:lvl7pPr>
            <a:lvl8pPr algn="r" latinLnBrk="0">
              <a:defRPr lang="he-IL" sz="1200"/>
            </a:lvl8pPr>
            <a:lvl9pPr algn="r" latinLnBrk="0">
              <a:defRPr lang="he-IL" sz="1200"/>
            </a:lvl9pPr>
          </a:lstStyle>
          <a:p>
            <a:pPr lvl="0" algn="r" rtl="1"/>
            <a:r>
              <a:rPr lang="he-IL" smtClean="0"/>
              <a:t>לחץ כדי לערוך סגנונות טקסט של תבנית בסיס</a:t>
            </a:r>
          </a:p>
          <a:p>
            <a:pPr lvl="1" algn="r" rtl="1"/>
            <a:r>
              <a:rPr lang="he-IL" smtClean="0"/>
              <a:t>רמה שנייה</a:t>
            </a:r>
          </a:p>
          <a:p>
            <a:pPr lvl="2" algn="r" rtl="1"/>
            <a:r>
              <a:rPr lang="he-IL" smtClean="0"/>
              <a:t>רמה שלישית</a:t>
            </a:r>
          </a:p>
          <a:p>
            <a:pPr lvl="3" algn="r" rtl="1"/>
            <a:r>
              <a:rPr lang="he-IL" smtClean="0"/>
              <a:t>רמה רביעית</a:t>
            </a:r>
          </a:p>
          <a:p>
            <a:pPr lvl="4" algn="r" rtl="1"/>
            <a:r>
              <a:rPr lang="he-IL" smtClean="0"/>
              <a:t>רמה חמישית</a:t>
            </a:r>
            <a:endParaRPr lang="he-IL"/>
          </a:p>
        </p:txBody>
      </p:sp>
      <p:sp>
        <p:nvSpPr>
          <p:cNvPr id="4" name="מציין מיקום טקסט 3"/>
          <p:cNvSpPr>
            <a:spLocks noGrp="1"/>
          </p:cNvSpPr>
          <p:nvPr>
            <p:ph type="body" sz="half" idx="2"/>
          </p:nvPr>
        </p:nvSpPr>
        <p:spPr>
          <a:xfrm>
            <a:off x="5772462" y="4876800"/>
            <a:ext cx="2915409" cy="1295400"/>
          </a:xfrm>
        </p:spPr>
        <p:txBody>
          <a:bodyPr>
            <a:normAutofit/>
          </a:bodyPr>
          <a:lstStyle>
            <a:lvl1pPr marL="0" indent="0" algn="r" latinLnBrk="0">
              <a:spcBef>
                <a:spcPts val="0"/>
              </a:spcBef>
              <a:buNone/>
              <a:defRPr lang="he-IL" sz="1350">
                <a:latin typeface="Tahoma" panose="020B0604030504040204" pitchFamily="34" charset="0"/>
                <a:ea typeface="Tahoma" panose="020B0604030504040204" pitchFamily="34" charset="0"/>
                <a:cs typeface="Tahoma" panose="020B0604030504040204" pitchFamily="34" charset="0"/>
              </a:defRPr>
            </a:lvl1pPr>
            <a:lvl2pPr marL="342991" indent="0" algn="r" latinLnBrk="0">
              <a:buNone/>
              <a:defRPr lang="he-IL" sz="900"/>
            </a:lvl2pPr>
            <a:lvl3pPr marL="685983" indent="0" algn="r" latinLnBrk="0">
              <a:buNone/>
              <a:defRPr lang="he-IL" sz="750"/>
            </a:lvl3pPr>
            <a:lvl4pPr marL="1028974" indent="0" algn="r" latinLnBrk="0">
              <a:buNone/>
              <a:defRPr lang="he-IL" sz="675"/>
            </a:lvl4pPr>
            <a:lvl5pPr marL="1371966" indent="0" algn="r" latinLnBrk="0">
              <a:buNone/>
              <a:defRPr lang="he-IL" sz="675"/>
            </a:lvl5pPr>
            <a:lvl6pPr marL="1714957" indent="0" algn="r" latinLnBrk="0">
              <a:buNone/>
              <a:defRPr lang="he-IL" sz="675"/>
            </a:lvl6pPr>
            <a:lvl7pPr marL="2057949" indent="0" algn="r" latinLnBrk="0">
              <a:buNone/>
              <a:defRPr lang="he-IL" sz="675"/>
            </a:lvl7pPr>
            <a:lvl8pPr marL="2400940" indent="0" algn="r" latinLnBrk="0">
              <a:buNone/>
              <a:defRPr lang="he-IL" sz="675"/>
            </a:lvl8pPr>
            <a:lvl9pPr marL="2743932" indent="0" algn="r" latinLnBrk="0">
              <a:buNone/>
              <a:defRPr lang="he-IL" sz="675"/>
            </a:lvl9pPr>
          </a:lstStyle>
          <a:p>
            <a:pPr lvl="0" algn="r" rtl="1"/>
            <a:r>
              <a:rPr lang="he-IL" smtClean="0"/>
              <a:t>לחץ כדי לערוך סגנונות טקסט של תבנית בסיס</a:t>
            </a:r>
          </a:p>
        </p:txBody>
      </p:sp>
      <p:sp>
        <p:nvSpPr>
          <p:cNvPr id="5" name="מציין מיקום תאריך 4"/>
          <p:cNvSpPr>
            <a:spLocks noGrp="1"/>
          </p:cNvSpPr>
          <p:nvPr>
            <p:ph type="dt" sz="half" idx="10"/>
          </p:nvPr>
        </p:nvSpPr>
        <p:spPr/>
        <p:txBody>
          <a:bodyPr/>
          <a:lstStyle>
            <a:lvl1pPr>
              <a:defRPr>
                <a:latin typeface="Tahoma" panose="020B0604030504040204" pitchFamily="34" charset="0"/>
                <a:ea typeface="Tahoma" panose="020B0604030504040204" pitchFamily="34" charset="0"/>
                <a:cs typeface="Tahoma" panose="020B0604030504040204" pitchFamily="34" charset="0"/>
              </a:defRPr>
            </a:lvl1pPr>
          </a:lstStyle>
          <a:p>
            <a:pPr rtl="1"/>
            <a:fld id="{EDF33987-6305-4E2A-BF18-EF013ECE927B}" type="datetimeFigureOut">
              <a:rPr lang="he-IL" smtClean="0">
                <a:solidFill>
                  <a:srgbClr val="545454"/>
                </a:solidFill>
              </a:rPr>
              <a:pPr rtl="1"/>
              <a:t>כ"ב/שבט/תשע"ו</a:t>
            </a:fld>
            <a:endParaRPr>
              <a:solidFill>
                <a:srgbClr val="545454"/>
              </a:solidFill>
            </a:endParaRPr>
          </a:p>
        </p:txBody>
      </p:sp>
      <p:sp>
        <p:nvSpPr>
          <p:cNvPr id="6" name="מציין מיקום כותרת תחתונה 5"/>
          <p:cNvSpPr>
            <a:spLocks noGrp="1"/>
          </p:cNvSpPr>
          <p:nvPr>
            <p:ph type="ftr" sz="quarter" idx="11"/>
          </p:nvPr>
        </p:nvSpPr>
        <p:spPr/>
        <p:txBody>
          <a:bodyPr/>
          <a:lstStyle>
            <a:lvl1pPr>
              <a:defRPr>
                <a:latin typeface="Tahoma" panose="020B0604030504040204" pitchFamily="34" charset="0"/>
                <a:ea typeface="Tahoma" panose="020B0604030504040204" pitchFamily="34" charset="0"/>
                <a:cs typeface="Tahoma" panose="020B0604030504040204" pitchFamily="34" charset="0"/>
              </a:defRPr>
            </a:lvl1pPr>
          </a:lstStyle>
          <a:p>
            <a:pPr rtl="1"/>
            <a:endParaRPr>
              <a:solidFill>
                <a:srgbClr val="545454"/>
              </a:solidFill>
            </a:endParaRPr>
          </a:p>
        </p:txBody>
      </p:sp>
      <p:sp>
        <p:nvSpPr>
          <p:cNvPr id="7" name="מציין מיקום מספר שקופית 6"/>
          <p:cNvSpPr>
            <a:spLocks noGrp="1"/>
          </p:cNvSpPr>
          <p:nvPr>
            <p:ph type="sldNum" sz="quarter" idx="12"/>
          </p:nvPr>
        </p:nvSpPr>
        <p:spPr/>
        <p:txBody>
          <a:bodyPr/>
          <a:lstStyle>
            <a:lvl1pPr>
              <a:defRPr>
                <a:latin typeface="Tahoma" panose="020B0604030504040204" pitchFamily="34" charset="0"/>
                <a:ea typeface="Tahoma" panose="020B0604030504040204" pitchFamily="34" charset="0"/>
                <a:cs typeface="Tahoma" panose="020B0604030504040204" pitchFamily="34" charset="0"/>
              </a:defRPr>
            </a:lvl1pPr>
          </a:lstStyle>
          <a:p>
            <a:pPr rtl="1"/>
            <a:fld id="{F36C87F6-986D-49E6-AF40-1B3A1EE8064D}" type="slidenum">
              <a:rPr smtClean="0">
                <a:solidFill>
                  <a:srgbClr val="545454"/>
                </a:solidFill>
              </a:rPr>
              <a:pPr rtl="1"/>
              <a:t>‹#›</a:t>
            </a:fld>
            <a:endParaRPr>
              <a:solidFill>
                <a:srgbClr val="545454"/>
              </a:solidFill>
            </a:endParaRPr>
          </a:p>
        </p:txBody>
      </p:sp>
    </p:spTree>
    <p:extLst>
      <p:ext uri="{BB962C8B-B14F-4D97-AF65-F5344CB8AC3E}">
        <p14:creationId xmlns:p14="http://schemas.microsoft.com/office/powerpoint/2010/main" val="25751984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25.xml><?xml version="1.0" encoding="utf-8"?>
<p:sldLayout xmlns:a="http://schemas.openxmlformats.org/drawingml/2006/main" xmlns:r="http://schemas.openxmlformats.org/officeDocument/2006/relationships" xmlns:p="http://schemas.openxmlformats.org/presentationml/2006/main" type="picTx" preserve="1">
  <p:cSld name="תמונה עם כיתוב">
    <p:bg>
      <p:bgPr>
        <a:solidFill>
          <a:schemeClr val="bg1"/>
        </a:solidFill>
        <a:effectLst/>
      </p:bgPr>
    </p:bg>
    <p:spTree>
      <p:nvGrpSpPr>
        <p:cNvPr id="1" name=""/>
        <p:cNvGrpSpPr/>
        <p:nvPr/>
      </p:nvGrpSpPr>
      <p:grpSpPr>
        <a:xfrm>
          <a:off x="0" y="0"/>
          <a:ext cx="0" cy="0"/>
          <a:chOff x="0" y="0"/>
          <a:chExt cx="0" cy="0"/>
        </a:xfrm>
      </p:grpSpPr>
      <p:sp>
        <p:nvSpPr>
          <p:cNvPr id="8" name="מלבן 7"/>
          <p:cNvSpPr/>
          <p:nvPr/>
        </p:nvSpPr>
        <p:spPr>
          <a:xfrm flipH="1">
            <a:off x="5259169" y="0"/>
            <a:ext cx="3886022" cy="6858000"/>
          </a:xfrm>
          <a:prstGeom prst="rect">
            <a:avLst/>
          </a:prstGeom>
          <a:gradFill flip="none" rotWithShape="1">
            <a:gsLst>
              <a:gs pos="0">
                <a:schemeClr val="bg1">
                  <a:lumMod val="85000"/>
                </a:schemeClr>
              </a:gs>
              <a:gs pos="100000">
                <a:srgbClr val="FFFFFF">
                  <a:alpha val="89000"/>
                </a:srgbClr>
              </a:gs>
            </a:gsLst>
            <a:path path="circle">
              <a:fillToRect l="100000" t="100000"/>
            </a:path>
            <a:tileRect r="-100000" b="-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rtl="1" fontAlgn="auto">
              <a:spcBef>
                <a:spcPts val="0"/>
              </a:spcBef>
              <a:spcAft>
                <a:spcPts val="0"/>
              </a:spcAft>
            </a:pPr>
            <a:endParaRPr lang="he-IL" sz="1350">
              <a:solidFill>
                <a:prstClr val="white"/>
              </a:solidFill>
              <a:latin typeface="Tahoma" panose="020B0604030504040204" pitchFamily="34" charset="0"/>
              <a:ea typeface="Tahoma" panose="020B0604030504040204" pitchFamily="34" charset="0"/>
              <a:cs typeface="Tahoma" panose="020B0604030504040204" pitchFamily="34" charset="0"/>
            </a:endParaRPr>
          </a:p>
        </p:txBody>
      </p:sp>
      <p:sp>
        <p:nvSpPr>
          <p:cNvPr id="2" name="כותרת 1"/>
          <p:cNvSpPr>
            <a:spLocks noGrp="1"/>
          </p:cNvSpPr>
          <p:nvPr>
            <p:ph type="title"/>
          </p:nvPr>
        </p:nvSpPr>
        <p:spPr>
          <a:xfrm>
            <a:off x="5772462" y="685800"/>
            <a:ext cx="2915409" cy="4038600"/>
          </a:xfrm>
        </p:spPr>
        <p:txBody>
          <a:bodyPr anchor="b">
            <a:noAutofit/>
          </a:bodyPr>
          <a:lstStyle>
            <a:lvl1pPr algn="r" latinLnBrk="0">
              <a:defRPr lang="he-IL" sz="3001" b="0">
                <a:latin typeface="Tahoma" panose="020B0604030504040204" pitchFamily="34" charset="0"/>
                <a:ea typeface="Tahoma" panose="020B0604030504040204" pitchFamily="34" charset="0"/>
                <a:cs typeface="Tahoma" panose="020B0604030504040204" pitchFamily="34" charset="0"/>
              </a:defRPr>
            </a:lvl1pPr>
          </a:lstStyle>
          <a:p>
            <a:pPr algn="r" rtl="1"/>
            <a:r>
              <a:rPr lang="he-IL" smtClean="0"/>
              <a:t>לחץ כדי לערוך סגנון כותרת של תבנית בסיס</a:t>
            </a:r>
            <a:endParaRPr lang="he-IL"/>
          </a:p>
        </p:txBody>
      </p:sp>
      <p:sp>
        <p:nvSpPr>
          <p:cNvPr id="3" name="מציין מיקום תמונה 2"/>
          <p:cNvSpPr>
            <a:spLocks noGrp="1"/>
          </p:cNvSpPr>
          <p:nvPr>
            <p:ph type="pic" idx="1"/>
          </p:nvPr>
        </p:nvSpPr>
        <p:spPr>
          <a:xfrm>
            <a:off x="513292" y="685800"/>
            <a:ext cx="4230202" cy="5486400"/>
          </a:xfrm>
          <a:solidFill>
            <a:schemeClr val="bg1">
              <a:lumMod val="95000"/>
            </a:schemeClr>
          </a:solidFill>
          <a:ln w="3175">
            <a:solidFill>
              <a:schemeClr val="bg1">
                <a:lumMod val="75000"/>
              </a:schemeClr>
            </a:solidFill>
            <a:miter lim="800000"/>
          </a:ln>
        </p:spPr>
        <p:txBody>
          <a:bodyPr tIns="914400">
            <a:normAutofit/>
          </a:bodyPr>
          <a:lstStyle>
            <a:lvl1pPr marL="0" indent="0" algn="ctr" latinLnBrk="0">
              <a:buNone/>
              <a:defRPr lang="he-IL" sz="1800">
                <a:latin typeface="Tahoma" panose="020B0604030504040204" pitchFamily="34" charset="0"/>
                <a:ea typeface="Tahoma" panose="020B0604030504040204" pitchFamily="34" charset="0"/>
                <a:cs typeface="Tahoma" panose="020B0604030504040204" pitchFamily="34" charset="0"/>
              </a:defRPr>
            </a:lvl1pPr>
            <a:lvl2pPr marL="342991" indent="0" algn="r" latinLnBrk="0">
              <a:buNone/>
              <a:defRPr lang="he-IL" sz="2101"/>
            </a:lvl2pPr>
            <a:lvl3pPr marL="685983" indent="0" algn="r" latinLnBrk="0">
              <a:buNone/>
              <a:defRPr lang="he-IL" sz="1800"/>
            </a:lvl3pPr>
            <a:lvl4pPr marL="1028974" indent="0" algn="r" latinLnBrk="0">
              <a:buNone/>
              <a:defRPr lang="he-IL" sz="1500"/>
            </a:lvl4pPr>
            <a:lvl5pPr marL="1371966" indent="0" algn="r" latinLnBrk="0">
              <a:buNone/>
              <a:defRPr lang="he-IL" sz="1500"/>
            </a:lvl5pPr>
            <a:lvl6pPr marL="1714957" indent="0" algn="r" latinLnBrk="0">
              <a:buNone/>
              <a:defRPr lang="he-IL" sz="1500"/>
            </a:lvl6pPr>
            <a:lvl7pPr marL="2057949" indent="0" algn="r" latinLnBrk="0">
              <a:buNone/>
              <a:defRPr lang="he-IL" sz="1500"/>
            </a:lvl7pPr>
            <a:lvl8pPr marL="2400940" indent="0" algn="r" latinLnBrk="0">
              <a:buNone/>
              <a:defRPr lang="he-IL" sz="1500"/>
            </a:lvl8pPr>
            <a:lvl9pPr marL="2743932" indent="0" algn="r" latinLnBrk="0">
              <a:buNone/>
              <a:defRPr lang="he-IL" sz="1500"/>
            </a:lvl9pPr>
          </a:lstStyle>
          <a:p>
            <a:pPr algn="r" rtl="1"/>
            <a:r>
              <a:rPr lang="he-IL" smtClean="0"/>
              <a:t>לחץ על הסמל כדי להוסיף תמונה</a:t>
            </a:r>
            <a:endParaRPr lang="he-IL"/>
          </a:p>
        </p:txBody>
      </p:sp>
      <p:sp>
        <p:nvSpPr>
          <p:cNvPr id="4" name="מציין מיקום טקסט 3"/>
          <p:cNvSpPr>
            <a:spLocks noGrp="1"/>
          </p:cNvSpPr>
          <p:nvPr>
            <p:ph type="body" sz="half" idx="2"/>
          </p:nvPr>
        </p:nvSpPr>
        <p:spPr>
          <a:xfrm>
            <a:off x="5772462" y="4876800"/>
            <a:ext cx="2915409" cy="1295400"/>
          </a:xfrm>
        </p:spPr>
        <p:txBody>
          <a:bodyPr>
            <a:normAutofit/>
          </a:bodyPr>
          <a:lstStyle>
            <a:lvl1pPr marL="0" indent="0" algn="r" latinLnBrk="0">
              <a:spcBef>
                <a:spcPts val="0"/>
              </a:spcBef>
              <a:buNone/>
              <a:defRPr lang="he-IL" sz="1350">
                <a:latin typeface="Tahoma" panose="020B0604030504040204" pitchFamily="34" charset="0"/>
                <a:ea typeface="Tahoma" panose="020B0604030504040204" pitchFamily="34" charset="0"/>
                <a:cs typeface="Tahoma" panose="020B0604030504040204" pitchFamily="34" charset="0"/>
              </a:defRPr>
            </a:lvl1pPr>
            <a:lvl2pPr marL="342991" indent="0" algn="r" latinLnBrk="0">
              <a:buNone/>
              <a:defRPr lang="he-IL" sz="900"/>
            </a:lvl2pPr>
            <a:lvl3pPr marL="685983" indent="0" algn="r" latinLnBrk="0">
              <a:buNone/>
              <a:defRPr lang="he-IL" sz="750"/>
            </a:lvl3pPr>
            <a:lvl4pPr marL="1028974" indent="0" algn="r" latinLnBrk="0">
              <a:buNone/>
              <a:defRPr lang="he-IL" sz="675"/>
            </a:lvl4pPr>
            <a:lvl5pPr marL="1371966" indent="0" algn="r" latinLnBrk="0">
              <a:buNone/>
              <a:defRPr lang="he-IL" sz="675"/>
            </a:lvl5pPr>
            <a:lvl6pPr marL="1714957" indent="0" algn="r" latinLnBrk="0">
              <a:buNone/>
              <a:defRPr lang="he-IL" sz="675"/>
            </a:lvl6pPr>
            <a:lvl7pPr marL="2057949" indent="0" algn="r" latinLnBrk="0">
              <a:buNone/>
              <a:defRPr lang="he-IL" sz="675"/>
            </a:lvl7pPr>
            <a:lvl8pPr marL="2400940" indent="0" algn="r" latinLnBrk="0">
              <a:buNone/>
              <a:defRPr lang="he-IL" sz="675"/>
            </a:lvl8pPr>
            <a:lvl9pPr marL="2743932" indent="0" algn="r" latinLnBrk="0">
              <a:buNone/>
              <a:defRPr lang="he-IL" sz="675"/>
            </a:lvl9pPr>
          </a:lstStyle>
          <a:p>
            <a:pPr lvl="0" algn="r" rtl="1"/>
            <a:r>
              <a:rPr lang="he-IL" smtClean="0"/>
              <a:t>לחץ כדי לערוך סגנונות טקסט של תבנית בסיס</a:t>
            </a:r>
          </a:p>
        </p:txBody>
      </p:sp>
      <p:sp>
        <p:nvSpPr>
          <p:cNvPr id="5" name="מציין מיקום תאריך 4"/>
          <p:cNvSpPr>
            <a:spLocks noGrp="1"/>
          </p:cNvSpPr>
          <p:nvPr>
            <p:ph type="dt" sz="half" idx="10"/>
          </p:nvPr>
        </p:nvSpPr>
        <p:spPr/>
        <p:txBody>
          <a:bodyPr/>
          <a:lstStyle>
            <a:lvl1pPr>
              <a:defRPr>
                <a:latin typeface="Tahoma" panose="020B0604030504040204" pitchFamily="34" charset="0"/>
                <a:ea typeface="Tahoma" panose="020B0604030504040204" pitchFamily="34" charset="0"/>
                <a:cs typeface="Tahoma" panose="020B0604030504040204" pitchFamily="34" charset="0"/>
              </a:defRPr>
            </a:lvl1pPr>
          </a:lstStyle>
          <a:p>
            <a:pPr rtl="1"/>
            <a:fld id="{EDF33987-6305-4E2A-BF18-EF013ECE927B}" type="datetimeFigureOut">
              <a:rPr lang="he-IL" smtClean="0">
                <a:solidFill>
                  <a:srgbClr val="545454"/>
                </a:solidFill>
              </a:rPr>
              <a:pPr rtl="1"/>
              <a:t>כ"ב/שבט/תשע"ו</a:t>
            </a:fld>
            <a:endParaRPr>
              <a:solidFill>
                <a:srgbClr val="545454"/>
              </a:solidFill>
            </a:endParaRPr>
          </a:p>
        </p:txBody>
      </p:sp>
      <p:sp>
        <p:nvSpPr>
          <p:cNvPr id="6" name="מציין מיקום כותרת תחתונה 5"/>
          <p:cNvSpPr>
            <a:spLocks noGrp="1"/>
          </p:cNvSpPr>
          <p:nvPr>
            <p:ph type="ftr" sz="quarter" idx="11"/>
          </p:nvPr>
        </p:nvSpPr>
        <p:spPr/>
        <p:txBody>
          <a:bodyPr/>
          <a:lstStyle>
            <a:lvl1pPr>
              <a:defRPr>
                <a:latin typeface="Tahoma" panose="020B0604030504040204" pitchFamily="34" charset="0"/>
                <a:ea typeface="Tahoma" panose="020B0604030504040204" pitchFamily="34" charset="0"/>
                <a:cs typeface="Tahoma" panose="020B0604030504040204" pitchFamily="34" charset="0"/>
              </a:defRPr>
            </a:lvl1pPr>
          </a:lstStyle>
          <a:p>
            <a:pPr rtl="1"/>
            <a:endParaRPr>
              <a:solidFill>
                <a:srgbClr val="545454"/>
              </a:solidFill>
            </a:endParaRPr>
          </a:p>
        </p:txBody>
      </p:sp>
      <p:sp>
        <p:nvSpPr>
          <p:cNvPr id="7" name="מציין מיקום מספר שקופית 6"/>
          <p:cNvSpPr>
            <a:spLocks noGrp="1"/>
          </p:cNvSpPr>
          <p:nvPr>
            <p:ph type="sldNum" sz="quarter" idx="12"/>
          </p:nvPr>
        </p:nvSpPr>
        <p:spPr/>
        <p:txBody>
          <a:bodyPr/>
          <a:lstStyle>
            <a:lvl1pPr>
              <a:defRPr>
                <a:latin typeface="Tahoma" panose="020B0604030504040204" pitchFamily="34" charset="0"/>
                <a:ea typeface="Tahoma" panose="020B0604030504040204" pitchFamily="34" charset="0"/>
                <a:cs typeface="Tahoma" panose="020B0604030504040204" pitchFamily="34" charset="0"/>
              </a:defRPr>
            </a:lvl1pPr>
          </a:lstStyle>
          <a:p>
            <a:pPr rtl="1"/>
            <a:fld id="{F36C87F6-986D-49E6-AF40-1B3A1EE8064D}" type="slidenum">
              <a:rPr smtClean="0">
                <a:solidFill>
                  <a:srgbClr val="545454"/>
                </a:solidFill>
              </a:rPr>
              <a:pPr rtl="1"/>
              <a:t>‹#›</a:t>
            </a:fld>
            <a:endParaRPr>
              <a:solidFill>
                <a:srgbClr val="545454"/>
              </a:solidFill>
            </a:endParaRPr>
          </a:p>
        </p:txBody>
      </p:sp>
    </p:spTree>
    <p:extLst>
      <p:ext uri="{BB962C8B-B14F-4D97-AF65-F5344CB8AC3E}">
        <p14:creationId xmlns:p14="http://schemas.microsoft.com/office/powerpoint/2010/main" val="42780175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26.xml><?xml version="1.0" encoding="utf-8"?>
<p:sldLayout xmlns:a="http://schemas.openxmlformats.org/drawingml/2006/main" xmlns:r="http://schemas.openxmlformats.org/officeDocument/2006/relationships" xmlns:p="http://schemas.openxmlformats.org/presentationml/2006/main" type="vertTx" preserve="1">
  <p:cSld name="כותרת וטקסט אנכי">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pPr algn="r" rtl="1"/>
            <a:r>
              <a:rPr lang="he-IL" smtClean="0"/>
              <a:t>לחץ כדי לערוך סגנון כותרת של תבנית בסיס</a:t>
            </a:r>
            <a:endParaRPr lang="he-IL"/>
          </a:p>
        </p:txBody>
      </p:sp>
      <p:sp>
        <p:nvSpPr>
          <p:cNvPr id="3" name="מציין מיקום טקסט אנכי 2"/>
          <p:cNvSpPr>
            <a:spLocks noGrp="1"/>
          </p:cNvSpPr>
          <p:nvPr>
            <p:ph type="body" orient="vert" idx="1"/>
          </p:nvPr>
        </p:nvSpPr>
        <p:spPr/>
        <p:txBody>
          <a:bodyPr vert="eaVert"/>
          <a:lstStyle>
            <a:lvl5pPr algn="r" latinLnBrk="0">
              <a:defRPr lang="he-IL"/>
            </a:lvl5pPr>
            <a:lvl6pPr algn="r" latinLnBrk="0">
              <a:defRPr lang="he-IL"/>
            </a:lvl6pPr>
            <a:lvl7pPr algn="r" latinLnBrk="0">
              <a:defRPr lang="he-IL" baseline="0"/>
            </a:lvl7pPr>
            <a:lvl8pPr algn="r" latinLnBrk="0">
              <a:defRPr lang="he-IL" baseline="0"/>
            </a:lvl8pPr>
          </a:lstStyle>
          <a:p>
            <a:pPr lvl="0" algn="r" rtl="1"/>
            <a:r>
              <a:rPr lang="he-IL" smtClean="0"/>
              <a:t>לחץ כדי לערוך סגנונות טקסט של תבנית בסיס</a:t>
            </a:r>
          </a:p>
          <a:p>
            <a:pPr lvl="1" algn="r" rtl="1"/>
            <a:r>
              <a:rPr lang="he-IL" smtClean="0"/>
              <a:t>רמה שנייה</a:t>
            </a:r>
          </a:p>
          <a:p>
            <a:pPr lvl="2" algn="r" rtl="1"/>
            <a:r>
              <a:rPr lang="he-IL" smtClean="0"/>
              <a:t>רמה שלישית</a:t>
            </a:r>
          </a:p>
          <a:p>
            <a:pPr lvl="3" algn="r" rtl="1"/>
            <a:r>
              <a:rPr lang="he-IL" smtClean="0"/>
              <a:t>רמה רביעית</a:t>
            </a:r>
          </a:p>
          <a:p>
            <a:pPr lvl="4" algn="r" rtl="1"/>
            <a:r>
              <a:rPr lang="he-IL" smtClean="0"/>
              <a:t>רמה חמישית</a:t>
            </a:r>
            <a:endParaRPr lang="he-IL"/>
          </a:p>
        </p:txBody>
      </p:sp>
      <p:sp>
        <p:nvSpPr>
          <p:cNvPr id="4" name="מציין מיקום תאריך 3"/>
          <p:cNvSpPr>
            <a:spLocks noGrp="1"/>
          </p:cNvSpPr>
          <p:nvPr>
            <p:ph type="dt" sz="half" idx="10"/>
          </p:nvPr>
        </p:nvSpPr>
        <p:spPr/>
        <p:txBody>
          <a:bodyPr/>
          <a:lstStyle/>
          <a:p>
            <a:pPr rtl="1"/>
            <a:fld id="{EDF33987-6305-4E2A-BF18-EF013ECE927B}" type="datetimeFigureOut">
              <a:rPr lang="he-IL">
                <a:solidFill>
                  <a:srgbClr val="545454"/>
                </a:solidFill>
              </a:rPr>
              <a:pPr rtl="1"/>
              <a:t>כ"ב/שבט/תשע"ו</a:t>
            </a:fld>
            <a:endParaRPr>
              <a:solidFill>
                <a:srgbClr val="545454"/>
              </a:solidFill>
            </a:endParaRPr>
          </a:p>
        </p:txBody>
      </p:sp>
      <p:sp>
        <p:nvSpPr>
          <p:cNvPr id="5" name="מציין מיקום כותרת תחתונה 4"/>
          <p:cNvSpPr>
            <a:spLocks noGrp="1"/>
          </p:cNvSpPr>
          <p:nvPr>
            <p:ph type="ftr" sz="quarter" idx="11"/>
          </p:nvPr>
        </p:nvSpPr>
        <p:spPr/>
        <p:txBody>
          <a:bodyPr/>
          <a:lstStyle/>
          <a:p>
            <a:pPr rtl="1"/>
            <a:endParaRPr>
              <a:solidFill>
                <a:srgbClr val="545454"/>
              </a:solidFill>
            </a:endParaRPr>
          </a:p>
        </p:txBody>
      </p:sp>
      <p:sp>
        <p:nvSpPr>
          <p:cNvPr id="6" name="מציין מיקום מספר שקופית 5"/>
          <p:cNvSpPr>
            <a:spLocks noGrp="1"/>
          </p:cNvSpPr>
          <p:nvPr>
            <p:ph type="sldNum" sz="quarter" idx="12"/>
          </p:nvPr>
        </p:nvSpPr>
        <p:spPr/>
        <p:txBody>
          <a:bodyPr/>
          <a:lstStyle/>
          <a:p>
            <a:pPr rtl="1"/>
            <a:fld id="{F36C87F6-986D-49E6-AF40-1B3A1EE8064D}" type="slidenum">
              <a:rPr>
                <a:solidFill>
                  <a:srgbClr val="545454"/>
                </a:solidFill>
              </a:rPr>
              <a:pPr rtl="1"/>
              <a:t>‹#›</a:t>
            </a:fld>
            <a:endParaRPr>
              <a:solidFill>
                <a:srgbClr val="545454"/>
              </a:solidFill>
            </a:endParaRPr>
          </a:p>
        </p:txBody>
      </p:sp>
    </p:spTree>
    <p:extLst>
      <p:ext uri="{BB962C8B-B14F-4D97-AF65-F5344CB8AC3E}">
        <p14:creationId xmlns:p14="http://schemas.microsoft.com/office/powerpoint/2010/main" val="40826343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27.xml><?xml version="1.0" encoding="utf-8"?>
<p:sldLayout xmlns:a="http://schemas.openxmlformats.org/drawingml/2006/main" xmlns:r="http://schemas.openxmlformats.org/officeDocument/2006/relationships" xmlns:p="http://schemas.openxmlformats.org/presentationml/2006/main" type="vertTitleAndTx" preserve="1">
  <p:cSld name="כותרת וטקסט אנכיים">
    <p:spTree>
      <p:nvGrpSpPr>
        <p:cNvPr id="1" name=""/>
        <p:cNvGrpSpPr/>
        <p:nvPr/>
      </p:nvGrpSpPr>
      <p:grpSpPr>
        <a:xfrm>
          <a:off x="0" y="0"/>
          <a:ext cx="0" cy="0"/>
          <a:chOff x="0" y="0"/>
          <a:chExt cx="0" cy="0"/>
        </a:xfrm>
      </p:grpSpPr>
      <p:sp>
        <p:nvSpPr>
          <p:cNvPr id="2" name="כותרת אנכית 1"/>
          <p:cNvSpPr>
            <a:spLocks noGrp="1"/>
          </p:cNvSpPr>
          <p:nvPr>
            <p:ph type="title" orient="vert"/>
          </p:nvPr>
        </p:nvSpPr>
        <p:spPr>
          <a:xfrm>
            <a:off x="912838" y="685800"/>
            <a:ext cx="1601153" cy="5486400"/>
          </a:xfrm>
        </p:spPr>
        <p:txBody>
          <a:bodyPr vert="eaVert"/>
          <a:lstStyle/>
          <a:p>
            <a:pPr algn="r" rtl="1"/>
            <a:r>
              <a:rPr lang="he-IL" smtClean="0"/>
              <a:t>לחץ כדי לערוך סגנון כותרת של תבנית בסיס</a:t>
            </a:r>
            <a:endParaRPr lang="he-IL"/>
          </a:p>
        </p:txBody>
      </p:sp>
      <p:sp>
        <p:nvSpPr>
          <p:cNvPr id="3" name="מציין מיקום טקסט אנכי 2"/>
          <p:cNvSpPr>
            <a:spLocks noGrp="1"/>
          </p:cNvSpPr>
          <p:nvPr>
            <p:ph type="body" orient="vert" idx="1"/>
          </p:nvPr>
        </p:nvSpPr>
        <p:spPr>
          <a:xfrm>
            <a:off x="2667000" y="685800"/>
            <a:ext cx="5563552" cy="5486400"/>
          </a:xfrm>
        </p:spPr>
        <p:txBody>
          <a:bodyPr vert="eaVert"/>
          <a:lstStyle>
            <a:lvl5pPr algn="r" latinLnBrk="0">
              <a:defRPr lang="he-IL"/>
            </a:lvl5pPr>
            <a:lvl6pPr algn="r" latinLnBrk="0">
              <a:defRPr lang="he-IL"/>
            </a:lvl6pPr>
            <a:lvl7pPr algn="r" latinLnBrk="0">
              <a:defRPr lang="he-IL"/>
            </a:lvl7pPr>
            <a:lvl8pPr algn="r" latinLnBrk="0">
              <a:defRPr lang="he-IL"/>
            </a:lvl8pPr>
            <a:lvl9pPr algn="r" latinLnBrk="0">
              <a:defRPr lang="he-IL"/>
            </a:lvl9pPr>
          </a:lstStyle>
          <a:p>
            <a:pPr lvl="0" algn="r" rtl="1"/>
            <a:r>
              <a:rPr lang="he-IL" smtClean="0"/>
              <a:t>לחץ כדי לערוך סגנונות טקסט של תבנית בסיס</a:t>
            </a:r>
          </a:p>
          <a:p>
            <a:pPr lvl="1" algn="r" rtl="1"/>
            <a:r>
              <a:rPr lang="he-IL" smtClean="0"/>
              <a:t>רמה שנייה</a:t>
            </a:r>
          </a:p>
          <a:p>
            <a:pPr lvl="2" algn="r" rtl="1"/>
            <a:r>
              <a:rPr lang="he-IL" smtClean="0"/>
              <a:t>רמה שלישית</a:t>
            </a:r>
          </a:p>
          <a:p>
            <a:pPr lvl="3" algn="r" rtl="1"/>
            <a:r>
              <a:rPr lang="he-IL" smtClean="0"/>
              <a:t>רמה רביעית</a:t>
            </a:r>
          </a:p>
          <a:p>
            <a:pPr lvl="4" algn="r" rtl="1"/>
            <a:r>
              <a:rPr lang="he-IL" smtClean="0"/>
              <a:t>רמה חמישית</a:t>
            </a:r>
            <a:endParaRPr lang="he-IL"/>
          </a:p>
        </p:txBody>
      </p:sp>
      <p:sp>
        <p:nvSpPr>
          <p:cNvPr id="4" name="מציין מיקום תאריך 3"/>
          <p:cNvSpPr>
            <a:spLocks noGrp="1"/>
          </p:cNvSpPr>
          <p:nvPr>
            <p:ph type="dt" sz="half" idx="10"/>
          </p:nvPr>
        </p:nvSpPr>
        <p:spPr/>
        <p:txBody>
          <a:bodyPr/>
          <a:lstStyle/>
          <a:p>
            <a:pPr rtl="1"/>
            <a:fld id="{EDF33987-6305-4E2A-BF18-EF013ECE927B}" type="datetimeFigureOut">
              <a:rPr lang="he-IL">
                <a:solidFill>
                  <a:srgbClr val="545454"/>
                </a:solidFill>
              </a:rPr>
              <a:pPr rtl="1"/>
              <a:t>כ"ב/שבט/תשע"ו</a:t>
            </a:fld>
            <a:endParaRPr>
              <a:solidFill>
                <a:srgbClr val="545454"/>
              </a:solidFill>
            </a:endParaRPr>
          </a:p>
        </p:txBody>
      </p:sp>
      <p:sp>
        <p:nvSpPr>
          <p:cNvPr id="5" name="מציין מיקום כותרת תחתונה 4"/>
          <p:cNvSpPr>
            <a:spLocks noGrp="1"/>
          </p:cNvSpPr>
          <p:nvPr>
            <p:ph type="ftr" sz="quarter" idx="11"/>
          </p:nvPr>
        </p:nvSpPr>
        <p:spPr/>
        <p:txBody>
          <a:bodyPr/>
          <a:lstStyle/>
          <a:p>
            <a:pPr rtl="1"/>
            <a:endParaRPr>
              <a:solidFill>
                <a:srgbClr val="545454"/>
              </a:solidFill>
            </a:endParaRPr>
          </a:p>
        </p:txBody>
      </p:sp>
      <p:sp>
        <p:nvSpPr>
          <p:cNvPr id="6" name="מציין מיקום מספר שקופית 5"/>
          <p:cNvSpPr>
            <a:spLocks noGrp="1"/>
          </p:cNvSpPr>
          <p:nvPr>
            <p:ph type="sldNum" sz="quarter" idx="12"/>
          </p:nvPr>
        </p:nvSpPr>
        <p:spPr/>
        <p:txBody>
          <a:bodyPr/>
          <a:lstStyle/>
          <a:p>
            <a:pPr rtl="1"/>
            <a:fld id="{F36C87F6-986D-49E6-AF40-1B3A1EE8064D}" type="slidenum">
              <a:rPr>
                <a:solidFill>
                  <a:srgbClr val="545454"/>
                </a:solidFill>
              </a:rPr>
              <a:pPr rtl="1"/>
              <a:t>‹#›</a:t>
            </a:fld>
            <a:endParaRPr>
              <a:solidFill>
                <a:srgbClr val="545454"/>
              </a:solidFill>
            </a:endParaRPr>
          </a:p>
        </p:txBody>
      </p:sp>
    </p:spTree>
    <p:extLst>
      <p:ext uri="{BB962C8B-B14F-4D97-AF65-F5344CB8AC3E}">
        <p14:creationId xmlns:p14="http://schemas.microsoft.com/office/powerpoint/2010/main" val="382961768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28.xml><?xml version="1.0" encoding="utf-8"?>
<p:sldLayout xmlns:a="http://schemas.openxmlformats.org/drawingml/2006/main" xmlns:r="http://schemas.openxmlformats.org/officeDocument/2006/relationships" xmlns:p="http://schemas.openxmlformats.org/presentationml/2006/main" type="title" preserve="1">
  <p:cSld name="שקופית כותרת">
    <p:spTree>
      <p:nvGrpSpPr>
        <p:cNvPr id="1" name=""/>
        <p:cNvGrpSpPr/>
        <p:nvPr/>
      </p:nvGrpSpPr>
      <p:grpSpPr>
        <a:xfrm>
          <a:off x="0" y="0"/>
          <a:ext cx="0" cy="0"/>
          <a:chOff x="0" y="0"/>
          <a:chExt cx="0" cy="0"/>
        </a:xfrm>
      </p:grpSpPr>
      <p:sp>
        <p:nvSpPr>
          <p:cNvPr id="2" name="כותרת 1"/>
          <p:cNvSpPr>
            <a:spLocks noGrp="1"/>
          </p:cNvSpPr>
          <p:nvPr>
            <p:ph type="ctrTitle"/>
          </p:nvPr>
        </p:nvSpPr>
        <p:spPr>
          <a:xfrm>
            <a:off x="1143000" y="1122363"/>
            <a:ext cx="6858000" cy="2387600"/>
          </a:xfrm>
        </p:spPr>
        <p:txBody>
          <a:bodyPr anchor="b"/>
          <a:lstStyle>
            <a:lvl1pPr algn="ctr">
              <a:defRPr sz="6000"/>
            </a:lvl1pPr>
          </a:lstStyle>
          <a:p>
            <a:r>
              <a:rPr lang="he-IL" smtClean="0"/>
              <a:t>לחץ כדי לערוך סגנון כותרת של תבנית בסיס</a:t>
            </a:r>
            <a:endParaRPr lang="he-IL"/>
          </a:p>
        </p:txBody>
      </p:sp>
      <p:sp>
        <p:nvSpPr>
          <p:cNvPr id="3" name="כותרת משנה 2"/>
          <p:cNvSpPr>
            <a:spLocks noGrp="1"/>
          </p:cNvSpPr>
          <p:nvPr>
            <p:ph type="subTitle" idx="1"/>
          </p:nvPr>
        </p:nvSpPr>
        <p:spPr>
          <a:xfrm>
            <a:off x="1143000" y="3602038"/>
            <a:ext cx="6858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he-IL" smtClean="0"/>
              <a:t>לחץ כדי לערוך סגנון כותרת משנה של תבנית בסיס</a:t>
            </a:r>
            <a:endParaRPr lang="he-IL"/>
          </a:p>
        </p:txBody>
      </p:sp>
      <p:sp>
        <p:nvSpPr>
          <p:cNvPr id="4" name="מציין מיקום של תאריך 3"/>
          <p:cNvSpPr>
            <a:spLocks noGrp="1"/>
          </p:cNvSpPr>
          <p:nvPr>
            <p:ph type="dt" sz="half" idx="10"/>
          </p:nvPr>
        </p:nvSpPr>
        <p:spPr/>
        <p:txBody>
          <a:bodyPr/>
          <a:lstStyle/>
          <a:p>
            <a:fld id="{0C87F376-2FD3-40F5-81E1-5068AF2F9806}" type="datetimeFigureOut">
              <a:rPr lang="he-IL" smtClean="0"/>
              <a:t>כ"ב/שבט/תשע"ו</a:t>
            </a:fld>
            <a:endParaRPr lang="he-IL"/>
          </a:p>
        </p:txBody>
      </p:sp>
      <p:sp>
        <p:nvSpPr>
          <p:cNvPr id="5" name="מציין מיקום של כותרת תחתונה 4"/>
          <p:cNvSpPr>
            <a:spLocks noGrp="1"/>
          </p:cNvSpPr>
          <p:nvPr>
            <p:ph type="ftr" sz="quarter" idx="11"/>
          </p:nvPr>
        </p:nvSpPr>
        <p:spPr/>
        <p:txBody>
          <a:bodyPr/>
          <a:lstStyle/>
          <a:p>
            <a:endParaRPr lang="he-IL"/>
          </a:p>
        </p:txBody>
      </p:sp>
      <p:sp>
        <p:nvSpPr>
          <p:cNvPr id="6" name="מציין מיקום של מספר שקופית 5"/>
          <p:cNvSpPr>
            <a:spLocks noGrp="1"/>
          </p:cNvSpPr>
          <p:nvPr>
            <p:ph type="sldNum" sz="quarter" idx="12"/>
          </p:nvPr>
        </p:nvSpPr>
        <p:spPr/>
        <p:txBody>
          <a:bodyPr/>
          <a:lstStyle/>
          <a:p>
            <a:fld id="{4D80DBB1-ADE7-4478-AA75-DCD1B76F8525}" type="slidenum">
              <a:rPr lang="he-IL" smtClean="0"/>
              <a:t>‹#›</a:t>
            </a:fld>
            <a:endParaRPr lang="he-IL"/>
          </a:p>
        </p:txBody>
      </p:sp>
    </p:spTree>
    <p:extLst>
      <p:ext uri="{BB962C8B-B14F-4D97-AF65-F5344CB8AC3E}">
        <p14:creationId xmlns:p14="http://schemas.microsoft.com/office/powerpoint/2010/main" val="2634717993"/>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obj" preserve="1">
  <p:cSld name="כותרת ותוכן">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r>
              <a:rPr lang="he-IL" smtClean="0"/>
              <a:t>לחץ כדי לערוך סגנון כותרת של תבנית בסיס</a:t>
            </a:r>
            <a:endParaRPr lang="he-IL"/>
          </a:p>
        </p:txBody>
      </p:sp>
      <p:sp>
        <p:nvSpPr>
          <p:cNvPr id="3" name="מציין מיקום תוכן 2"/>
          <p:cNvSpPr>
            <a:spLocks noGrp="1"/>
          </p:cNvSpPr>
          <p:nvPr>
            <p:ph idx="1"/>
          </p:nvPr>
        </p:nvSpPr>
        <p:spPr/>
        <p:txBody>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4" name="מציין מיקום של תאריך 3"/>
          <p:cNvSpPr>
            <a:spLocks noGrp="1"/>
          </p:cNvSpPr>
          <p:nvPr>
            <p:ph type="dt" sz="half" idx="10"/>
          </p:nvPr>
        </p:nvSpPr>
        <p:spPr/>
        <p:txBody>
          <a:bodyPr/>
          <a:lstStyle/>
          <a:p>
            <a:fld id="{0C87F376-2FD3-40F5-81E1-5068AF2F9806}" type="datetimeFigureOut">
              <a:rPr lang="he-IL" smtClean="0"/>
              <a:t>כ"ב/שבט/תשע"ו</a:t>
            </a:fld>
            <a:endParaRPr lang="he-IL"/>
          </a:p>
        </p:txBody>
      </p:sp>
      <p:sp>
        <p:nvSpPr>
          <p:cNvPr id="5" name="מציין מיקום של כותרת תחתונה 4"/>
          <p:cNvSpPr>
            <a:spLocks noGrp="1"/>
          </p:cNvSpPr>
          <p:nvPr>
            <p:ph type="ftr" sz="quarter" idx="11"/>
          </p:nvPr>
        </p:nvSpPr>
        <p:spPr/>
        <p:txBody>
          <a:bodyPr/>
          <a:lstStyle/>
          <a:p>
            <a:endParaRPr lang="he-IL"/>
          </a:p>
        </p:txBody>
      </p:sp>
      <p:sp>
        <p:nvSpPr>
          <p:cNvPr id="6" name="מציין מיקום של מספר שקופית 5"/>
          <p:cNvSpPr>
            <a:spLocks noGrp="1"/>
          </p:cNvSpPr>
          <p:nvPr>
            <p:ph type="sldNum" sz="quarter" idx="12"/>
          </p:nvPr>
        </p:nvSpPr>
        <p:spPr/>
        <p:txBody>
          <a:bodyPr/>
          <a:lstStyle/>
          <a:p>
            <a:fld id="{4D80DBB1-ADE7-4478-AA75-DCD1B76F8525}" type="slidenum">
              <a:rPr lang="he-IL" smtClean="0"/>
              <a:t>‹#›</a:t>
            </a:fld>
            <a:endParaRPr lang="he-IL"/>
          </a:p>
        </p:txBody>
      </p:sp>
    </p:spTree>
    <p:extLst>
      <p:ext uri="{BB962C8B-B14F-4D97-AF65-F5344CB8AC3E}">
        <p14:creationId xmlns:p14="http://schemas.microsoft.com/office/powerpoint/2010/main" val="344896825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כותרת מקטע עליונה">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he-IL" smtClean="0"/>
              <a:t>לחץ כדי לערוך סגנון כותרת של תבנית בסיס</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he-IL" smtClean="0"/>
              <a:t>לחץ כדי לערוך סגנונות טקסט של תבנית בסיס</a:t>
            </a:r>
          </a:p>
        </p:txBody>
      </p:sp>
      <p:sp>
        <p:nvSpPr>
          <p:cNvPr id="4" name="Date Placeholder 3"/>
          <p:cNvSpPr>
            <a:spLocks noGrp="1"/>
          </p:cNvSpPr>
          <p:nvPr>
            <p:ph type="dt" sz="half" idx="10"/>
          </p:nvPr>
        </p:nvSpPr>
        <p:spPr/>
        <p:txBody>
          <a:bodyPr/>
          <a:lstStyle>
            <a:lvl1pPr>
              <a:defRPr/>
            </a:lvl1pPr>
          </a:lstStyle>
          <a:p>
            <a:endParaRPr lang="he-IL"/>
          </a:p>
        </p:txBody>
      </p:sp>
      <p:sp>
        <p:nvSpPr>
          <p:cNvPr id="5" name="Footer Placeholder 4"/>
          <p:cNvSpPr>
            <a:spLocks noGrp="1"/>
          </p:cNvSpPr>
          <p:nvPr>
            <p:ph type="ftr" sz="quarter" idx="11"/>
          </p:nvPr>
        </p:nvSpPr>
        <p:spPr/>
        <p:txBody>
          <a:bodyPr/>
          <a:lstStyle>
            <a:lvl1pPr>
              <a:defRPr/>
            </a:lvl1pPr>
          </a:lstStyle>
          <a:p>
            <a:endParaRPr lang="he-IL"/>
          </a:p>
        </p:txBody>
      </p:sp>
      <p:sp>
        <p:nvSpPr>
          <p:cNvPr id="6" name="Slide Number Placeholder 5"/>
          <p:cNvSpPr>
            <a:spLocks noGrp="1"/>
          </p:cNvSpPr>
          <p:nvPr>
            <p:ph type="sldNum" sz="quarter" idx="12"/>
          </p:nvPr>
        </p:nvSpPr>
        <p:spPr/>
        <p:txBody>
          <a:bodyPr/>
          <a:lstStyle>
            <a:lvl1pPr>
              <a:defRPr/>
            </a:lvl1pPr>
          </a:lstStyle>
          <a:p>
            <a:fld id="{76474084-8740-44C5-A4D7-56728AE57F1B}" type="slidenum">
              <a:rPr lang="ar-SA"/>
              <a:pPr/>
              <a:t>‹#›</a:t>
            </a:fld>
            <a:endParaRPr lang="he-IL"/>
          </a:p>
        </p:txBody>
      </p:sp>
    </p:spTree>
    <p:extLst>
      <p:ext uri="{BB962C8B-B14F-4D97-AF65-F5344CB8AC3E}">
        <p14:creationId xmlns:p14="http://schemas.microsoft.com/office/powerpoint/2010/main" val="22001311"/>
      </p:ext>
    </p:extLst>
  </p:cSld>
  <p:clrMapOvr>
    <a:masterClrMapping/>
  </p:clrMapOvr>
  <p:timing>
    <p:tnLst>
      <p:par>
        <p:cTn id="1" dur="indefinite" restart="never" nodeType="tmRoot"/>
      </p:par>
    </p:tnLst>
  </p:timing>
</p:sldLayout>
</file>

<file path=ppt/slideLayouts/slideLayout30.xml><?xml version="1.0" encoding="utf-8"?>
<p:sldLayout xmlns:a="http://schemas.openxmlformats.org/drawingml/2006/main" xmlns:r="http://schemas.openxmlformats.org/officeDocument/2006/relationships" xmlns:p="http://schemas.openxmlformats.org/presentationml/2006/main" type="secHead" preserve="1">
  <p:cSld name="כותרת מקטע עליונה">
    <p:spTree>
      <p:nvGrpSpPr>
        <p:cNvPr id="1" name=""/>
        <p:cNvGrpSpPr/>
        <p:nvPr/>
      </p:nvGrpSpPr>
      <p:grpSpPr>
        <a:xfrm>
          <a:off x="0" y="0"/>
          <a:ext cx="0" cy="0"/>
          <a:chOff x="0" y="0"/>
          <a:chExt cx="0" cy="0"/>
        </a:xfrm>
      </p:grpSpPr>
      <p:sp>
        <p:nvSpPr>
          <p:cNvPr id="2" name="כותרת 1"/>
          <p:cNvSpPr>
            <a:spLocks noGrp="1"/>
          </p:cNvSpPr>
          <p:nvPr>
            <p:ph type="title"/>
          </p:nvPr>
        </p:nvSpPr>
        <p:spPr>
          <a:xfrm>
            <a:off x="623888" y="1709738"/>
            <a:ext cx="7886700" cy="2852737"/>
          </a:xfrm>
        </p:spPr>
        <p:txBody>
          <a:bodyPr anchor="b"/>
          <a:lstStyle>
            <a:lvl1pPr>
              <a:defRPr sz="6000"/>
            </a:lvl1pPr>
          </a:lstStyle>
          <a:p>
            <a:r>
              <a:rPr lang="he-IL" smtClean="0"/>
              <a:t>לחץ כדי לערוך סגנון כותרת של תבנית בסיס</a:t>
            </a:r>
            <a:endParaRPr lang="he-IL"/>
          </a:p>
        </p:txBody>
      </p:sp>
      <p:sp>
        <p:nvSpPr>
          <p:cNvPr id="3" name="מציין מיקום טקסט 2"/>
          <p:cNvSpPr>
            <a:spLocks noGrp="1"/>
          </p:cNvSpPr>
          <p:nvPr>
            <p:ph type="body" idx="1"/>
          </p:nvPr>
        </p:nvSpPr>
        <p:spPr>
          <a:xfrm>
            <a:off x="623888" y="4589463"/>
            <a:ext cx="78867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he-IL" smtClean="0"/>
              <a:t>לחץ כדי לערוך סגנונות טקסט של תבנית בסיס</a:t>
            </a:r>
          </a:p>
        </p:txBody>
      </p:sp>
      <p:sp>
        <p:nvSpPr>
          <p:cNvPr id="4" name="מציין מיקום של תאריך 3"/>
          <p:cNvSpPr>
            <a:spLocks noGrp="1"/>
          </p:cNvSpPr>
          <p:nvPr>
            <p:ph type="dt" sz="half" idx="10"/>
          </p:nvPr>
        </p:nvSpPr>
        <p:spPr/>
        <p:txBody>
          <a:bodyPr/>
          <a:lstStyle/>
          <a:p>
            <a:fld id="{0C87F376-2FD3-40F5-81E1-5068AF2F9806}" type="datetimeFigureOut">
              <a:rPr lang="he-IL" smtClean="0"/>
              <a:t>כ"ב/שבט/תשע"ו</a:t>
            </a:fld>
            <a:endParaRPr lang="he-IL"/>
          </a:p>
        </p:txBody>
      </p:sp>
      <p:sp>
        <p:nvSpPr>
          <p:cNvPr id="5" name="מציין מיקום של כותרת תחתונה 4"/>
          <p:cNvSpPr>
            <a:spLocks noGrp="1"/>
          </p:cNvSpPr>
          <p:nvPr>
            <p:ph type="ftr" sz="quarter" idx="11"/>
          </p:nvPr>
        </p:nvSpPr>
        <p:spPr/>
        <p:txBody>
          <a:bodyPr/>
          <a:lstStyle/>
          <a:p>
            <a:endParaRPr lang="he-IL"/>
          </a:p>
        </p:txBody>
      </p:sp>
      <p:sp>
        <p:nvSpPr>
          <p:cNvPr id="6" name="מציין מיקום של מספר שקופית 5"/>
          <p:cNvSpPr>
            <a:spLocks noGrp="1"/>
          </p:cNvSpPr>
          <p:nvPr>
            <p:ph type="sldNum" sz="quarter" idx="12"/>
          </p:nvPr>
        </p:nvSpPr>
        <p:spPr/>
        <p:txBody>
          <a:bodyPr/>
          <a:lstStyle/>
          <a:p>
            <a:fld id="{4D80DBB1-ADE7-4478-AA75-DCD1B76F8525}" type="slidenum">
              <a:rPr lang="he-IL" smtClean="0"/>
              <a:t>‹#›</a:t>
            </a:fld>
            <a:endParaRPr lang="he-IL"/>
          </a:p>
        </p:txBody>
      </p:sp>
    </p:spTree>
    <p:extLst>
      <p:ext uri="{BB962C8B-B14F-4D97-AF65-F5344CB8AC3E}">
        <p14:creationId xmlns:p14="http://schemas.microsoft.com/office/powerpoint/2010/main" val="20676004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woObj" preserve="1">
  <p:cSld name="שני תכנים">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r>
              <a:rPr lang="he-IL" smtClean="0"/>
              <a:t>לחץ כדי לערוך סגנון כותרת של תבנית בסיס</a:t>
            </a:r>
            <a:endParaRPr lang="he-IL"/>
          </a:p>
        </p:txBody>
      </p:sp>
      <p:sp>
        <p:nvSpPr>
          <p:cNvPr id="3" name="מציין מיקום תוכן 2"/>
          <p:cNvSpPr>
            <a:spLocks noGrp="1"/>
          </p:cNvSpPr>
          <p:nvPr>
            <p:ph sz="half" idx="1"/>
          </p:nvPr>
        </p:nvSpPr>
        <p:spPr>
          <a:xfrm>
            <a:off x="628650" y="1825625"/>
            <a:ext cx="3867150" cy="4351338"/>
          </a:xfrm>
        </p:spPr>
        <p:txBody>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4" name="מציין מיקום תוכן 3"/>
          <p:cNvSpPr>
            <a:spLocks noGrp="1"/>
          </p:cNvSpPr>
          <p:nvPr>
            <p:ph sz="half" idx="2"/>
          </p:nvPr>
        </p:nvSpPr>
        <p:spPr>
          <a:xfrm>
            <a:off x="4648200" y="1825625"/>
            <a:ext cx="3867150" cy="4351338"/>
          </a:xfrm>
        </p:spPr>
        <p:txBody>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5" name="מציין מיקום של תאריך 4"/>
          <p:cNvSpPr>
            <a:spLocks noGrp="1"/>
          </p:cNvSpPr>
          <p:nvPr>
            <p:ph type="dt" sz="half" idx="10"/>
          </p:nvPr>
        </p:nvSpPr>
        <p:spPr/>
        <p:txBody>
          <a:bodyPr/>
          <a:lstStyle/>
          <a:p>
            <a:fld id="{0C87F376-2FD3-40F5-81E1-5068AF2F9806}" type="datetimeFigureOut">
              <a:rPr lang="he-IL" smtClean="0"/>
              <a:t>כ"ב/שבט/תשע"ו</a:t>
            </a:fld>
            <a:endParaRPr lang="he-IL"/>
          </a:p>
        </p:txBody>
      </p:sp>
      <p:sp>
        <p:nvSpPr>
          <p:cNvPr id="6" name="מציין מיקום של כותרת תחתונה 5"/>
          <p:cNvSpPr>
            <a:spLocks noGrp="1"/>
          </p:cNvSpPr>
          <p:nvPr>
            <p:ph type="ftr" sz="quarter" idx="11"/>
          </p:nvPr>
        </p:nvSpPr>
        <p:spPr/>
        <p:txBody>
          <a:bodyPr/>
          <a:lstStyle/>
          <a:p>
            <a:endParaRPr lang="he-IL"/>
          </a:p>
        </p:txBody>
      </p:sp>
      <p:sp>
        <p:nvSpPr>
          <p:cNvPr id="7" name="מציין מיקום של מספר שקופית 6"/>
          <p:cNvSpPr>
            <a:spLocks noGrp="1"/>
          </p:cNvSpPr>
          <p:nvPr>
            <p:ph type="sldNum" sz="quarter" idx="12"/>
          </p:nvPr>
        </p:nvSpPr>
        <p:spPr/>
        <p:txBody>
          <a:bodyPr/>
          <a:lstStyle/>
          <a:p>
            <a:fld id="{4D80DBB1-ADE7-4478-AA75-DCD1B76F8525}" type="slidenum">
              <a:rPr lang="he-IL" smtClean="0"/>
              <a:t>‹#›</a:t>
            </a:fld>
            <a:endParaRPr lang="he-IL"/>
          </a:p>
        </p:txBody>
      </p:sp>
    </p:spTree>
    <p:extLst>
      <p:ext uri="{BB962C8B-B14F-4D97-AF65-F5344CB8AC3E}">
        <p14:creationId xmlns:p14="http://schemas.microsoft.com/office/powerpoint/2010/main" val="1348044621"/>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twoTxTwoObj" preserve="1">
  <p:cSld name="השוואה">
    <p:spTree>
      <p:nvGrpSpPr>
        <p:cNvPr id="1" name=""/>
        <p:cNvGrpSpPr/>
        <p:nvPr/>
      </p:nvGrpSpPr>
      <p:grpSpPr>
        <a:xfrm>
          <a:off x="0" y="0"/>
          <a:ext cx="0" cy="0"/>
          <a:chOff x="0" y="0"/>
          <a:chExt cx="0" cy="0"/>
        </a:xfrm>
      </p:grpSpPr>
      <p:sp>
        <p:nvSpPr>
          <p:cNvPr id="2" name="כותרת 1"/>
          <p:cNvSpPr>
            <a:spLocks noGrp="1"/>
          </p:cNvSpPr>
          <p:nvPr>
            <p:ph type="title"/>
          </p:nvPr>
        </p:nvSpPr>
        <p:spPr>
          <a:xfrm>
            <a:off x="630238" y="365125"/>
            <a:ext cx="7886700" cy="1325563"/>
          </a:xfrm>
        </p:spPr>
        <p:txBody>
          <a:bodyPr/>
          <a:lstStyle/>
          <a:p>
            <a:r>
              <a:rPr lang="he-IL" smtClean="0"/>
              <a:t>לחץ כדי לערוך סגנון כותרת של תבנית בסיס</a:t>
            </a:r>
            <a:endParaRPr lang="he-IL"/>
          </a:p>
        </p:txBody>
      </p:sp>
      <p:sp>
        <p:nvSpPr>
          <p:cNvPr id="3" name="מציין מיקום טקסט 2"/>
          <p:cNvSpPr>
            <a:spLocks noGrp="1"/>
          </p:cNvSpPr>
          <p:nvPr>
            <p:ph type="body" idx="1"/>
          </p:nvPr>
        </p:nvSpPr>
        <p:spPr>
          <a:xfrm>
            <a:off x="630238" y="1681163"/>
            <a:ext cx="386873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he-IL" smtClean="0"/>
              <a:t>לחץ כדי לערוך סגנונות טקסט של תבנית בסיס</a:t>
            </a:r>
          </a:p>
        </p:txBody>
      </p:sp>
      <p:sp>
        <p:nvSpPr>
          <p:cNvPr id="4" name="מציין מיקום תוכן 3"/>
          <p:cNvSpPr>
            <a:spLocks noGrp="1"/>
          </p:cNvSpPr>
          <p:nvPr>
            <p:ph sz="half" idx="2"/>
          </p:nvPr>
        </p:nvSpPr>
        <p:spPr>
          <a:xfrm>
            <a:off x="630238" y="2505075"/>
            <a:ext cx="3868737" cy="3684588"/>
          </a:xfrm>
        </p:spPr>
        <p:txBody>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5" name="מציין מיקום טקסט 4"/>
          <p:cNvSpPr>
            <a:spLocks noGrp="1"/>
          </p:cNvSpPr>
          <p:nvPr>
            <p:ph type="body" sz="quarter" idx="3"/>
          </p:nvPr>
        </p:nvSpPr>
        <p:spPr>
          <a:xfrm>
            <a:off x="4629150" y="1681163"/>
            <a:ext cx="38877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he-IL" smtClean="0"/>
              <a:t>לחץ כדי לערוך סגנונות טקסט של תבנית בסיס</a:t>
            </a:r>
          </a:p>
        </p:txBody>
      </p:sp>
      <p:sp>
        <p:nvSpPr>
          <p:cNvPr id="6" name="מציין מיקום תוכן 5"/>
          <p:cNvSpPr>
            <a:spLocks noGrp="1"/>
          </p:cNvSpPr>
          <p:nvPr>
            <p:ph sz="quarter" idx="4"/>
          </p:nvPr>
        </p:nvSpPr>
        <p:spPr>
          <a:xfrm>
            <a:off x="4629150" y="2505075"/>
            <a:ext cx="3887788" cy="3684588"/>
          </a:xfrm>
        </p:spPr>
        <p:txBody>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7" name="מציין מיקום של תאריך 6"/>
          <p:cNvSpPr>
            <a:spLocks noGrp="1"/>
          </p:cNvSpPr>
          <p:nvPr>
            <p:ph type="dt" sz="half" idx="10"/>
          </p:nvPr>
        </p:nvSpPr>
        <p:spPr/>
        <p:txBody>
          <a:bodyPr/>
          <a:lstStyle/>
          <a:p>
            <a:fld id="{0C87F376-2FD3-40F5-81E1-5068AF2F9806}" type="datetimeFigureOut">
              <a:rPr lang="he-IL" smtClean="0"/>
              <a:t>כ"ב/שבט/תשע"ו</a:t>
            </a:fld>
            <a:endParaRPr lang="he-IL"/>
          </a:p>
        </p:txBody>
      </p:sp>
      <p:sp>
        <p:nvSpPr>
          <p:cNvPr id="8" name="מציין מיקום של כותרת תחתונה 7"/>
          <p:cNvSpPr>
            <a:spLocks noGrp="1"/>
          </p:cNvSpPr>
          <p:nvPr>
            <p:ph type="ftr" sz="quarter" idx="11"/>
          </p:nvPr>
        </p:nvSpPr>
        <p:spPr/>
        <p:txBody>
          <a:bodyPr/>
          <a:lstStyle/>
          <a:p>
            <a:endParaRPr lang="he-IL"/>
          </a:p>
        </p:txBody>
      </p:sp>
      <p:sp>
        <p:nvSpPr>
          <p:cNvPr id="9" name="מציין מיקום של מספר שקופית 8"/>
          <p:cNvSpPr>
            <a:spLocks noGrp="1"/>
          </p:cNvSpPr>
          <p:nvPr>
            <p:ph type="sldNum" sz="quarter" idx="12"/>
          </p:nvPr>
        </p:nvSpPr>
        <p:spPr/>
        <p:txBody>
          <a:bodyPr/>
          <a:lstStyle/>
          <a:p>
            <a:fld id="{4D80DBB1-ADE7-4478-AA75-DCD1B76F8525}" type="slidenum">
              <a:rPr lang="he-IL" smtClean="0"/>
              <a:t>‹#›</a:t>
            </a:fld>
            <a:endParaRPr lang="he-IL"/>
          </a:p>
        </p:txBody>
      </p:sp>
    </p:spTree>
    <p:extLst>
      <p:ext uri="{BB962C8B-B14F-4D97-AF65-F5344CB8AC3E}">
        <p14:creationId xmlns:p14="http://schemas.microsoft.com/office/powerpoint/2010/main" val="56094666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titleOnly" preserve="1">
  <p:cSld name="כותרת בלבד">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r>
              <a:rPr lang="he-IL" smtClean="0"/>
              <a:t>לחץ כדי לערוך סגנון כותרת של תבנית בסיס</a:t>
            </a:r>
            <a:endParaRPr lang="he-IL"/>
          </a:p>
        </p:txBody>
      </p:sp>
      <p:sp>
        <p:nvSpPr>
          <p:cNvPr id="3" name="מציין מיקום של תאריך 2"/>
          <p:cNvSpPr>
            <a:spLocks noGrp="1"/>
          </p:cNvSpPr>
          <p:nvPr>
            <p:ph type="dt" sz="half" idx="10"/>
          </p:nvPr>
        </p:nvSpPr>
        <p:spPr/>
        <p:txBody>
          <a:bodyPr/>
          <a:lstStyle/>
          <a:p>
            <a:fld id="{0C87F376-2FD3-40F5-81E1-5068AF2F9806}" type="datetimeFigureOut">
              <a:rPr lang="he-IL" smtClean="0"/>
              <a:t>כ"ב/שבט/תשע"ו</a:t>
            </a:fld>
            <a:endParaRPr lang="he-IL"/>
          </a:p>
        </p:txBody>
      </p:sp>
      <p:sp>
        <p:nvSpPr>
          <p:cNvPr id="4" name="מציין מיקום של כותרת תחתונה 3"/>
          <p:cNvSpPr>
            <a:spLocks noGrp="1"/>
          </p:cNvSpPr>
          <p:nvPr>
            <p:ph type="ftr" sz="quarter" idx="11"/>
          </p:nvPr>
        </p:nvSpPr>
        <p:spPr/>
        <p:txBody>
          <a:bodyPr/>
          <a:lstStyle/>
          <a:p>
            <a:endParaRPr lang="he-IL"/>
          </a:p>
        </p:txBody>
      </p:sp>
      <p:sp>
        <p:nvSpPr>
          <p:cNvPr id="5" name="מציין מיקום של מספר שקופית 4"/>
          <p:cNvSpPr>
            <a:spLocks noGrp="1"/>
          </p:cNvSpPr>
          <p:nvPr>
            <p:ph type="sldNum" sz="quarter" idx="12"/>
          </p:nvPr>
        </p:nvSpPr>
        <p:spPr/>
        <p:txBody>
          <a:bodyPr/>
          <a:lstStyle/>
          <a:p>
            <a:fld id="{4D80DBB1-ADE7-4478-AA75-DCD1B76F8525}" type="slidenum">
              <a:rPr lang="he-IL" smtClean="0"/>
              <a:t>‹#›</a:t>
            </a:fld>
            <a:endParaRPr lang="he-IL"/>
          </a:p>
        </p:txBody>
      </p:sp>
    </p:spTree>
    <p:extLst>
      <p:ext uri="{BB962C8B-B14F-4D97-AF65-F5344CB8AC3E}">
        <p14:creationId xmlns:p14="http://schemas.microsoft.com/office/powerpoint/2010/main" val="74786224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blank" preserve="1">
  <p:cSld name="ריק">
    <p:spTree>
      <p:nvGrpSpPr>
        <p:cNvPr id="1" name=""/>
        <p:cNvGrpSpPr/>
        <p:nvPr/>
      </p:nvGrpSpPr>
      <p:grpSpPr>
        <a:xfrm>
          <a:off x="0" y="0"/>
          <a:ext cx="0" cy="0"/>
          <a:chOff x="0" y="0"/>
          <a:chExt cx="0" cy="0"/>
        </a:xfrm>
      </p:grpSpPr>
      <p:sp>
        <p:nvSpPr>
          <p:cNvPr id="2" name="מציין מיקום של תאריך 1"/>
          <p:cNvSpPr>
            <a:spLocks noGrp="1"/>
          </p:cNvSpPr>
          <p:nvPr>
            <p:ph type="dt" sz="half" idx="10"/>
          </p:nvPr>
        </p:nvSpPr>
        <p:spPr/>
        <p:txBody>
          <a:bodyPr/>
          <a:lstStyle/>
          <a:p>
            <a:fld id="{0C87F376-2FD3-40F5-81E1-5068AF2F9806}" type="datetimeFigureOut">
              <a:rPr lang="he-IL" smtClean="0"/>
              <a:t>כ"ב/שבט/תשע"ו</a:t>
            </a:fld>
            <a:endParaRPr lang="he-IL"/>
          </a:p>
        </p:txBody>
      </p:sp>
      <p:sp>
        <p:nvSpPr>
          <p:cNvPr id="3" name="מציין מיקום של כותרת תחתונה 2"/>
          <p:cNvSpPr>
            <a:spLocks noGrp="1"/>
          </p:cNvSpPr>
          <p:nvPr>
            <p:ph type="ftr" sz="quarter" idx="11"/>
          </p:nvPr>
        </p:nvSpPr>
        <p:spPr/>
        <p:txBody>
          <a:bodyPr/>
          <a:lstStyle/>
          <a:p>
            <a:endParaRPr lang="he-IL"/>
          </a:p>
        </p:txBody>
      </p:sp>
      <p:sp>
        <p:nvSpPr>
          <p:cNvPr id="4" name="מציין מיקום של מספר שקופית 3"/>
          <p:cNvSpPr>
            <a:spLocks noGrp="1"/>
          </p:cNvSpPr>
          <p:nvPr>
            <p:ph type="sldNum" sz="quarter" idx="12"/>
          </p:nvPr>
        </p:nvSpPr>
        <p:spPr/>
        <p:txBody>
          <a:bodyPr/>
          <a:lstStyle/>
          <a:p>
            <a:fld id="{4D80DBB1-ADE7-4478-AA75-DCD1B76F8525}" type="slidenum">
              <a:rPr lang="he-IL" smtClean="0"/>
              <a:t>‹#›</a:t>
            </a:fld>
            <a:endParaRPr lang="he-IL"/>
          </a:p>
        </p:txBody>
      </p:sp>
    </p:spTree>
    <p:extLst>
      <p:ext uri="{BB962C8B-B14F-4D97-AF65-F5344CB8AC3E}">
        <p14:creationId xmlns:p14="http://schemas.microsoft.com/office/powerpoint/2010/main" val="1530999874"/>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objTx" preserve="1">
  <p:cSld name="תוכן עם כיתוב">
    <p:spTree>
      <p:nvGrpSpPr>
        <p:cNvPr id="1" name=""/>
        <p:cNvGrpSpPr/>
        <p:nvPr/>
      </p:nvGrpSpPr>
      <p:grpSpPr>
        <a:xfrm>
          <a:off x="0" y="0"/>
          <a:ext cx="0" cy="0"/>
          <a:chOff x="0" y="0"/>
          <a:chExt cx="0" cy="0"/>
        </a:xfrm>
      </p:grpSpPr>
      <p:sp>
        <p:nvSpPr>
          <p:cNvPr id="2" name="כותרת 1"/>
          <p:cNvSpPr>
            <a:spLocks noGrp="1"/>
          </p:cNvSpPr>
          <p:nvPr>
            <p:ph type="title"/>
          </p:nvPr>
        </p:nvSpPr>
        <p:spPr>
          <a:xfrm>
            <a:off x="630238" y="457200"/>
            <a:ext cx="2949575" cy="1600200"/>
          </a:xfrm>
        </p:spPr>
        <p:txBody>
          <a:bodyPr anchor="b"/>
          <a:lstStyle>
            <a:lvl1pPr>
              <a:defRPr sz="3200"/>
            </a:lvl1pPr>
          </a:lstStyle>
          <a:p>
            <a:r>
              <a:rPr lang="he-IL" smtClean="0"/>
              <a:t>לחץ כדי לערוך סגנון כותרת של תבנית בסיס</a:t>
            </a:r>
            <a:endParaRPr lang="he-IL"/>
          </a:p>
        </p:txBody>
      </p:sp>
      <p:sp>
        <p:nvSpPr>
          <p:cNvPr id="3" name="מציין מיקום תוכן 2"/>
          <p:cNvSpPr>
            <a:spLocks noGrp="1"/>
          </p:cNvSpPr>
          <p:nvPr>
            <p:ph idx="1"/>
          </p:nvPr>
        </p:nvSpPr>
        <p:spPr>
          <a:xfrm>
            <a:off x="3887788" y="987425"/>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4" name="מציין מיקום טקסט 3"/>
          <p:cNvSpPr>
            <a:spLocks noGrp="1"/>
          </p:cNvSpPr>
          <p:nvPr>
            <p:ph type="body" sz="half" idx="2"/>
          </p:nvPr>
        </p:nvSpPr>
        <p:spPr>
          <a:xfrm>
            <a:off x="630238" y="2057400"/>
            <a:ext cx="2949575"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he-IL" smtClean="0"/>
              <a:t>לחץ כדי לערוך סגנונות טקסט של תבנית בסיס</a:t>
            </a:r>
          </a:p>
        </p:txBody>
      </p:sp>
      <p:sp>
        <p:nvSpPr>
          <p:cNvPr id="5" name="מציין מיקום של תאריך 4"/>
          <p:cNvSpPr>
            <a:spLocks noGrp="1"/>
          </p:cNvSpPr>
          <p:nvPr>
            <p:ph type="dt" sz="half" idx="10"/>
          </p:nvPr>
        </p:nvSpPr>
        <p:spPr/>
        <p:txBody>
          <a:bodyPr/>
          <a:lstStyle/>
          <a:p>
            <a:fld id="{0C87F376-2FD3-40F5-81E1-5068AF2F9806}" type="datetimeFigureOut">
              <a:rPr lang="he-IL" smtClean="0"/>
              <a:t>כ"ב/שבט/תשע"ו</a:t>
            </a:fld>
            <a:endParaRPr lang="he-IL"/>
          </a:p>
        </p:txBody>
      </p:sp>
      <p:sp>
        <p:nvSpPr>
          <p:cNvPr id="6" name="מציין מיקום של כותרת תחתונה 5"/>
          <p:cNvSpPr>
            <a:spLocks noGrp="1"/>
          </p:cNvSpPr>
          <p:nvPr>
            <p:ph type="ftr" sz="quarter" idx="11"/>
          </p:nvPr>
        </p:nvSpPr>
        <p:spPr/>
        <p:txBody>
          <a:bodyPr/>
          <a:lstStyle/>
          <a:p>
            <a:endParaRPr lang="he-IL"/>
          </a:p>
        </p:txBody>
      </p:sp>
      <p:sp>
        <p:nvSpPr>
          <p:cNvPr id="7" name="מציין מיקום של מספר שקופית 6"/>
          <p:cNvSpPr>
            <a:spLocks noGrp="1"/>
          </p:cNvSpPr>
          <p:nvPr>
            <p:ph type="sldNum" sz="quarter" idx="12"/>
          </p:nvPr>
        </p:nvSpPr>
        <p:spPr/>
        <p:txBody>
          <a:bodyPr/>
          <a:lstStyle/>
          <a:p>
            <a:fld id="{4D80DBB1-ADE7-4478-AA75-DCD1B76F8525}" type="slidenum">
              <a:rPr lang="he-IL" smtClean="0"/>
              <a:t>‹#›</a:t>
            </a:fld>
            <a:endParaRPr lang="he-IL"/>
          </a:p>
        </p:txBody>
      </p:sp>
    </p:spTree>
    <p:extLst>
      <p:ext uri="{BB962C8B-B14F-4D97-AF65-F5344CB8AC3E}">
        <p14:creationId xmlns:p14="http://schemas.microsoft.com/office/powerpoint/2010/main" val="2443580461"/>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picTx" preserve="1">
  <p:cSld name="תמונה עם כיתוב">
    <p:spTree>
      <p:nvGrpSpPr>
        <p:cNvPr id="1" name=""/>
        <p:cNvGrpSpPr/>
        <p:nvPr/>
      </p:nvGrpSpPr>
      <p:grpSpPr>
        <a:xfrm>
          <a:off x="0" y="0"/>
          <a:ext cx="0" cy="0"/>
          <a:chOff x="0" y="0"/>
          <a:chExt cx="0" cy="0"/>
        </a:xfrm>
      </p:grpSpPr>
      <p:sp>
        <p:nvSpPr>
          <p:cNvPr id="2" name="כותרת 1"/>
          <p:cNvSpPr>
            <a:spLocks noGrp="1"/>
          </p:cNvSpPr>
          <p:nvPr>
            <p:ph type="title"/>
          </p:nvPr>
        </p:nvSpPr>
        <p:spPr>
          <a:xfrm>
            <a:off x="630238" y="457200"/>
            <a:ext cx="2949575" cy="1600200"/>
          </a:xfrm>
        </p:spPr>
        <p:txBody>
          <a:bodyPr anchor="b"/>
          <a:lstStyle>
            <a:lvl1pPr>
              <a:defRPr sz="3200"/>
            </a:lvl1pPr>
          </a:lstStyle>
          <a:p>
            <a:r>
              <a:rPr lang="he-IL" smtClean="0"/>
              <a:t>לחץ כדי לערוך סגנון כותרת של תבנית בסיס</a:t>
            </a:r>
            <a:endParaRPr lang="he-IL"/>
          </a:p>
        </p:txBody>
      </p:sp>
      <p:sp>
        <p:nvSpPr>
          <p:cNvPr id="3" name="מציין מיקום של תמונה 2"/>
          <p:cNvSpPr>
            <a:spLocks noGrp="1"/>
          </p:cNvSpPr>
          <p:nvPr>
            <p:ph type="pic" idx="1"/>
          </p:nvPr>
        </p:nvSpPr>
        <p:spPr>
          <a:xfrm>
            <a:off x="3887788" y="987425"/>
            <a:ext cx="462915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he-IL"/>
          </a:p>
        </p:txBody>
      </p:sp>
      <p:sp>
        <p:nvSpPr>
          <p:cNvPr id="4" name="מציין מיקום טקסט 3"/>
          <p:cNvSpPr>
            <a:spLocks noGrp="1"/>
          </p:cNvSpPr>
          <p:nvPr>
            <p:ph type="body" sz="half" idx="2"/>
          </p:nvPr>
        </p:nvSpPr>
        <p:spPr>
          <a:xfrm>
            <a:off x="630238" y="2057400"/>
            <a:ext cx="2949575"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he-IL" smtClean="0"/>
              <a:t>לחץ כדי לערוך סגנונות טקסט של תבנית בסיס</a:t>
            </a:r>
          </a:p>
        </p:txBody>
      </p:sp>
      <p:sp>
        <p:nvSpPr>
          <p:cNvPr id="5" name="מציין מיקום של תאריך 4"/>
          <p:cNvSpPr>
            <a:spLocks noGrp="1"/>
          </p:cNvSpPr>
          <p:nvPr>
            <p:ph type="dt" sz="half" idx="10"/>
          </p:nvPr>
        </p:nvSpPr>
        <p:spPr/>
        <p:txBody>
          <a:bodyPr/>
          <a:lstStyle/>
          <a:p>
            <a:fld id="{0C87F376-2FD3-40F5-81E1-5068AF2F9806}" type="datetimeFigureOut">
              <a:rPr lang="he-IL" smtClean="0"/>
              <a:t>כ"ב/שבט/תשע"ו</a:t>
            </a:fld>
            <a:endParaRPr lang="he-IL"/>
          </a:p>
        </p:txBody>
      </p:sp>
      <p:sp>
        <p:nvSpPr>
          <p:cNvPr id="6" name="מציין מיקום של כותרת תחתונה 5"/>
          <p:cNvSpPr>
            <a:spLocks noGrp="1"/>
          </p:cNvSpPr>
          <p:nvPr>
            <p:ph type="ftr" sz="quarter" idx="11"/>
          </p:nvPr>
        </p:nvSpPr>
        <p:spPr/>
        <p:txBody>
          <a:bodyPr/>
          <a:lstStyle/>
          <a:p>
            <a:endParaRPr lang="he-IL"/>
          </a:p>
        </p:txBody>
      </p:sp>
      <p:sp>
        <p:nvSpPr>
          <p:cNvPr id="7" name="מציין מיקום של מספר שקופית 6"/>
          <p:cNvSpPr>
            <a:spLocks noGrp="1"/>
          </p:cNvSpPr>
          <p:nvPr>
            <p:ph type="sldNum" sz="quarter" idx="12"/>
          </p:nvPr>
        </p:nvSpPr>
        <p:spPr/>
        <p:txBody>
          <a:bodyPr/>
          <a:lstStyle/>
          <a:p>
            <a:fld id="{4D80DBB1-ADE7-4478-AA75-DCD1B76F8525}" type="slidenum">
              <a:rPr lang="he-IL" smtClean="0"/>
              <a:t>‹#›</a:t>
            </a:fld>
            <a:endParaRPr lang="he-IL"/>
          </a:p>
        </p:txBody>
      </p:sp>
    </p:spTree>
    <p:extLst>
      <p:ext uri="{BB962C8B-B14F-4D97-AF65-F5344CB8AC3E}">
        <p14:creationId xmlns:p14="http://schemas.microsoft.com/office/powerpoint/2010/main" val="871184780"/>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vertTx" preserve="1">
  <p:cSld name="כותרת וטקסט אנכי">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r>
              <a:rPr lang="he-IL" smtClean="0"/>
              <a:t>לחץ כדי לערוך סגנון כותרת של תבנית בסיס</a:t>
            </a:r>
            <a:endParaRPr lang="he-IL"/>
          </a:p>
        </p:txBody>
      </p:sp>
      <p:sp>
        <p:nvSpPr>
          <p:cNvPr id="3" name="מציין מיקום של טקסט אנכי 2"/>
          <p:cNvSpPr>
            <a:spLocks noGrp="1"/>
          </p:cNvSpPr>
          <p:nvPr>
            <p:ph type="body" orient="vert" idx="1"/>
          </p:nvPr>
        </p:nvSpPr>
        <p:spPr/>
        <p:txBody>
          <a:bodyPr vert="eaVert"/>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4" name="מציין מיקום של תאריך 3"/>
          <p:cNvSpPr>
            <a:spLocks noGrp="1"/>
          </p:cNvSpPr>
          <p:nvPr>
            <p:ph type="dt" sz="half" idx="10"/>
          </p:nvPr>
        </p:nvSpPr>
        <p:spPr/>
        <p:txBody>
          <a:bodyPr/>
          <a:lstStyle/>
          <a:p>
            <a:fld id="{0C87F376-2FD3-40F5-81E1-5068AF2F9806}" type="datetimeFigureOut">
              <a:rPr lang="he-IL" smtClean="0"/>
              <a:t>כ"ב/שבט/תשע"ו</a:t>
            </a:fld>
            <a:endParaRPr lang="he-IL"/>
          </a:p>
        </p:txBody>
      </p:sp>
      <p:sp>
        <p:nvSpPr>
          <p:cNvPr id="5" name="מציין מיקום של כותרת תחתונה 4"/>
          <p:cNvSpPr>
            <a:spLocks noGrp="1"/>
          </p:cNvSpPr>
          <p:nvPr>
            <p:ph type="ftr" sz="quarter" idx="11"/>
          </p:nvPr>
        </p:nvSpPr>
        <p:spPr/>
        <p:txBody>
          <a:bodyPr/>
          <a:lstStyle/>
          <a:p>
            <a:endParaRPr lang="he-IL"/>
          </a:p>
        </p:txBody>
      </p:sp>
      <p:sp>
        <p:nvSpPr>
          <p:cNvPr id="6" name="מציין מיקום של מספר שקופית 5"/>
          <p:cNvSpPr>
            <a:spLocks noGrp="1"/>
          </p:cNvSpPr>
          <p:nvPr>
            <p:ph type="sldNum" sz="quarter" idx="12"/>
          </p:nvPr>
        </p:nvSpPr>
        <p:spPr/>
        <p:txBody>
          <a:bodyPr/>
          <a:lstStyle/>
          <a:p>
            <a:fld id="{4D80DBB1-ADE7-4478-AA75-DCD1B76F8525}" type="slidenum">
              <a:rPr lang="he-IL" smtClean="0"/>
              <a:t>‹#›</a:t>
            </a:fld>
            <a:endParaRPr lang="he-IL"/>
          </a:p>
        </p:txBody>
      </p:sp>
    </p:spTree>
    <p:extLst>
      <p:ext uri="{BB962C8B-B14F-4D97-AF65-F5344CB8AC3E}">
        <p14:creationId xmlns:p14="http://schemas.microsoft.com/office/powerpoint/2010/main" val="1434139867"/>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vertTitleAndTx" preserve="1">
  <p:cSld name="כותרת אנכית וטקסט">
    <p:spTree>
      <p:nvGrpSpPr>
        <p:cNvPr id="1" name=""/>
        <p:cNvGrpSpPr/>
        <p:nvPr/>
      </p:nvGrpSpPr>
      <p:grpSpPr>
        <a:xfrm>
          <a:off x="0" y="0"/>
          <a:ext cx="0" cy="0"/>
          <a:chOff x="0" y="0"/>
          <a:chExt cx="0" cy="0"/>
        </a:xfrm>
      </p:grpSpPr>
      <p:sp>
        <p:nvSpPr>
          <p:cNvPr id="2" name="כותרת אנכית 1"/>
          <p:cNvSpPr>
            <a:spLocks noGrp="1"/>
          </p:cNvSpPr>
          <p:nvPr>
            <p:ph type="title" orient="vert"/>
          </p:nvPr>
        </p:nvSpPr>
        <p:spPr>
          <a:xfrm>
            <a:off x="6543675" y="365125"/>
            <a:ext cx="1971675" cy="5811838"/>
          </a:xfrm>
        </p:spPr>
        <p:txBody>
          <a:bodyPr vert="eaVert"/>
          <a:lstStyle/>
          <a:p>
            <a:r>
              <a:rPr lang="he-IL" smtClean="0"/>
              <a:t>לחץ כדי לערוך סגנון כותרת של תבנית בסיס</a:t>
            </a:r>
            <a:endParaRPr lang="he-IL"/>
          </a:p>
        </p:txBody>
      </p:sp>
      <p:sp>
        <p:nvSpPr>
          <p:cNvPr id="3" name="מציין מיקום של טקסט אנכי 2"/>
          <p:cNvSpPr>
            <a:spLocks noGrp="1"/>
          </p:cNvSpPr>
          <p:nvPr>
            <p:ph type="body" orient="vert" idx="1"/>
          </p:nvPr>
        </p:nvSpPr>
        <p:spPr>
          <a:xfrm>
            <a:off x="628650" y="365125"/>
            <a:ext cx="5762625" cy="5811838"/>
          </a:xfrm>
        </p:spPr>
        <p:txBody>
          <a:bodyPr vert="eaVert"/>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4" name="מציין מיקום של תאריך 3"/>
          <p:cNvSpPr>
            <a:spLocks noGrp="1"/>
          </p:cNvSpPr>
          <p:nvPr>
            <p:ph type="dt" sz="half" idx="10"/>
          </p:nvPr>
        </p:nvSpPr>
        <p:spPr/>
        <p:txBody>
          <a:bodyPr/>
          <a:lstStyle/>
          <a:p>
            <a:fld id="{0C87F376-2FD3-40F5-81E1-5068AF2F9806}" type="datetimeFigureOut">
              <a:rPr lang="he-IL" smtClean="0"/>
              <a:t>כ"ב/שבט/תשע"ו</a:t>
            </a:fld>
            <a:endParaRPr lang="he-IL"/>
          </a:p>
        </p:txBody>
      </p:sp>
      <p:sp>
        <p:nvSpPr>
          <p:cNvPr id="5" name="מציין מיקום של כותרת תחתונה 4"/>
          <p:cNvSpPr>
            <a:spLocks noGrp="1"/>
          </p:cNvSpPr>
          <p:nvPr>
            <p:ph type="ftr" sz="quarter" idx="11"/>
          </p:nvPr>
        </p:nvSpPr>
        <p:spPr/>
        <p:txBody>
          <a:bodyPr/>
          <a:lstStyle/>
          <a:p>
            <a:endParaRPr lang="he-IL"/>
          </a:p>
        </p:txBody>
      </p:sp>
      <p:sp>
        <p:nvSpPr>
          <p:cNvPr id="6" name="מציין מיקום של מספר שקופית 5"/>
          <p:cNvSpPr>
            <a:spLocks noGrp="1"/>
          </p:cNvSpPr>
          <p:nvPr>
            <p:ph type="sldNum" sz="quarter" idx="12"/>
          </p:nvPr>
        </p:nvSpPr>
        <p:spPr/>
        <p:txBody>
          <a:bodyPr/>
          <a:lstStyle/>
          <a:p>
            <a:fld id="{4D80DBB1-ADE7-4478-AA75-DCD1B76F8525}" type="slidenum">
              <a:rPr lang="he-IL" smtClean="0"/>
              <a:t>‹#›</a:t>
            </a:fld>
            <a:endParaRPr lang="he-IL"/>
          </a:p>
        </p:txBody>
      </p:sp>
    </p:spTree>
    <p:extLst>
      <p:ext uri="{BB962C8B-B14F-4D97-AF65-F5344CB8AC3E}">
        <p14:creationId xmlns:p14="http://schemas.microsoft.com/office/powerpoint/2010/main" val="572977332"/>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title" preserve="1">
  <p:cSld name="שקופית כותרת">
    <p:spTree>
      <p:nvGrpSpPr>
        <p:cNvPr id="1" name=""/>
        <p:cNvGrpSpPr/>
        <p:nvPr/>
      </p:nvGrpSpPr>
      <p:grpSpPr>
        <a:xfrm>
          <a:off x="0" y="0"/>
          <a:ext cx="0" cy="0"/>
          <a:chOff x="0" y="0"/>
          <a:chExt cx="0" cy="0"/>
        </a:xfrm>
      </p:grpSpPr>
      <p:sp>
        <p:nvSpPr>
          <p:cNvPr id="2" name="כותרת 1"/>
          <p:cNvSpPr>
            <a:spLocks noGrp="1"/>
          </p:cNvSpPr>
          <p:nvPr>
            <p:ph type="ctrTitle"/>
          </p:nvPr>
        </p:nvSpPr>
        <p:spPr>
          <a:xfrm>
            <a:off x="1143000" y="1122363"/>
            <a:ext cx="6858000" cy="2387600"/>
          </a:xfrm>
        </p:spPr>
        <p:txBody>
          <a:bodyPr anchor="b"/>
          <a:lstStyle>
            <a:lvl1pPr algn="ctr">
              <a:defRPr sz="4500"/>
            </a:lvl1pPr>
          </a:lstStyle>
          <a:p>
            <a:r>
              <a:rPr lang="he-IL" smtClean="0"/>
              <a:t>לחץ כדי לערוך סגנון כותרת של תבנית בסיס</a:t>
            </a:r>
            <a:endParaRPr lang="en-US"/>
          </a:p>
        </p:txBody>
      </p:sp>
      <p:sp>
        <p:nvSpPr>
          <p:cNvPr id="3" name="כותרת משנה 2"/>
          <p:cNvSpPr>
            <a:spLocks noGrp="1"/>
          </p:cNvSpPr>
          <p:nvPr>
            <p:ph type="subTitle" idx="1"/>
          </p:nvPr>
        </p:nvSpPr>
        <p:spPr>
          <a:xfrm>
            <a:off x="1143000" y="3602038"/>
            <a:ext cx="6858000" cy="165576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he-IL" smtClean="0"/>
              <a:t>לחץ כדי לערוך סגנון כותרת משנה של תבנית בסיס</a:t>
            </a:r>
            <a:endParaRPr lang="en-US"/>
          </a:p>
        </p:txBody>
      </p:sp>
      <p:sp>
        <p:nvSpPr>
          <p:cNvPr id="4" name="מציין מיקום של תאריך 3"/>
          <p:cNvSpPr>
            <a:spLocks noGrp="1"/>
          </p:cNvSpPr>
          <p:nvPr>
            <p:ph type="dt" sz="half" idx="10"/>
          </p:nvPr>
        </p:nvSpPr>
        <p:spPr/>
        <p:txBody>
          <a:bodyPr/>
          <a:lstStyle/>
          <a:p>
            <a:fld id="{D1FC0062-AFDB-4469-B36B-71549AFD8FA2}" type="datetimeFigureOut">
              <a:rPr lang="en-US" smtClean="0">
                <a:solidFill>
                  <a:prstClr val="black">
                    <a:tint val="75000"/>
                  </a:prstClr>
                </a:solidFill>
              </a:rPr>
              <a:pPr/>
              <a:t>2/1/2016</a:t>
            </a:fld>
            <a:endParaRPr lang="en-US">
              <a:solidFill>
                <a:prstClr val="black">
                  <a:tint val="75000"/>
                </a:prstClr>
              </a:solidFill>
            </a:endParaRPr>
          </a:p>
        </p:txBody>
      </p:sp>
      <p:sp>
        <p:nvSpPr>
          <p:cNvPr id="5" name="מציין מיקום של כותרת תחתונה 4"/>
          <p:cNvSpPr>
            <a:spLocks noGrp="1"/>
          </p:cNvSpPr>
          <p:nvPr>
            <p:ph type="ftr" sz="quarter" idx="11"/>
          </p:nvPr>
        </p:nvSpPr>
        <p:spPr/>
        <p:txBody>
          <a:bodyPr/>
          <a:lstStyle/>
          <a:p>
            <a:endParaRPr lang="en-US">
              <a:solidFill>
                <a:prstClr val="black">
                  <a:tint val="75000"/>
                </a:prstClr>
              </a:solidFill>
            </a:endParaRPr>
          </a:p>
        </p:txBody>
      </p:sp>
      <p:sp>
        <p:nvSpPr>
          <p:cNvPr id="6" name="מציין מיקום של מספר שקופית 5"/>
          <p:cNvSpPr>
            <a:spLocks noGrp="1"/>
          </p:cNvSpPr>
          <p:nvPr>
            <p:ph type="sldNum" sz="quarter" idx="12"/>
          </p:nvPr>
        </p:nvSpPr>
        <p:spPr/>
        <p:txBody>
          <a:bodyPr/>
          <a:lstStyle/>
          <a:p>
            <a:fld id="{88414336-847E-46F4-917C-5E428F8FC852}"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23552371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שני תכנים">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he-IL" smtClean="0"/>
              <a:t>לחץ כדי לערוך סגנון כותרת של תבנית בסיס</a:t>
            </a:r>
            <a:endParaRPr lang="en-US"/>
          </a:p>
        </p:txBody>
      </p:sp>
      <p:sp>
        <p:nvSpPr>
          <p:cNvPr id="3" name="Content Placeholder 2"/>
          <p:cNvSpPr>
            <a:spLocks noGrp="1"/>
          </p:cNvSpPr>
          <p:nvPr>
            <p:ph sz="half" idx="1"/>
          </p:nvPr>
        </p:nvSpPr>
        <p:spPr>
          <a:xfrm>
            <a:off x="1042988" y="1304925"/>
            <a:ext cx="3776662" cy="489585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en-US"/>
          </a:p>
        </p:txBody>
      </p:sp>
      <p:sp>
        <p:nvSpPr>
          <p:cNvPr id="4" name="Content Placeholder 3"/>
          <p:cNvSpPr>
            <a:spLocks noGrp="1"/>
          </p:cNvSpPr>
          <p:nvPr>
            <p:ph sz="half" idx="2"/>
          </p:nvPr>
        </p:nvSpPr>
        <p:spPr>
          <a:xfrm>
            <a:off x="4972050" y="1304925"/>
            <a:ext cx="3776663" cy="489585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en-US"/>
          </a:p>
        </p:txBody>
      </p:sp>
      <p:sp>
        <p:nvSpPr>
          <p:cNvPr id="5" name="Date Placeholder 4"/>
          <p:cNvSpPr>
            <a:spLocks noGrp="1"/>
          </p:cNvSpPr>
          <p:nvPr>
            <p:ph type="dt" sz="half" idx="10"/>
          </p:nvPr>
        </p:nvSpPr>
        <p:spPr/>
        <p:txBody>
          <a:bodyPr/>
          <a:lstStyle>
            <a:lvl1pPr>
              <a:defRPr/>
            </a:lvl1pPr>
          </a:lstStyle>
          <a:p>
            <a:endParaRPr lang="he-IL"/>
          </a:p>
        </p:txBody>
      </p:sp>
      <p:sp>
        <p:nvSpPr>
          <p:cNvPr id="6" name="Footer Placeholder 5"/>
          <p:cNvSpPr>
            <a:spLocks noGrp="1"/>
          </p:cNvSpPr>
          <p:nvPr>
            <p:ph type="ftr" sz="quarter" idx="11"/>
          </p:nvPr>
        </p:nvSpPr>
        <p:spPr/>
        <p:txBody>
          <a:bodyPr/>
          <a:lstStyle>
            <a:lvl1pPr>
              <a:defRPr/>
            </a:lvl1pPr>
          </a:lstStyle>
          <a:p>
            <a:endParaRPr lang="he-IL"/>
          </a:p>
        </p:txBody>
      </p:sp>
      <p:sp>
        <p:nvSpPr>
          <p:cNvPr id="7" name="Slide Number Placeholder 6"/>
          <p:cNvSpPr>
            <a:spLocks noGrp="1"/>
          </p:cNvSpPr>
          <p:nvPr>
            <p:ph type="sldNum" sz="quarter" idx="12"/>
          </p:nvPr>
        </p:nvSpPr>
        <p:spPr/>
        <p:txBody>
          <a:bodyPr/>
          <a:lstStyle>
            <a:lvl1pPr>
              <a:defRPr/>
            </a:lvl1pPr>
          </a:lstStyle>
          <a:p>
            <a:fld id="{C2B40AF3-F3B9-4BE3-BFC6-2601FCFD8D6A}" type="slidenum">
              <a:rPr lang="ar-SA"/>
              <a:pPr/>
              <a:t>‹#›</a:t>
            </a:fld>
            <a:endParaRPr lang="he-IL"/>
          </a:p>
        </p:txBody>
      </p:sp>
    </p:spTree>
    <p:extLst>
      <p:ext uri="{BB962C8B-B14F-4D97-AF65-F5344CB8AC3E}">
        <p14:creationId xmlns:p14="http://schemas.microsoft.com/office/powerpoint/2010/main" val="2138847558"/>
      </p:ext>
    </p:extLst>
  </p:cSld>
  <p:clrMapOvr>
    <a:masterClrMapping/>
  </p:clrMapOvr>
  <p:timing>
    <p:tnLst>
      <p:par>
        <p:cTn id="1" dur="indefinite" restart="never" nodeType="tmRoot"/>
      </p:par>
    </p:tnLst>
  </p:timing>
</p:sldLayout>
</file>

<file path=ppt/slideLayouts/slideLayout40.xml><?xml version="1.0" encoding="utf-8"?>
<p:sldLayout xmlns:a="http://schemas.openxmlformats.org/drawingml/2006/main" xmlns:r="http://schemas.openxmlformats.org/officeDocument/2006/relationships" xmlns:p="http://schemas.openxmlformats.org/presentationml/2006/main" type="obj" preserve="1">
  <p:cSld name="כותרת ותוכן">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r>
              <a:rPr lang="he-IL" smtClean="0"/>
              <a:t>לחץ כדי לערוך סגנון כותרת של תבנית בסיס</a:t>
            </a:r>
            <a:endParaRPr lang="en-US"/>
          </a:p>
        </p:txBody>
      </p:sp>
      <p:sp>
        <p:nvSpPr>
          <p:cNvPr id="3" name="מציין מיקום תוכן 2"/>
          <p:cNvSpPr>
            <a:spLocks noGrp="1"/>
          </p:cNvSpPr>
          <p:nvPr>
            <p:ph idx="1"/>
          </p:nvPr>
        </p:nvSpPr>
        <p:spPr/>
        <p:txBody>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en-US"/>
          </a:p>
        </p:txBody>
      </p:sp>
      <p:sp>
        <p:nvSpPr>
          <p:cNvPr id="4" name="מציין מיקום של תאריך 3"/>
          <p:cNvSpPr>
            <a:spLocks noGrp="1"/>
          </p:cNvSpPr>
          <p:nvPr>
            <p:ph type="dt" sz="half" idx="10"/>
          </p:nvPr>
        </p:nvSpPr>
        <p:spPr/>
        <p:txBody>
          <a:bodyPr/>
          <a:lstStyle/>
          <a:p>
            <a:fld id="{D1FC0062-AFDB-4469-B36B-71549AFD8FA2}" type="datetimeFigureOut">
              <a:rPr lang="en-US" smtClean="0">
                <a:solidFill>
                  <a:prstClr val="black">
                    <a:tint val="75000"/>
                  </a:prstClr>
                </a:solidFill>
              </a:rPr>
              <a:pPr/>
              <a:t>2/1/2016</a:t>
            </a:fld>
            <a:endParaRPr lang="en-US">
              <a:solidFill>
                <a:prstClr val="black">
                  <a:tint val="75000"/>
                </a:prstClr>
              </a:solidFill>
            </a:endParaRPr>
          </a:p>
        </p:txBody>
      </p:sp>
      <p:sp>
        <p:nvSpPr>
          <p:cNvPr id="5" name="מציין מיקום של כותרת תחתונה 4"/>
          <p:cNvSpPr>
            <a:spLocks noGrp="1"/>
          </p:cNvSpPr>
          <p:nvPr>
            <p:ph type="ftr" sz="quarter" idx="11"/>
          </p:nvPr>
        </p:nvSpPr>
        <p:spPr/>
        <p:txBody>
          <a:bodyPr/>
          <a:lstStyle/>
          <a:p>
            <a:endParaRPr lang="en-US">
              <a:solidFill>
                <a:prstClr val="black">
                  <a:tint val="75000"/>
                </a:prstClr>
              </a:solidFill>
            </a:endParaRPr>
          </a:p>
        </p:txBody>
      </p:sp>
      <p:sp>
        <p:nvSpPr>
          <p:cNvPr id="6" name="מציין מיקום של מספר שקופית 5"/>
          <p:cNvSpPr>
            <a:spLocks noGrp="1"/>
          </p:cNvSpPr>
          <p:nvPr>
            <p:ph type="sldNum" sz="quarter" idx="12"/>
          </p:nvPr>
        </p:nvSpPr>
        <p:spPr/>
        <p:txBody>
          <a:bodyPr/>
          <a:lstStyle/>
          <a:p>
            <a:fld id="{88414336-847E-46F4-917C-5E428F8FC852}"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323927552"/>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secHead" preserve="1">
  <p:cSld name="כותרת מקטע עליונה">
    <p:spTree>
      <p:nvGrpSpPr>
        <p:cNvPr id="1" name=""/>
        <p:cNvGrpSpPr/>
        <p:nvPr/>
      </p:nvGrpSpPr>
      <p:grpSpPr>
        <a:xfrm>
          <a:off x="0" y="0"/>
          <a:ext cx="0" cy="0"/>
          <a:chOff x="0" y="0"/>
          <a:chExt cx="0" cy="0"/>
        </a:xfrm>
      </p:grpSpPr>
      <p:sp>
        <p:nvSpPr>
          <p:cNvPr id="2" name="כותרת 1"/>
          <p:cNvSpPr>
            <a:spLocks noGrp="1"/>
          </p:cNvSpPr>
          <p:nvPr>
            <p:ph type="title"/>
          </p:nvPr>
        </p:nvSpPr>
        <p:spPr>
          <a:xfrm>
            <a:off x="623888" y="1709739"/>
            <a:ext cx="7886700" cy="2852737"/>
          </a:xfrm>
        </p:spPr>
        <p:txBody>
          <a:bodyPr anchor="b"/>
          <a:lstStyle>
            <a:lvl1pPr>
              <a:defRPr sz="4500"/>
            </a:lvl1pPr>
          </a:lstStyle>
          <a:p>
            <a:r>
              <a:rPr lang="he-IL" smtClean="0"/>
              <a:t>לחץ כדי לערוך סגנון כותרת של תבנית בסיס</a:t>
            </a:r>
            <a:endParaRPr lang="en-US"/>
          </a:p>
        </p:txBody>
      </p:sp>
      <p:sp>
        <p:nvSpPr>
          <p:cNvPr id="3" name="מציין מיקום טקסט 2"/>
          <p:cNvSpPr>
            <a:spLocks noGrp="1"/>
          </p:cNvSpPr>
          <p:nvPr>
            <p:ph type="body" idx="1"/>
          </p:nvPr>
        </p:nvSpPr>
        <p:spPr>
          <a:xfrm>
            <a:off x="623888" y="4589464"/>
            <a:ext cx="7886700" cy="1500187"/>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he-IL" smtClean="0"/>
              <a:t>לחץ כדי לערוך סגנונות טקסט של תבנית בסיס</a:t>
            </a:r>
          </a:p>
        </p:txBody>
      </p:sp>
      <p:sp>
        <p:nvSpPr>
          <p:cNvPr id="4" name="מציין מיקום של תאריך 3"/>
          <p:cNvSpPr>
            <a:spLocks noGrp="1"/>
          </p:cNvSpPr>
          <p:nvPr>
            <p:ph type="dt" sz="half" idx="10"/>
          </p:nvPr>
        </p:nvSpPr>
        <p:spPr/>
        <p:txBody>
          <a:bodyPr/>
          <a:lstStyle/>
          <a:p>
            <a:fld id="{D1FC0062-AFDB-4469-B36B-71549AFD8FA2}" type="datetimeFigureOut">
              <a:rPr lang="en-US" smtClean="0">
                <a:solidFill>
                  <a:prstClr val="black">
                    <a:tint val="75000"/>
                  </a:prstClr>
                </a:solidFill>
              </a:rPr>
              <a:pPr/>
              <a:t>2/1/2016</a:t>
            </a:fld>
            <a:endParaRPr lang="en-US">
              <a:solidFill>
                <a:prstClr val="black">
                  <a:tint val="75000"/>
                </a:prstClr>
              </a:solidFill>
            </a:endParaRPr>
          </a:p>
        </p:txBody>
      </p:sp>
      <p:sp>
        <p:nvSpPr>
          <p:cNvPr id="5" name="מציין מיקום של כותרת תחתונה 4"/>
          <p:cNvSpPr>
            <a:spLocks noGrp="1"/>
          </p:cNvSpPr>
          <p:nvPr>
            <p:ph type="ftr" sz="quarter" idx="11"/>
          </p:nvPr>
        </p:nvSpPr>
        <p:spPr/>
        <p:txBody>
          <a:bodyPr/>
          <a:lstStyle/>
          <a:p>
            <a:endParaRPr lang="en-US">
              <a:solidFill>
                <a:prstClr val="black">
                  <a:tint val="75000"/>
                </a:prstClr>
              </a:solidFill>
            </a:endParaRPr>
          </a:p>
        </p:txBody>
      </p:sp>
      <p:sp>
        <p:nvSpPr>
          <p:cNvPr id="6" name="מציין מיקום של מספר שקופית 5"/>
          <p:cNvSpPr>
            <a:spLocks noGrp="1"/>
          </p:cNvSpPr>
          <p:nvPr>
            <p:ph type="sldNum" sz="quarter" idx="12"/>
          </p:nvPr>
        </p:nvSpPr>
        <p:spPr/>
        <p:txBody>
          <a:bodyPr/>
          <a:lstStyle/>
          <a:p>
            <a:fld id="{88414336-847E-46F4-917C-5E428F8FC852}"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141973021"/>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woObj" preserve="1">
  <p:cSld name="שני תכנים">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r>
              <a:rPr lang="he-IL" smtClean="0"/>
              <a:t>לחץ כדי לערוך סגנון כותרת של תבנית בסיס</a:t>
            </a:r>
            <a:endParaRPr lang="en-US"/>
          </a:p>
        </p:txBody>
      </p:sp>
      <p:sp>
        <p:nvSpPr>
          <p:cNvPr id="3" name="מציין מיקום תוכן 2"/>
          <p:cNvSpPr>
            <a:spLocks noGrp="1"/>
          </p:cNvSpPr>
          <p:nvPr>
            <p:ph sz="half" idx="1"/>
          </p:nvPr>
        </p:nvSpPr>
        <p:spPr>
          <a:xfrm>
            <a:off x="628650" y="1825625"/>
            <a:ext cx="3886200" cy="4351338"/>
          </a:xfrm>
        </p:spPr>
        <p:txBody>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en-US"/>
          </a:p>
        </p:txBody>
      </p:sp>
      <p:sp>
        <p:nvSpPr>
          <p:cNvPr id="4" name="מציין מיקום תוכן 3"/>
          <p:cNvSpPr>
            <a:spLocks noGrp="1"/>
          </p:cNvSpPr>
          <p:nvPr>
            <p:ph sz="half" idx="2"/>
          </p:nvPr>
        </p:nvSpPr>
        <p:spPr>
          <a:xfrm>
            <a:off x="4629150" y="1825625"/>
            <a:ext cx="3886200" cy="4351338"/>
          </a:xfrm>
        </p:spPr>
        <p:txBody>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en-US"/>
          </a:p>
        </p:txBody>
      </p:sp>
      <p:sp>
        <p:nvSpPr>
          <p:cNvPr id="5" name="מציין מיקום של תאריך 4"/>
          <p:cNvSpPr>
            <a:spLocks noGrp="1"/>
          </p:cNvSpPr>
          <p:nvPr>
            <p:ph type="dt" sz="half" idx="10"/>
          </p:nvPr>
        </p:nvSpPr>
        <p:spPr/>
        <p:txBody>
          <a:bodyPr/>
          <a:lstStyle/>
          <a:p>
            <a:fld id="{D1FC0062-AFDB-4469-B36B-71549AFD8FA2}" type="datetimeFigureOut">
              <a:rPr lang="en-US" smtClean="0">
                <a:solidFill>
                  <a:prstClr val="black">
                    <a:tint val="75000"/>
                  </a:prstClr>
                </a:solidFill>
              </a:rPr>
              <a:pPr/>
              <a:t>2/1/2016</a:t>
            </a:fld>
            <a:endParaRPr lang="en-US">
              <a:solidFill>
                <a:prstClr val="black">
                  <a:tint val="75000"/>
                </a:prstClr>
              </a:solidFill>
            </a:endParaRPr>
          </a:p>
        </p:txBody>
      </p:sp>
      <p:sp>
        <p:nvSpPr>
          <p:cNvPr id="6" name="מציין מיקום של כותרת תחתונה 5"/>
          <p:cNvSpPr>
            <a:spLocks noGrp="1"/>
          </p:cNvSpPr>
          <p:nvPr>
            <p:ph type="ftr" sz="quarter" idx="11"/>
          </p:nvPr>
        </p:nvSpPr>
        <p:spPr/>
        <p:txBody>
          <a:bodyPr/>
          <a:lstStyle/>
          <a:p>
            <a:endParaRPr lang="en-US">
              <a:solidFill>
                <a:prstClr val="black">
                  <a:tint val="75000"/>
                </a:prstClr>
              </a:solidFill>
            </a:endParaRPr>
          </a:p>
        </p:txBody>
      </p:sp>
      <p:sp>
        <p:nvSpPr>
          <p:cNvPr id="7" name="מציין מיקום של מספר שקופית 6"/>
          <p:cNvSpPr>
            <a:spLocks noGrp="1"/>
          </p:cNvSpPr>
          <p:nvPr>
            <p:ph type="sldNum" sz="quarter" idx="12"/>
          </p:nvPr>
        </p:nvSpPr>
        <p:spPr/>
        <p:txBody>
          <a:bodyPr/>
          <a:lstStyle/>
          <a:p>
            <a:fld id="{88414336-847E-46F4-917C-5E428F8FC852}"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260109543"/>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woTxTwoObj" preserve="1">
  <p:cSld name="השוואה">
    <p:spTree>
      <p:nvGrpSpPr>
        <p:cNvPr id="1" name=""/>
        <p:cNvGrpSpPr/>
        <p:nvPr/>
      </p:nvGrpSpPr>
      <p:grpSpPr>
        <a:xfrm>
          <a:off x="0" y="0"/>
          <a:ext cx="0" cy="0"/>
          <a:chOff x="0" y="0"/>
          <a:chExt cx="0" cy="0"/>
        </a:xfrm>
      </p:grpSpPr>
      <p:sp>
        <p:nvSpPr>
          <p:cNvPr id="2" name="כותרת 1"/>
          <p:cNvSpPr>
            <a:spLocks noGrp="1"/>
          </p:cNvSpPr>
          <p:nvPr>
            <p:ph type="title"/>
          </p:nvPr>
        </p:nvSpPr>
        <p:spPr>
          <a:xfrm>
            <a:off x="629841" y="365126"/>
            <a:ext cx="7886700" cy="1325563"/>
          </a:xfrm>
        </p:spPr>
        <p:txBody>
          <a:bodyPr/>
          <a:lstStyle/>
          <a:p>
            <a:r>
              <a:rPr lang="he-IL" smtClean="0"/>
              <a:t>לחץ כדי לערוך סגנון כותרת של תבנית בסיס</a:t>
            </a:r>
            <a:endParaRPr lang="en-US"/>
          </a:p>
        </p:txBody>
      </p:sp>
      <p:sp>
        <p:nvSpPr>
          <p:cNvPr id="3" name="מציין מיקום טקסט 2"/>
          <p:cNvSpPr>
            <a:spLocks noGrp="1"/>
          </p:cNvSpPr>
          <p:nvPr>
            <p:ph type="body" idx="1"/>
          </p:nvPr>
        </p:nvSpPr>
        <p:spPr>
          <a:xfrm>
            <a:off x="629842" y="1681163"/>
            <a:ext cx="3868340"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he-IL" smtClean="0"/>
              <a:t>לחץ כדי לערוך סגנונות טקסט של תבנית בסיס</a:t>
            </a:r>
          </a:p>
        </p:txBody>
      </p:sp>
      <p:sp>
        <p:nvSpPr>
          <p:cNvPr id="4" name="מציין מיקום תוכן 3"/>
          <p:cNvSpPr>
            <a:spLocks noGrp="1"/>
          </p:cNvSpPr>
          <p:nvPr>
            <p:ph sz="half" idx="2"/>
          </p:nvPr>
        </p:nvSpPr>
        <p:spPr>
          <a:xfrm>
            <a:off x="629842" y="2505075"/>
            <a:ext cx="3868340" cy="3684588"/>
          </a:xfrm>
        </p:spPr>
        <p:txBody>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en-US"/>
          </a:p>
        </p:txBody>
      </p:sp>
      <p:sp>
        <p:nvSpPr>
          <p:cNvPr id="5" name="מציין מיקום טקסט 4"/>
          <p:cNvSpPr>
            <a:spLocks noGrp="1"/>
          </p:cNvSpPr>
          <p:nvPr>
            <p:ph type="body" sz="quarter" idx="3"/>
          </p:nvPr>
        </p:nvSpPr>
        <p:spPr>
          <a:xfrm>
            <a:off x="4629150" y="1681163"/>
            <a:ext cx="3887391"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he-IL" smtClean="0"/>
              <a:t>לחץ כדי לערוך סגנונות טקסט של תבנית בסיס</a:t>
            </a:r>
          </a:p>
        </p:txBody>
      </p:sp>
      <p:sp>
        <p:nvSpPr>
          <p:cNvPr id="6" name="מציין מיקום תוכן 5"/>
          <p:cNvSpPr>
            <a:spLocks noGrp="1"/>
          </p:cNvSpPr>
          <p:nvPr>
            <p:ph sz="quarter" idx="4"/>
          </p:nvPr>
        </p:nvSpPr>
        <p:spPr>
          <a:xfrm>
            <a:off x="4629150" y="2505075"/>
            <a:ext cx="3887391" cy="3684588"/>
          </a:xfrm>
        </p:spPr>
        <p:txBody>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en-US"/>
          </a:p>
        </p:txBody>
      </p:sp>
      <p:sp>
        <p:nvSpPr>
          <p:cNvPr id="7" name="מציין מיקום של תאריך 6"/>
          <p:cNvSpPr>
            <a:spLocks noGrp="1"/>
          </p:cNvSpPr>
          <p:nvPr>
            <p:ph type="dt" sz="half" idx="10"/>
          </p:nvPr>
        </p:nvSpPr>
        <p:spPr/>
        <p:txBody>
          <a:bodyPr/>
          <a:lstStyle/>
          <a:p>
            <a:fld id="{D1FC0062-AFDB-4469-B36B-71549AFD8FA2}" type="datetimeFigureOut">
              <a:rPr lang="en-US" smtClean="0">
                <a:solidFill>
                  <a:prstClr val="black">
                    <a:tint val="75000"/>
                  </a:prstClr>
                </a:solidFill>
              </a:rPr>
              <a:pPr/>
              <a:t>2/1/2016</a:t>
            </a:fld>
            <a:endParaRPr lang="en-US">
              <a:solidFill>
                <a:prstClr val="black">
                  <a:tint val="75000"/>
                </a:prstClr>
              </a:solidFill>
            </a:endParaRPr>
          </a:p>
        </p:txBody>
      </p:sp>
      <p:sp>
        <p:nvSpPr>
          <p:cNvPr id="8" name="מציין מיקום של כותרת תחתונה 7"/>
          <p:cNvSpPr>
            <a:spLocks noGrp="1"/>
          </p:cNvSpPr>
          <p:nvPr>
            <p:ph type="ftr" sz="quarter" idx="11"/>
          </p:nvPr>
        </p:nvSpPr>
        <p:spPr/>
        <p:txBody>
          <a:bodyPr/>
          <a:lstStyle/>
          <a:p>
            <a:endParaRPr lang="en-US">
              <a:solidFill>
                <a:prstClr val="black">
                  <a:tint val="75000"/>
                </a:prstClr>
              </a:solidFill>
            </a:endParaRPr>
          </a:p>
        </p:txBody>
      </p:sp>
      <p:sp>
        <p:nvSpPr>
          <p:cNvPr id="9" name="מציין מיקום של מספר שקופית 8"/>
          <p:cNvSpPr>
            <a:spLocks noGrp="1"/>
          </p:cNvSpPr>
          <p:nvPr>
            <p:ph type="sldNum" sz="quarter" idx="12"/>
          </p:nvPr>
        </p:nvSpPr>
        <p:spPr/>
        <p:txBody>
          <a:bodyPr/>
          <a:lstStyle/>
          <a:p>
            <a:fld id="{88414336-847E-46F4-917C-5E428F8FC852}"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166603840"/>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titleOnly" preserve="1">
  <p:cSld name="כותרת בלבד">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r>
              <a:rPr lang="he-IL" smtClean="0"/>
              <a:t>לחץ כדי לערוך סגנון כותרת של תבנית בסיס</a:t>
            </a:r>
            <a:endParaRPr lang="en-US"/>
          </a:p>
        </p:txBody>
      </p:sp>
      <p:sp>
        <p:nvSpPr>
          <p:cNvPr id="3" name="מציין מיקום של תאריך 2"/>
          <p:cNvSpPr>
            <a:spLocks noGrp="1"/>
          </p:cNvSpPr>
          <p:nvPr>
            <p:ph type="dt" sz="half" idx="10"/>
          </p:nvPr>
        </p:nvSpPr>
        <p:spPr/>
        <p:txBody>
          <a:bodyPr/>
          <a:lstStyle/>
          <a:p>
            <a:fld id="{D1FC0062-AFDB-4469-B36B-71549AFD8FA2}" type="datetimeFigureOut">
              <a:rPr lang="en-US" smtClean="0">
                <a:solidFill>
                  <a:prstClr val="black">
                    <a:tint val="75000"/>
                  </a:prstClr>
                </a:solidFill>
              </a:rPr>
              <a:pPr/>
              <a:t>2/1/2016</a:t>
            </a:fld>
            <a:endParaRPr lang="en-US">
              <a:solidFill>
                <a:prstClr val="black">
                  <a:tint val="75000"/>
                </a:prstClr>
              </a:solidFill>
            </a:endParaRPr>
          </a:p>
        </p:txBody>
      </p:sp>
      <p:sp>
        <p:nvSpPr>
          <p:cNvPr id="4" name="מציין מיקום של כותרת תחתונה 3"/>
          <p:cNvSpPr>
            <a:spLocks noGrp="1"/>
          </p:cNvSpPr>
          <p:nvPr>
            <p:ph type="ftr" sz="quarter" idx="11"/>
          </p:nvPr>
        </p:nvSpPr>
        <p:spPr/>
        <p:txBody>
          <a:bodyPr/>
          <a:lstStyle/>
          <a:p>
            <a:endParaRPr lang="en-US">
              <a:solidFill>
                <a:prstClr val="black">
                  <a:tint val="75000"/>
                </a:prstClr>
              </a:solidFill>
            </a:endParaRPr>
          </a:p>
        </p:txBody>
      </p:sp>
      <p:sp>
        <p:nvSpPr>
          <p:cNvPr id="5" name="מציין מיקום של מספר שקופית 4"/>
          <p:cNvSpPr>
            <a:spLocks noGrp="1"/>
          </p:cNvSpPr>
          <p:nvPr>
            <p:ph type="sldNum" sz="quarter" idx="12"/>
          </p:nvPr>
        </p:nvSpPr>
        <p:spPr/>
        <p:txBody>
          <a:bodyPr/>
          <a:lstStyle/>
          <a:p>
            <a:fld id="{88414336-847E-46F4-917C-5E428F8FC852}"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407078297"/>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blank" preserve="1">
  <p:cSld name="ריק">
    <p:spTree>
      <p:nvGrpSpPr>
        <p:cNvPr id="1" name=""/>
        <p:cNvGrpSpPr/>
        <p:nvPr/>
      </p:nvGrpSpPr>
      <p:grpSpPr>
        <a:xfrm>
          <a:off x="0" y="0"/>
          <a:ext cx="0" cy="0"/>
          <a:chOff x="0" y="0"/>
          <a:chExt cx="0" cy="0"/>
        </a:xfrm>
      </p:grpSpPr>
      <p:sp>
        <p:nvSpPr>
          <p:cNvPr id="2" name="מציין מיקום של תאריך 1"/>
          <p:cNvSpPr>
            <a:spLocks noGrp="1"/>
          </p:cNvSpPr>
          <p:nvPr>
            <p:ph type="dt" sz="half" idx="10"/>
          </p:nvPr>
        </p:nvSpPr>
        <p:spPr/>
        <p:txBody>
          <a:bodyPr/>
          <a:lstStyle/>
          <a:p>
            <a:fld id="{D1FC0062-AFDB-4469-B36B-71549AFD8FA2}" type="datetimeFigureOut">
              <a:rPr lang="en-US" smtClean="0">
                <a:solidFill>
                  <a:prstClr val="black">
                    <a:tint val="75000"/>
                  </a:prstClr>
                </a:solidFill>
              </a:rPr>
              <a:pPr/>
              <a:t>2/1/2016</a:t>
            </a:fld>
            <a:endParaRPr lang="en-US">
              <a:solidFill>
                <a:prstClr val="black">
                  <a:tint val="75000"/>
                </a:prstClr>
              </a:solidFill>
            </a:endParaRPr>
          </a:p>
        </p:txBody>
      </p:sp>
      <p:sp>
        <p:nvSpPr>
          <p:cNvPr id="3" name="מציין מיקום של כותרת תחתונה 2"/>
          <p:cNvSpPr>
            <a:spLocks noGrp="1"/>
          </p:cNvSpPr>
          <p:nvPr>
            <p:ph type="ftr" sz="quarter" idx="11"/>
          </p:nvPr>
        </p:nvSpPr>
        <p:spPr/>
        <p:txBody>
          <a:bodyPr/>
          <a:lstStyle/>
          <a:p>
            <a:endParaRPr lang="en-US">
              <a:solidFill>
                <a:prstClr val="black">
                  <a:tint val="75000"/>
                </a:prstClr>
              </a:solidFill>
            </a:endParaRPr>
          </a:p>
        </p:txBody>
      </p:sp>
      <p:sp>
        <p:nvSpPr>
          <p:cNvPr id="4" name="מציין מיקום של מספר שקופית 3"/>
          <p:cNvSpPr>
            <a:spLocks noGrp="1"/>
          </p:cNvSpPr>
          <p:nvPr>
            <p:ph type="sldNum" sz="quarter" idx="12"/>
          </p:nvPr>
        </p:nvSpPr>
        <p:spPr/>
        <p:txBody>
          <a:bodyPr/>
          <a:lstStyle/>
          <a:p>
            <a:fld id="{88414336-847E-46F4-917C-5E428F8FC852}"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974154222"/>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Tx" preserve="1">
  <p:cSld name="תוכן עם כיתוב">
    <p:spTree>
      <p:nvGrpSpPr>
        <p:cNvPr id="1" name=""/>
        <p:cNvGrpSpPr/>
        <p:nvPr/>
      </p:nvGrpSpPr>
      <p:grpSpPr>
        <a:xfrm>
          <a:off x="0" y="0"/>
          <a:ext cx="0" cy="0"/>
          <a:chOff x="0" y="0"/>
          <a:chExt cx="0" cy="0"/>
        </a:xfrm>
      </p:grpSpPr>
      <p:sp>
        <p:nvSpPr>
          <p:cNvPr id="2" name="כותרת 1"/>
          <p:cNvSpPr>
            <a:spLocks noGrp="1"/>
          </p:cNvSpPr>
          <p:nvPr>
            <p:ph type="title"/>
          </p:nvPr>
        </p:nvSpPr>
        <p:spPr>
          <a:xfrm>
            <a:off x="629841" y="457200"/>
            <a:ext cx="2949178" cy="1600200"/>
          </a:xfrm>
        </p:spPr>
        <p:txBody>
          <a:bodyPr anchor="b"/>
          <a:lstStyle>
            <a:lvl1pPr>
              <a:defRPr sz="2400"/>
            </a:lvl1pPr>
          </a:lstStyle>
          <a:p>
            <a:r>
              <a:rPr lang="he-IL" smtClean="0"/>
              <a:t>לחץ כדי לערוך סגנון כותרת של תבנית בסיס</a:t>
            </a:r>
            <a:endParaRPr lang="en-US"/>
          </a:p>
        </p:txBody>
      </p:sp>
      <p:sp>
        <p:nvSpPr>
          <p:cNvPr id="3" name="מציין מיקום תוכן 2"/>
          <p:cNvSpPr>
            <a:spLocks noGrp="1"/>
          </p:cNvSpPr>
          <p:nvPr>
            <p:ph idx="1"/>
          </p:nvPr>
        </p:nvSpPr>
        <p:spPr>
          <a:xfrm>
            <a:off x="3887391" y="987426"/>
            <a:ext cx="4629150" cy="4873625"/>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en-US"/>
          </a:p>
        </p:txBody>
      </p:sp>
      <p:sp>
        <p:nvSpPr>
          <p:cNvPr id="4" name="מציין מיקום טקסט 3"/>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he-IL" smtClean="0"/>
              <a:t>לחץ כדי לערוך סגנונות טקסט של תבנית בסיס</a:t>
            </a:r>
          </a:p>
        </p:txBody>
      </p:sp>
      <p:sp>
        <p:nvSpPr>
          <p:cNvPr id="5" name="מציין מיקום של תאריך 4"/>
          <p:cNvSpPr>
            <a:spLocks noGrp="1"/>
          </p:cNvSpPr>
          <p:nvPr>
            <p:ph type="dt" sz="half" idx="10"/>
          </p:nvPr>
        </p:nvSpPr>
        <p:spPr/>
        <p:txBody>
          <a:bodyPr/>
          <a:lstStyle/>
          <a:p>
            <a:fld id="{D1FC0062-AFDB-4469-B36B-71549AFD8FA2}" type="datetimeFigureOut">
              <a:rPr lang="en-US" smtClean="0">
                <a:solidFill>
                  <a:prstClr val="black">
                    <a:tint val="75000"/>
                  </a:prstClr>
                </a:solidFill>
              </a:rPr>
              <a:pPr/>
              <a:t>2/1/2016</a:t>
            </a:fld>
            <a:endParaRPr lang="en-US">
              <a:solidFill>
                <a:prstClr val="black">
                  <a:tint val="75000"/>
                </a:prstClr>
              </a:solidFill>
            </a:endParaRPr>
          </a:p>
        </p:txBody>
      </p:sp>
      <p:sp>
        <p:nvSpPr>
          <p:cNvPr id="6" name="מציין מיקום של כותרת תחתונה 5"/>
          <p:cNvSpPr>
            <a:spLocks noGrp="1"/>
          </p:cNvSpPr>
          <p:nvPr>
            <p:ph type="ftr" sz="quarter" idx="11"/>
          </p:nvPr>
        </p:nvSpPr>
        <p:spPr/>
        <p:txBody>
          <a:bodyPr/>
          <a:lstStyle/>
          <a:p>
            <a:endParaRPr lang="en-US">
              <a:solidFill>
                <a:prstClr val="black">
                  <a:tint val="75000"/>
                </a:prstClr>
              </a:solidFill>
            </a:endParaRPr>
          </a:p>
        </p:txBody>
      </p:sp>
      <p:sp>
        <p:nvSpPr>
          <p:cNvPr id="7" name="מציין מיקום של מספר שקופית 6"/>
          <p:cNvSpPr>
            <a:spLocks noGrp="1"/>
          </p:cNvSpPr>
          <p:nvPr>
            <p:ph type="sldNum" sz="quarter" idx="12"/>
          </p:nvPr>
        </p:nvSpPr>
        <p:spPr/>
        <p:txBody>
          <a:bodyPr/>
          <a:lstStyle/>
          <a:p>
            <a:fld id="{88414336-847E-46F4-917C-5E428F8FC852}"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458504921"/>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picTx" preserve="1">
  <p:cSld name="תמונה עם כיתוב">
    <p:spTree>
      <p:nvGrpSpPr>
        <p:cNvPr id="1" name=""/>
        <p:cNvGrpSpPr/>
        <p:nvPr/>
      </p:nvGrpSpPr>
      <p:grpSpPr>
        <a:xfrm>
          <a:off x="0" y="0"/>
          <a:ext cx="0" cy="0"/>
          <a:chOff x="0" y="0"/>
          <a:chExt cx="0" cy="0"/>
        </a:xfrm>
      </p:grpSpPr>
      <p:sp>
        <p:nvSpPr>
          <p:cNvPr id="2" name="כותרת 1"/>
          <p:cNvSpPr>
            <a:spLocks noGrp="1"/>
          </p:cNvSpPr>
          <p:nvPr>
            <p:ph type="title"/>
          </p:nvPr>
        </p:nvSpPr>
        <p:spPr>
          <a:xfrm>
            <a:off x="629841" y="457200"/>
            <a:ext cx="2949178" cy="1600200"/>
          </a:xfrm>
        </p:spPr>
        <p:txBody>
          <a:bodyPr anchor="b"/>
          <a:lstStyle>
            <a:lvl1pPr>
              <a:defRPr sz="2400"/>
            </a:lvl1pPr>
          </a:lstStyle>
          <a:p>
            <a:r>
              <a:rPr lang="he-IL" smtClean="0"/>
              <a:t>לחץ כדי לערוך סגנון כותרת של תבנית בסיס</a:t>
            </a:r>
            <a:endParaRPr lang="en-US"/>
          </a:p>
        </p:txBody>
      </p:sp>
      <p:sp>
        <p:nvSpPr>
          <p:cNvPr id="3" name="מציין מיקום של תמונה 2"/>
          <p:cNvSpPr>
            <a:spLocks noGrp="1"/>
          </p:cNvSpPr>
          <p:nvPr>
            <p:ph type="pic" idx="1"/>
          </p:nvPr>
        </p:nvSpPr>
        <p:spPr>
          <a:xfrm>
            <a:off x="3887391" y="987426"/>
            <a:ext cx="4629150" cy="4873625"/>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4" name="מציין מיקום טקסט 3"/>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he-IL" smtClean="0"/>
              <a:t>לחץ כדי לערוך סגנונות טקסט של תבנית בסיס</a:t>
            </a:r>
          </a:p>
        </p:txBody>
      </p:sp>
      <p:sp>
        <p:nvSpPr>
          <p:cNvPr id="5" name="מציין מיקום של תאריך 4"/>
          <p:cNvSpPr>
            <a:spLocks noGrp="1"/>
          </p:cNvSpPr>
          <p:nvPr>
            <p:ph type="dt" sz="half" idx="10"/>
          </p:nvPr>
        </p:nvSpPr>
        <p:spPr/>
        <p:txBody>
          <a:bodyPr/>
          <a:lstStyle/>
          <a:p>
            <a:fld id="{D1FC0062-AFDB-4469-B36B-71549AFD8FA2}" type="datetimeFigureOut">
              <a:rPr lang="en-US" smtClean="0">
                <a:solidFill>
                  <a:prstClr val="black">
                    <a:tint val="75000"/>
                  </a:prstClr>
                </a:solidFill>
              </a:rPr>
              <a:pPr/>
              <a:t>2/1/2016</a:t>
            </a:fld>
            <a:endParaRPr lang="en-US">
              <a:solidFill>
                <a:prstClr val="black">
                  <a:tint val="75000"/>
                </a:prstClr>
              </a:solidFill>
            </a:endParaRPr>
          </a:p>
        </p:txBody>
      </p:sp>
      <p:sp>
        <p:nvSpPr>
          <p:cNvPr id="6" name="מציין מיקום של כותרת תחתונה 5"/>
          <p:cNvSpPr>
            <a:spLocks noGrp="1"/>
          </p:cNvSpPr>
          <p:nvPr>
            <p:ph type="ftr" sz="quarter" idx="11"/>
          </p:nvPr>
        </p:nvSpPr>
        <p:spPr/>
        <p:txBody>
          <a:bodyPr/>
          <a:lstStyle/>
          <a:p>
            <a:endParaRPr lang="en-US">
              <a:solidFill>
                <a:prstClr val="black">
                  <a:tint val="75000"/>
                </a:prstClr>
              </a:solidFill>
            </a:endParaRPr>
          </a:p>
        </p:txBody>
      </p:sp>
      <p:sp>
        <p:nvSpPr>
          <p:cNvPr id="7" name="מציין מיקום של מספר שקופית 6"/>
          <p:cNvSpPr>
            <a:spLocks noGrp="1"/>
          </p:cNvSpPr>
          <p:nvPr>
            <p:ph type="sldNum" sz="quarter" idx="12"/>
          </p:nvPr>
        </p:nvSpPr>
        <p:spPr/>
        <p:txBody>
          <a:bodyPr/>
          <a:lstStyle/>
          <a:p>
            <a:fld id="{88414336-847E-46F4-917C-5E428F8FC852}"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883599011"/>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vertTx" preserve="1">
  <p:cSld name="כותרת וטקסט אנכי">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r>
              <a:rPr lang="he-IL" smtClean="0"/>
              <a:t>לחץ כדי לערוך סגנון כותרת של תבנית בסיס</a:t>
            </a:r>
            <a:endParaRPr lang="en-US"/>
          </a:p>
        </p:txBody>
      </p:sp>
      <p:sp>
        <p:nvSpPr>
          <p:cNvPr id="3" name="מציין מיקום של טקסט אנכי 2"/>
          <p:cNvSpPr>
            <a:spLocks noGrp="1"/>
          </p:cNvSpPr>
          <p:nvPr>
            <p:ph type="body" orient="vert" idx="1"/>
          </p:nvPr>
        </p:nvSpPr>
        <p:spPr/>
        <p:txBody>
          <a:bodyPr vert="eaVert"/>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en-US"/>
          </a:p>
        </p:txBody>
      </p:sp>
      <p:sp>
        <p:nvSpPr>
          <p:cNvPr id="4" name="מציין מיקום של תאריך 3"/>
          <p:cNvSpPr>
            <a:spLocks noGrp="1"/>
          </p:cNvSpPr>
          <p:nvPr>
            <p:ph type="dt" sz="half" idx="10"/>
          </p:nvPr>
        </p:nvSpPr>
        <p:spPr/>
        <p:txBody>
          <a:bodyPr/>
          <a:lstStyle/>
          <a:p>
            <a:fld id="{D1FC0062-AFDB-4469-B36B-71549AFD8FA2}" type="datetimeFigureOut">
              <a:rPr lang="en-US" smtClean="0">
                <a:solidFill>
                  <a:prstClr val="black">
                    <a:tint val="75000"/>
                  </a:prstClr>
                </a:solidFill>
              </a:rPr>
              <a:pPr/>
              <a:t>2/1/2016</a:t>
            </a:fld>
            <a:endParaRPr lang="en-US">
              <a:solidFill>
                <a:prstClr val="black">
                  <a:tint val="75000"/>
                </a:prstClr>
              </a:solidFill>
            </a:endParaRPr>
          </a:p>
        </p:txBody>
      </p:sp>
      <p:sp>
        <p:nvSpPr>
          <p:cNvPr id="5" name="מציין מיקום של כותרת תחתונה 4"/>
          <p:cNvSpPr>
            <a:spLocks noGrp="1"/>
          </p:cNvSpPr>
          <p:nvPr>
            <p:ph type="ftr" sz="quarter" idx="11"/>
          </p:nvPr>
        </p:nvSpPr>
        <p:spPr/>
        <p:txBody>
          <a:bodyPr/>
          <a:lstStyle/>
          <a:p>
            <a:endParaRPr lang="en-US">
              <a:solidFill>
                <a:prstClr val="black">
                  <a:tint val="75000"/>
                </a:prstClr>
              </a:solidFill>
            </a:endParaRPr>
          </a:p>
        </p:txBody>
      </p:sp>
      <p:sp>
        <p:nvSpPr>
          <p:cNvPr id="6" name="מציין מיקום של מספר שקופית 5"/>
          <p:cNvSpPr>
            <a:spLocks noGrp="1"/>
          </p:cNvSpPr>
          <p:nvPr>
            <p:ph type="sldNum" sz="quarter" idx="12"/>
          </p:nvPr>
        </p:nvSpPr>
        <p:spPr/>
        <p:txBody>
          <a:bodyPr/>
          <a:lstStyle/>
          <a:p>
            <a:fld id="{88414336-847E-46F4-917C-5E428F8FC852}"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448507353"/>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vertTitleAndTx" preserve="1">
  <p:cSld name="כותרת אנכית וטקסט">
    <p:spTree>
      <p:nvGrpSpPr>
        <p:cNvPr id="1" name=""/>
        <p:cNvGrpSpPr/>
        <p:nvPr/>
      </p:nvGrpSpPr>
      <p:grpSpPr>
        <a:xfrm>
          <a:off x="0" y="0"/>
          <a:ext cx="0" cy="0"/>
          <a:chOff x="0" y="0"/>
          <a:chExt cx="0" cy="0"/>
        </a:xfrm>
      </p:grpSpPr>
      <p:sp>
        <p:nvSpPr>
          <p:cNvPr id="2" name="כותרת אנכית 1"/>
          <p:cNvSpPr>
            <a:spLocks noGrp="1"/>
          </p:cNvSpPr>
          <p:nvPr>
            <p:ph type="title" orient="vert"/>
          </p:nvPr>
        </p:nvSpPr>
        <p:spPr>
          <a:xfrm>
            <a:off x="6543675" y="365125"/>
            <a:ext cx="1971675" cy="5811838"/>
          </a:xfrm>
        </p:spPr>
        <p:txBody>
          <a:bodyPr vert="eaVert"/>
          <a:lstStyle/>
          <a:p>
            <a:r>
              <a:rPr lang="he-IL" smtClean="0"/>
              <a:t>לחץ כדי לערוך סגנון כותרת של תבנית בסיס</a:t>
            </a:r>
            <a:endParaRPr lang="en-US"/>
          </a:p>
        </p:txBody>
      </p:sp>
      <p:sp>
        <p:nvSpPr>
          <p:cNvPr id="3" name="מציין מיקום של טקסט אנכי 2"/>
          <p:cNvSpPr>
            <a:spLocks noGrp="1"/>
          </p:cNvSpPr>
          <p:nvPr>
            <p:ph type="body" orient="vert" idx="1"/>
          </p:nvPr>
        </p:nvSpPr>
        <p:spPr>
          <a:xfrm>
            <a:off x="628650" y="365125"/>
            <a:ext cx="5800725" cy="5811838"/>
          </a:xfrm>
        </p:spPr>
        <p:txBody>
          <a:bodyPr vert="eaVert"/>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en-US"/>
          </a:p>
        </p:txBody>
      </p:sp>
      <p:sp>
        <p:nvSpPr>
          <p:cNvPr id="4" name="מציין מיקום של תאריך 3"/>
          <p:cNvSpPr>
            <a:spLocks noGrp="1"/>
          </p:cNvSpPr>
          <p:nvPr>
            <p:ph type="dt" sz="half" idx="10"/>
          </p:nvPr>
        </p:nvSpPr>
        <p:spPr/>
        <p:txBody>
          <a:bodyPr/>
          <a:lstStyle/>
          <a:p>
            <a:fld id="{D1FC0062-AFDB-4469-B36B-71549AFD8FA2}" type="datetimeFigureOut">
              <a:rPr lang="en-US" smtClean="0">
                <a:solidFill>
                  <a:prstClr val="black">
                    <a:tint val="75000"/>
                  </a:prstClr>
                </a:solidFill>
              </a:rPr>
              <a:pPr/>
              <a:t>2/1/2016</a:t>
            </a:fld>
            <a:endParaRPr lang="en-US">
              <a:solidFill>
                <a:prstClr val="black">
                  <a:tint val="75000"/>
                </a:prstClr>
              </a:solidFill>
            </a:endParaRPr>
          </a:p>
        </p:txBody>
      </p:sp>
      <p:sp>
        <p:nvSpPr>
          <p:cNvPr id="5" name="מציין מיקום של כותרת תחתונה 4"/>
          <p:cNvSpPr>
            <a:spLocks noGrp="1"/>
          </p:cNvSpPr>
          <p:nvPr>
            <p:ph type="ftr" sz="quarter" idx="11"/>
          </p:nvPr>
        </p:nvSpPr>
        <p:spPr/>
        <p:txBody>
          <a:bodyPr/>
          <a:lstStyle/>
          <a:p>
            <a:endParaRPr lang="en-US">
              <a:solidFill>
                <a:prstClr val="black">
                  <a:tint val="75000"/>
                </a:prstClr>
              </a:solidFill>
            </a:endParaRPr>
          </a:p>
        </p:txBody>
      </p:sp>
      <p:sp>
        <p:nvSpPr>
          <p:cNvPr id="6" name="מציין מיקום של מספר שקופית 5"/>
          <p:cNvSpPr>
            <a:spLocks noGrp="1"/>
          </p:cNvSpPr>
          <p:nvPr>
            <p:ph type="sldNum" sz="quarter" idx="12"/>
          </p:nvPr>
        </p:nvSpPr>
        <p:spPr/>
        <p:txBody>
          <a:bodyPr/>
          <a:lstStyle/>
          <a:p>
            <a:fld id="{88414336-847E-46F4-917C-5E428F8FC852}"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414025375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השוואה">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lvl1pPr>
              <a:defRPr/>
            </a:lvl1pPr>
          </a:lstStyle>
          <a:p>
            <a:r>
              <a:rPr lang="he-IL" smtClean="0"/>
              <a:t>לחץ כדי לערוך סגנון כותרת של תבנית בסיס</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he-IL" smtClean="0"/>
              <a:t>לחץ כדי לערוך סגנונות טקסט של תבנית בסיס</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he-IL" smtClean="0"/>
              <a:t>לחץ כדי לערוך סגנונות טקסט של תבנית בסיס</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en-US"/>
          </a:p>
        </p:txBody>
      </p:sp>
      <p:sp>
        <p:nvSpPr>
          <p:cNvPr id="7" name="Date Placeholder 6"/>
          <p:cNvSpPr>
            <a:spLocks noGrp="1"/>
          </p:cNvSpPr>
          <p:nvPr>
            <p:ph type="dt" sz="half" idx="10"/>
          </p:nvPr>
        </p:nvSpPr>
        <p:spPr/>
        <p:txBody>
          <a:bodyPr/>
          <a:lstStyle>
            <a:lvl1pPr>
              <a:defRPr/>
            </a:lvl1pPr>
          </a:lstStyle>
          <a:p>
            <a:endParaRPr lang="he-IL"/>
          </a:p>
        </p:txBody>
      </p:sp>
      <p:sp>
        <p:nvSpPr>
          <p:cNvPr id="8" name="Footer Placeholder 7"/>
          <p:cNvSpPr>
            <a:spLocks noGrp="1"/>
          </p:cNvSpPr>
          <p:nvPr>
            <p:ph type="ftr" sz="quarter" idx="11"/>
          </p:nvPr>
        </p:nvSpPr>
        <p:spPr/>
        <p:txBody>
          <a:bodyPr/>
          <a:lstStyle>
            <a:lvl1pPr>
              <a:defRPr/>
            </a:lvl1pPr>
          </a:lstStyle>
          <a:p>
            <a:endParaRPr lang="he-IL"/>
          </a:p>
        </p:txBody>
      </p:sp>
      <p:sp>
        <p:nvSpPr>
          <p:cNvPr id="9" name="Slide Number Placeholder 8"/>
          <p:cNvSpPr>
            <a:spLocks noGrp="1"/>
          </p:cNvSpPr>
          <p:nvPr>
            <p:ph type="sldNum" sz="quarter" idx="12"/>
          </p:nvPr>
        </p:nvSpPr>
        <p:spPr/>
        <p:txBody>
          <a:bodyPr/>
          <a:lstStyle>
            <a:lvl1pPr>
              <a:defRPr/>
            </a:lvl1pPr>
          </a:lstStyle>
          <a:p>
            <a:fld id="{ACB4A152-6DD8-427B-9A0F-77746E7C540D}" type="slidenum">
              <a:rPr lang="ar-SA"/>
              <a:pPr/>
              <a:t>‹#›</a:t>
            </a:fld>
            <a:endParaRPr lang="he-IL"/>
          </a:p>
        </p:txBody>
      </p:sp>
    </p:spTree>
    <p:extLst>
      <p:ext uri="{BB962C8B-B14F-4D97-AF65-F5344CB8AC3E}">
        <p14:creationId xmlns:p14="http://schemas.microsoft.com/office/powerpoint/2010/main" val="1286767223"/>
      </p:ext>
    </p:extLst>
  </p:cSld>
  <p:clrMapOvr>
    <a:masterClrMapping/>
  </p:clrMapOvr>
  <p:timing>
    <p:tnLst>
      <p:par>
        <p:cTn id="1" dur="indefinite" restart="never" nodeType="tmRoot"/>
      </p:par>
    </p:tnLst>
  </p:timing>
</p:sldLayout>
</file>

<file path=ppt/slideLayouts/slideLayout50.xml><?xml version="1.0" encoding="utf-8"?>
<p:sldLayout xmlns:a="http://schemas.openxmlformats.org/drawingml/2006/main" xmlns:r="http://schemas.openxmlformats.org/officeDocument/2006/relationships" xmlns:p="http://schemas.openxmlformats.org/presentationml/2006/main" type="title" preserve="1">
  <p:cSld name="שקופית כותרת">
    <p:spTree>
      <p:nvGrpSpPr>
        <p:cNvPr id="1" name=""/>
        <p:cNvGrpSpPr/>
        <p:nvPr/>
      </p:nvGrpSpPr>
      <p:grpSpPr>
        <a:xfrm>
          <a:off x="0" y="0"/>
          <a:ext cx="0" cy="0"/>
          <a:chOff x="0" y="0"/>
          <a:chExt cx="0" cy="0"/>
        </a:xfrm>
      </p:grpSpPr>
      <p:sp>
        <p:nvSpPr>
          <p:cNvPr id="2" name="כותרת 1"/>
          <p:cNvSpPr>
            <a:spLocks noGrp="1"/>
          </p:cNvSpPr>
          <p:nvPr>
            <p:ph type="ctrTitle"/>
          </p:nvPr>
        </p:nvSpPr>
        <p:spPr>
          <a:xfrm>
            <a:off x="1143000" y="1122363"/>
            <a:ext cx="6858000" cy="2387600"/>
          </a:xfrm>
        </p:spPr>
        <p:txBody>
          <a:bodyPr anchor="b"/>
          <a:lstStyle>
            <a:lvl1pPr algn="ctr">
              <a:defRPr sz="4500"/>
            </a:lvl1pPr>
          </a:lstStyle>
          <a:p>
            <a:r>
              <a:rPr lang="he-IL" smtClean="0"/>
              <a:t>לחץ כדי לערוך סגנון כותרת של תבנית בסיס</a:t>
            </a:r>
            <a:endParaRPr lang="he-IL"/>
          </a:p>
        </p:txBody>
      </p:sp>
      <p:sp>
        <p:nvSpPr>
          <p:cNvPr id="3" name="כותרת משנה 2"/>
          <p:cNvSpPr>
            <a:spLocks noGrp="1"/>
          </p:cNvSpPr>
          <p:nvPr>
            <p:ph type="subTitle" idx="1"/>
          </p:nvPr>
        </p:nvSpPr>
        <p:spPr>
          <a:xfrm>
            <a:off x="1143000" y="3602038"/>
            <a:ext cx="6858000" cy="165576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he-IL" smtClean="0"/>
              <a:t>לחץ כדי לערוך סגנון כותרת משנה של תבנית בסיס</a:t>
            </a:r>
            <a:endParaRPr lang="he-IL"/>
          </a:p>
        </p:txBody>
      </p:sp>
      <p:sp>
        <p:nvSpPr>
          <p:cNvPr id="4" name="מציין מיקום של תאריך 3"/>
          <p:cNvSpPr>
            <a:spLocks noGrp="1"/>
          </p:cNvSpPr>
          <p:nvPr>
            <p:ph type="dt" sz="half" idx="10"/>
          </p:nvPr>
        </p:nvSpPr>
        <p:spPr/>
        <p:txBody>
          <a:bodyPr/>
          <a:lstStyle/>
          <a:p>
            <a:fld id="{DB1290FF-24B0-4141-93DF-8AAF71B00D49}" type="datetimeFigureOut">
              <a:rPr lang="he-IL" smtClean="0">
                <a:solidFill>
                  <a:prstClr val="black">
                    <a:tint val="75000"/>
                  </a:prstClr>
                </a:solidFill>
              </a:rPr>
              <a:pPr/>
              <a:t>כ"ב/שבט/תשע"ו</a:t>
            </a:fld>
            <a:endParaRPr lang="he-IL">
              <a:solidFill>
                <a:prstClr val="black">
                  <a:tint val="75000"/>
                </a:prstClr>
              </a:solidFill>
            </a:endParaRPr>
          </a:p>
        </p:txBody>
      </p:sp>
      <p:sp>
        <p:nvSpPr>
          <p:cNvPr id="5" name="מציין מיקום של כותרת תחתונה 4"/>
          <p:cNvSpPr>
            <a:spLocks noGrp="1"/>
          </p:cNvSpPr>
          <p:nvPr>
            <p:ph type="ftr" sz="quarter" idx="11"/>
          </p:nvPr>
        </p:nvSpPr>
        <p:spPr/>
        <p:txBody>
          <a:bodyPr/>
          <a:lstStyle/>
          <a:p>
            <a:endParaRPr lang="he-IL">
              <a:solidFill>
                <a:prstClr val="black">
                  <a:tint val="75000"/>
                </a:prstClr>
              </a:solidFill>
            </a:endParaRPr>
          </a:p>
        </p:txBody>
      </p:sp>
      <p:sp>
        <p:nvSpPr>
          <p:cNvPr id="6" name="מציין מיקום של מספר שקופית 5"/>
          <p:cNvSpPr>
            <a:spLocks noGrp="1"/>
          </p:cNvSpPr>
          <p:nvPr>
            <p:ph type="sldNum" sz="quarter" idx="12"/>
          </p:nvPr>
        </p:nvSpPr>
        <p:spPr/>
        <p:txBody>
          <a:bodyPr/>
          <a:lstStyle/>
          <a:p>
            <a:fld id="{ACC73AD3-578B-496C-8D43-006DC20C25ED}" type="slidenum">
              <a:rPr lang="he-IL" smtClean="0">
                <a:solidFill>
                  <a:prstClr val="black">
                    <a:tint val="75000"/>
                  </a:prstClr>
                </a:solidFill>
              </a:rPr>
              <a:pPr/>
              <a:t>‹#›</a:t>
            </a:fld>
            <a:endParaRPr lang="he-IL">
              <a:solidFill>
                <a:prstClr val="black">
                  <a:tint val="75000"/>
                </a:prstClr>
              </a:solidFill>
            </a:endParaRPr>
          </a:p>
        </p:txBody>
      </p:sp>
    </p:spTree>
    <p:extLst>
      <p:ext uri="{BB962C8B-B14F-4D97-AF65-F5344CB8AC3E}">
        <p14:creationId xmlns:p14="http://schemas.microsoft.com/office/powerpoint/2010/main" val="3897466609"/>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obj" preserve="1">
  <p:cSld name="כותרת ותוכן">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r>
              <a:rPr lang="he-IL" smtClean="0"/>
              <a:t>לחץ כדי לערוך סגנון כותרת של תבנית בסיס</a:t>
            </a:r>
            <a:endParaRPr lang="he-IL"/>
          </a:p>
        </p:txBody>
      </p:sp>
      <p:sp>
        <p:nvSpPr>
          <p:cNvPr id="3" name="מציין מיקום תוכן 2"/>
          <p:cNvSpPr>
            <a:spLocks noGrp="1"/>
          </p:cNvSpPr>
          <p:nvPr>
            <p:ph idx="1"/>
          </p:nvPr>
        </p:nvSpPr>
        <p:spPr/>
        <p:txBody>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4" name="מציין מיקום של תאריך 3"/>
          <p:cNvSpPr>
            <a:spLocks noGrp="1"/>
          </p:cNvSpPr>
          <p:nvPr>
            <p:ph type="dt" sz="half" idx="10"/>
          </p:nvPr>
        </p:nvSpPr>
        <p:spPr/>
        <p:txBody>
          <a:bodyPr/>
          <a:lstStyle/>
          <a:p>
            <a:fld id="{DB1290FF-24B0-4141-93DF-8AAF71B00D49}" type="datetimeFigureOut">
              <a:rPr lang="he-IL" smtClean="0">
                <a:solidFill>
                  <a:prstClr val="black">
                    <a:tint val="75000"/>
                  </a:prstClr>
                </a:solidFill>
              </a:rPr>
              <a:pPr/>
              <a:t>כ"ב/שבט/תשע"ו</a:t>
            </a:fld>
            <a:endParaRPr lang="he-IL">
              <a:solidFill>
                <a:prstClr val="black">
                  <a:tint val="75000"/>
                </a:prstClr>
              </a:solidFill>
            </a:endParaRPr>
          </a:p>
        </p:txBody>
      </p:sp>
      <p:sp>
        <p:nvSpPr>
          <p:cNvPr id="5" name="מציין מיקום של כותרת תחתונה 4"/>
          <p:cNvSpPr>
            <a:spLocks noGrp="1"/>
          </p:cNvSpPr>
          <p:nvPr>
            <p:ph type="ftr" sz="quarter" idx="11"/>
          </p:nvPr>
        </p:nvSpPr>
        <p:spPr/>
        <p:txBody>
          <a:bodyPr/>
          <a:lstStyle/>
          <a:p>
            <a:endParaRPr lang="he-IL">
              <a:solidFill>
                <a:prstClr val="black">
                  <a:tint val="75000"/>
                </a:prstClr>
              </a:solidFill>
            </a:endParaRPr>
          </a:p>
        </p:txBody>
      </p:sp>
      <p:sp>
        <p:nvSpPr>
          <p:cNvPr id="6" name="מציין מיקום של מספר שקופית 5"/>
          <p:cNvSpPr>
            <a:spLocks noGrp="1"/>
          </p:cNvSpPr>
          <p:nvPr>
            <p:ph type="sldNum" sz="quarter" idx="12"/>
          </p:nvPr>
        </p:nvSpPr>
        <p:spPr/>
        <p:txBody>
          <a:bodyPr/>
          <a:lstStyle/>
          <a:p>
            <a:fld id="{ACC73AD3-578B-496C-8D43-006DC20C25ED}" type="slidenum">
              <a:rPr lang="he-IL" smtClean="0">
                <a:solidFill>
                  <a:prstClr val="black">
                    <a:tint val="75000"/>
                  </a:prstClr>
                </a:solidFill>
              </a:rPr>
              <a:pPr/>
              <a:t>‹#›</a:t>
            </a:fld>
            <a:endParaRPr lang="he-IL">
              <a:solidFill>
                <a:prstClr val="black">
                  <a:tint val="75000"/>
                </a:prstClr>
              </a:solidFill>
            </a:endParaRPr>
          </a:p>
        </p:txBody>
      </p:sp>
    </p:spTree>
    <p:extLst>
      <p:ext uri="{BB962C8B-B14F-4D97-AF65-F5344CB8AC3E}">
        <p14:creationId xmlns:p14="http://schemas.microsoft.com/office/powerpoint/2010/main" val="2224176348"/>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secHead" preserve="1">
  <p:cSld name="כותרת מקטע עליונה">
    <p:spTree>
      <p:nvGrpSpPr>
        <p:cNvPr id="1" name=""/>
        <p:cNvGrpSpPr/>
        <p:nvPr/>
      </p:nvGrpSpPr>
      <p:grpSpPr>
        <a:xfrm>
          <a:off x="0" y="0"/>
          <a:ext cx="0" cy="0"/>
          <a:chOff x="0" y="0"/>
          <a:chExt cx="0" cy="0"/>
        </a:xfrm>
      </p:grpSpPr>
      <p:sp>
        <p:nvSpPr>
          <p:cNvPr id="2" name="כותרת 1"/>
          <p:cNvSpPr>
            <a:spLocks noGrp="1"/>
          </p:cNvSpPr>
          <p:nvPr>
            <p:ph type="title"/>
          </p:nvPr>
        </p:nvSpPr>
        <p:spPr>
          <a:xfrm>
            <a:off x="623888" y="1709739"/>
            <a:ext cx="7886700" cy="2852737"/>
          </a:xfrm>
        </p:spPr>
        <p:txBody>
          <a:bodyPr anchor="b"/>
          <a:lstStyle>
            <a:lvl1pPr>
              <a:defRPr sz="4500"/>
            </a:lvl1pPr>
          </a:lstStyle>
          <a:p>
            <a:r>
              <a:rPr lang="he-IL" smtClean="0"/>
              <a:t>לחץ כדי לערוך סגנון כותרת של תבנית בסיס</a:t>
            </a:r>
            <a:endParaRPr lang="he-IL"/>
          </a:p>
        </p:txBody>
      </p:sp>
      <p:sp>
        <p:nvSpPr>
          <p:cNvPr id="3" name="מציין מיקום טקסט 2"/>
          <p:cNvSpPr>
            <a:spLocks noGrp="1"/>
          </p:cNvSpPr>
          <p:nvPr>
            <p:ph type="body" idx="1"/>
          </p:nvPr>
        </p:nvSpPr>
        <p:spPr>
          <a:xfrm>
            <a:off x="623888" y="4589464"/>
            <a:ext cx="7886700" cy="1500187"/>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he-IL" smtClean="0"/>
              <a:t>לחץ כדי לערוך סגנונות טקסט של תבנית בסיס</a:t>
            </a:r>
          </a:p>
        </p:txBody>
      </p:sp>
      <p:sp>
        <p:nvSpPr>
          <p:cNvPr id="4" name="מציין מיקום של תאריך 3"/>
          <p:cNvSpPr>
            <a:spLocks noGrp="1"/>
          </p:cNvSpPr>
          <p:nvPr>
            <p:ph type="dt" sz="half" idx="10"/>
          </p:nvPr>
        </p:nvSpPr>
        <p:spPr/>
        <p:txBody>
          <a:bodyPr/>
          <a:lstStyle/>
          <a:p>
            <a:fld id="{DB1290FF-24B0-4141-93DF-8AAF71B00D49}" type="datetimeFigureOut">
              <a:rPr lang="he-IL" smtClean="0">
                <a:solidFill>
                  <a:prstClr val="black">
                    <a:tint val="75000"/>
                  </a:prstClr>
                </a:solidFill>
              </a:rPr>
              <a:pPr/>
              <a:t>כ"ב/שבט/תשע"ו</a:t>
            </a:fld>
            <a:endParaRPr lang="he-IL">
              <a:solidFill>
                <a:prstClr val="black">
                  <a:tint val="75000"/>
                </a:prstClr>
              </a:solidFill>
            </a:endParaRPr>
          </a:p>
        </p:txBody>
      </p:sp>
      <p:sp>
        <p:nvSpPr>
          <p:cNvPr id="5" name="מציין מיקום של כותרת תחתונה 4"/>
          <p:cNvSpPr>
            <a:spLocks noGrp="1"/>
          </p:cNvSpPr>
          <p:nvPr>
            <p:ph type="ftr" sz="quarter" idx="11"/>
          </p:nvPr>
        </p:nvSpPr>
        <p:spPr/>
        <p:txBody>
          <a:bodyPr/>
          <a:lstStyle/>
          <a:p>
            <a:endParaRPr lang="he-IL">
              <a:solidFill>
                <a:prstClr val="black">
                  <a:tint val="75000"/>
                </a:prstClr>
              </a:solidFill>
            </a:endParaRPr>
          </a:p>
        </p:txBody>
      </p:sp>
      <p:sp>
        <p:nvSpPr>
          <p:cNvPr id="6" name="מציין מיקום של מספר שקופית 5"/>
          <p:cNvSpPr>
            <a:spLocks noGrp="1"/>
          </p:cNvSpPr>
          <p:nvPr>
            <p:ph type="sldNum" sz="quarter" idx="12"/>
          </p:nvPr>
        </p:nvSpPr>
        <p:spPr/>
        <p:txBody>
          <a:bodyPr/>
          <a:lstStyle/>
          <a:p>
            <a:fld id="{ACC73AD3-578B-496C-8D43-006DC20C25ED}" type="slidenum">
              <a:rPr lang="he-IL" smtClean="0">
                <a:solidFill>
                  <a:prstClr val="black">
                    <a:tint val="75000"/>
                  </a:prstClr>
                </a:solidFill>
              </a:rPr>
              <a:pPr/>
              <a:t>‹#›</a:t>
            </a:fld>
            <a:endParaRPr lang="he-IL">
              <a:solidFill>
                <a:prstClr val="black">
                  <a:tint val="75000"/>
                </a:prstClr>
              </a:solidFill>
            </a:endParaRPr>
          </a:p>
        </p:txBody>
      </p:sp>
    </p:spTree>
    <p:extLst>
      <p:ext uri="{BB962C8B-B14F-4D97-AF65-F5344CB8AC3E}">
        <p14:creationId xmlns:p14="http://schemas.microsoft.com/office/powerpoint/2010/main" val="1545186447"/>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twoObj" preserve="1">
  <p:cSld name="שני תכנים">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r>
              <a:rPr lang="he-IL" smtClean="0"/>
              <a:t>לחץ כדי לערוך סגנון כותרת של תבנית בסיס</a:t>
            </a:r>
            <a:endParaRPr lang="he-IL"/>
          </a:p>
        </p:txBody>
      </p:sp>
      <p:sp>
        <p:nvSpPr>
          <p:cNvPr id="3" name="מציין מיקום תוכן 2"/>
          <p:cNvSpPr>
            <a:spLocks noGrp="1"/>
          </p:cNvSpPr>
          <p:nvPr>
            <p:ph sz="half" idx="1"/>
          </p:nvPr>
        </p:nvSpPr>
        <p:spPr>
          <a:xfrm>
            <a:off x="628650" y="1825625"/>
            <a:ext cx="3886200" cy="4351338"/>
          </a:xfrm>
        </p:spPr>
        <p:txBody>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4" name="מציין מיקום תוכן 3"/>
          <p:cNvSpPr>
            <a:spLocks noGrp="1"/>
          </p:cNvSpPr>
          <p:nvPr>
            <p:ph sz="half" idx="2"/>
          </p:nvPr>
        </p:nvSpPr>
        <p:spPr>
          <a:xfrm>
            <a:off x="4629150" y="1825625"/>
            <a:ext cx="3886200" cy="4351338"/>
          </a:xfrm>
        </p:spPr>
        <p:txBody>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5" name="מציין מיקום של תאריך 4"/>
          <p:cNvSpPr>
            <a:spLocks noGrp="1"/>
          </p:cNvSpPr>
          <p:nvPr>
            <p:ph type="dt" sz="half" idx="10"/>
          </p:nvPr>
        </p:nvSpPr>
        <p:spPr/>
        <p:txBody>
          <a:bodyPr/>
          <a:lstStyle/>
          <a:p>
            <a:fld id="{DB1290FF-24B0-4141-93DF-8AAF71B00D49}" type="datetimeFigureOut">
              <a:rPr lang="he-IL" smtClean="0">
                <a:solidFill>
                  <a:prstClr val="black">
                    <a:tint val="75000"/>
                  </a:prstClr>
                </a:solidFill>
              </a:rPr>
              <a:pPr/>
              <a:t>כ"ב/שבט/תשע"ו</a:t>
            </a:fld>
            <a:endParaRPr lang="he-IL">
              <a:solidFill>
                <a:prstClr val="black">
                  <a:tint val="75000"/>
                </a:prstClr>
              </a:solidFill>
            </a:endParaRPr>
          </a:p>
        </p:txBody>
      </p:sp>
      <p:sp>
        <p:nvSpPr>
          <p:cNvPr id="6" name="מציין מיקום של כותרת תחתונה 5"/>
          <p:cNvSpPr>
            <a:spLocks noGrp="1"/>
          </p:cNvSpPr>
          <p:nvPr>
            <p:ph type="ftr" sz="quarter" idx="11"/>
          </p:nvPr>
        </p:nvSpPr>
        <p:spPr/>
        <p:txBody>
          <a:bodyPr/>
          <a:lstStyle/>
          <a:p>
            <a:endParaRPr lang="he-IL">
              <a:solidFill>
                <a:prstClr val="black">
                  <a:tint val="75000"/>
                </a:prstClr>
              </a:solidFill>
            </a:endParaRPr>
          </a:p>
        </p:txBody>
      </p:sp>
      <p:sp>
        <p:nvSpPr>
          <p:cNvPr id="7" name="מציין מיקום של מספר שקופית 6"/>
          <p:cNvSpPr>
            <a:spLocks noGrp="1"/>
          </p:cNvSpPr>
          <p:nvPr>
            <p:ph type="sldNum" sz="quarter" idx="12"/>
          </p:nvPr>
        </p:nvSpPr>
        <p:spPr/>
        <p:txBody>
          <a:bodyPr/>
          <a:lstStyle/>
          <a:p>
            <a:fld id="{ACC73AD3-578B-496C-8D43-006DC20C25ED}" type="slidenum">
              <a:rPr lang="he-IL" smtClean="0">
                <a:solidFill>
                  <a:prstClr val="black">
                    <a:tint val="75000"/>
                  </a:prstClr>
                </a:solidFill>
              </a:rPr>
              <a:pPr/>
              <a:t>‹#›</a:t>
            </a:fld>
            <a:endParaRPr lang="he-IL">
              <a:solidFill>
                <a:prstClr val="black">
                  <a:tint val="75000"/>
                </a:prstClr>
              </a:solidFill>
            </a:endParaRPr>
          </a:p>
        </p:txBody>
      </p:sp>
    </p:spTree>
    <p:extLst>
      <p:ext uri="{BB962C8B-B14F-4D97-AF65-F5344CB8AC3E}">
        <p14:creationId xmlns:p14="http://schemas.microsoft.com/office/powerpoint/2010/main" val="1432167169"/>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twoTxTwoObj" preserve="1">
  <p:cSld name="השוואה">
    <p:spTree>
      <p:nvGrpSpPr>
        <p:cNvPr id="1" name=""/>
        <p:cNvGrpSpPr/>
        <p:nvPr/>
      </p:nvGrpSpPr>
      <p:grpSpPr>
        <a:xfrm>
          <a:off x="0" y="0"/>
          <a:ext cx="0" cy="0"/>
          <a:chOff x="0" y="0"/>
          <a:chExt cx="0" cy="0"/>
        </a:xfrm>
      </p:grpSpPr>
      <p:sp>
        <p:nvSpPr>
          <p:cNvPr id="2" name="כותרת 1"/>
          <p:cNvSpPr>
            <a:spLocks noGrp="1"/>
          </p:cNvSpPr>
          <p:nvPr>
            <p:ph type="title"/>
          </p:nvPr>
        </p:nvSpPr>
        <p:spPr>
          <a:xfrm>
            <a:off x="629841" y="365126"/>
            <a:ext cx="7886700" cy="1325563"/>
          </a:xfrm>
        </p:spPr>
        <p:txBody>
          <a:bodyPr/>
          <a:lstStyle/>
          <a:p>
            <a:r>
              <a:rPr lang="he-IL" smtClean="0"/>
              <a:t>לחץ כדי לערוך סגנון כותרת של תבנית בסיס</a:t>
            </a:r>
            <a:endParaRPr lang="he-IL"/>
          </a:p>
        </p:txBody>
      </p:sp>
      <p:sp>
        <p:nvSpPr>
          <p:cNvPr id="3" name="מציין מיקום טקסט 2"/>
          <p:cNvSpPr>
            <a:spLocks noGrp="1"/>
          </p:cNvSpPr>
          <p:nvPr>
            <p:ph type="body" idx="1"/>
          </p:nvPr>
        </p:nvSpPr>
        <p:spPr>
          <a:xfrm>
            <a:off x="629842" y="1681163"/>
            <a:ext cx="3868340"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he-IL" smtClean="0"/>
              <a:t>לחץ כדי לערוך סגנונות טקסט של תבנית בסיס</a:t>
            </a:r>
          </a:p>
        </p:txBody>
      </p:sp>
      <p:sp>
        <p:nvSpPr>
          <p:cNvPr id="4" name="מציין מיקום תוכן 3"/>
          <p:cNvSpPr>
            <a:spLocks noGrp="1"/>
          </p:cNvSpPr>
          <p:nvPr>
            <p:ph sz="half" idx="2"/>
          </p:nvPr>
        </p:nvSpPr>
        <p:spPr>
          <a:xfrm>
            <a:off x="629842" y="2505075"/>
            <a:ext cx="3868340" cy="3684588"/>
          </a:xfrm>
        </p:spPr>
        <p:txBody>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5" name="מציין מיקום טקסט 4"/>
          <p:cNvSpPr>
            <a:spLocks noGrp="1"/>
          </p:cNvSpPr>
          <p:nvPr>
            <p:ph type="body" sz="quarter" idx="3"/>
          </p:nvPr>
        </p:nvSpPr>
        <p:spPr>
          <a:xfrm>
            <a:off x="4629150" y="1681163"/>
            <a:ext cx="3887391" cy="82391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he-IL" smtClean="0"/>
              <a:t>לחץ כדי לערוך סגנונות טקסט של תבנית בסיס</a:t>
            </a:r>
          </a:p>
        </p:txBody>
      </p:sp>
      <p:sp>
        <p:nvSpPr>
          <p:cNvPr id="6" name="מציין מיקום תוכן 5"/>
          <p:cNvSpPr>
            <a:spLocks noGrp="1"/>
          </p:cNvSpPr>
          <p:nvPr>
            <p:ph sz="quarter" idx="4"/>
          </p:nvPr>
        </p:nvSpPr>
        <p:spPr>
          <a:xfrm>
            <a:off x="4629150" y="2505075"/>
            <a:ext cx="3887391" cy="3684588"/>
          </a:xfrm>
        </p:spPr>
        <p:txBody>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7" name="מציין מיקום של תאריך 6"/>
          <p:cNvSpPr>
            <a:spLocks noGrp="1"/>
          </p:cNvSpPr>
          <p:nvPr>
            <p:ph type="dt" sz="half" idx="10"/>
          </p:nvPr>
        </p:nvSpPr>
        <p:spPr/>
        <p:txBody>
          <a:bodyPr/>
          <a:lstStyle/>
          <a:p>
            <a:fld id="{DB1290FF-24B0-4141-93DF-8AAF71B00D49}" type="datetimeFigureOut">
              <a:rPr lang="he-IL" smtClean="0">
                <a:solidFill>
                  <a:prstClr val="black">
                    <a:tint val="75000"/>
                  </a:prstClr>
                </a:solidFill>
              </a:rPr>
              <a:pPr/>
              <a:t>כ"ב/שבט/תשע"ו</a:t>
            </a:fld>
            <a:endParaRPr lang="he-IL">
              <a:solidFill>
                <a:prstClr val="black">
                  <a:tint val="75000"/>
                </a:prstClr>
              </a:solidFill>
            </a:endParaRPr>
          </a:p>
        </p:txBody>
      </p:sp>
      <p:sp>
        <p:nvSpPr>
          <p:cNvPr id="8" name="מציין מיקום של כותרת תחתונה 7"/>
          <p:cNvSpPr>
            <a:spLocks noGrp="1"/>
          </p:cNvSpPr>
          <p:nvPr>
            <p:ph type="ftr" sz="quarter" idx="11"/>
          </p:nvPr>
        </p:nvSpPr>
        <p:spPr/>
        <p:txBody>
          <a:bodyPr/>
          <a:lstStyle/>
          <a:p>
            <a:endParaRPr lang="he-IL">
              <a:solidFill>
                <a:prstClr val="black">
                  <a:tint val="75000"/>
                </a:prstClr>
              </a:solidFill>
            </a:endParaRPr>
          </a:p>
        </p:txBody>
      </p:sp>
      <p:sp>
        <p:nvSpPr>
          <p:cNvPr id="9" name="מציין מיקום של מספר שקופית 8"/>
          <p:cNvSpPr>
            <a:spLocks noGrp="1"/>
          </p:cNvSpPr>
          <p:nvPr>
            <p:ph type="sldNum" sz="quarter" idx="12"/>
          </p:nvPr>
        </p:nvSpPr>
        <p:spPr/>
        <p:txBody>
          <a:bodyPr/>
          <a:lstStyle/>
          <a:p>
            <a:fld id="{ACC73AD3-578B-496C-8D43-006DC20C25ED}" type="slidenum">
              <a:rPr lang="he-IL" smtClean="0">
                <a:solidFill>
                  <a:prstClr val="black">
                    <a:tint val="75000"/>
                  </a:prstClr>
                </a:solidFill>
              </a:rPr>
              <a:pPr/>
              <a:t>‹#›</a:t>
            </a:fld>
            <a:endParaRPr lang="he-IL">
              <a:solidFill>
                <a:prstClr val="black">
                  <a:tint val="75000"/>
                </a:prstClr>
              </a:solidFill>
            </a:endParaRPr>
          </a:p>
        </p:txBody>
      </p:sp>
    </p:spTree>
    <p:extLst>
      <p:ext uri="{BB962C8B-B14F-4D97-AF65-F5344CB8AC3E}">
        <p14:creationId xmlns:p14="http://schemas.microsoft.com/office/powerpoint/2010/main" val="2602666026"/>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titleOnly" preserve="1">
  <p:cSld name="כותרת בלבד">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r>
              <a:rPr lang="he-IL" smtClean="0"/>
              <a:t>לחץ כדי לערוך סגנון כותרת של תבנית בסיס</a:t>
            </a:r>
            <a:endParaRPr lang="he-IL"/>
          </a:p>
        </p:txBody>
      </p:sp>
      <p:sp>
        <p:nvSpPr>
          <p:cNvPr id="3" name="מציין מיקום של תאריך 2"/>
          <p:cNvSpPr>
            <a:spLocks noGrp="1"/>
          </p:cNvSpPr>
          <p:nvPr>
            <p:ph type="dt" sz="half" idx="10"/>
          </p:nvPr>
        </p:nvSpPr>
        <p:spPr/>
        <p:txBody>
          <a:bodyPr/>
          <a:lstStyle/>
          <a:p>
            <a:fld id="{DB1290FF-24B0-4141-93DF-8AAF71B00D49}" type="datetimeFigureOut">
              <a:rPr lang="he-IL" smtClean="0">
                <a:solidFill>
                  <a:prstClr val="black">
                    <a:tint val="75000"/>
                  </a:prstClr>
                </a:solidFill>
              </a:rPr>
              <a:pPr/>
              <a:t>כ"ב/שבט/תשע"ו</a:t>
            </a:fld>
            <a:endParaRPr lang="he-IL">
              <a:solidFill>
                <a:prstClr val="black">
                  <a:tint val="75000"/>
                </a:prstClr>
              </a:solidFill>
            </a:endParaRPr>
          </a:p>
        </p:txBody>
      </p:sp>
      <p:sp>
        <p:nvSpPr>
          <p:cNvPr id="4" name="מציין מיקום של כותרת תחתונה 3"/>
          <p:cNvSpPr>
            <a:spLocks noGrp="1"/>
          </p:cNvSpPr>
          <p:nvPr>
            <p:ph type="ftr" sz="quarter" idx="11"/>
          </p:nvPr>
        </p:nvSpPr>
        <p:spPr/>
        <p:txBody>
          <a:bodyPr/>
          <a:lstStyle/>
          <a:p>
            <a:endParaRPr lang="he-IL">
              <a:solidFill>
                <a:prstClr val="black">
                  <a:tint val="75000"/>
                </a:prstClr>
              </a:solidFill>
            </a:endParaRPr>
          </a:p>
        </p:txBody>
      </p:sp>
      <p:sp>
        <p:nvSpPr>
          <p:cNvPr id="5" name="מציין מיקום של מספר שקופית 4"/>
          <p:cNvSpPr>
            <a:spLocks noGrp="1"/>
          </p:cNvSpPr>
          <p:nvPr>
            <p:ph type="sldNum" sz="quarter" idx="12"/>
          </p:nvPr>
        </p:nvSpPr>
        <p:spPr/>
        <p:txBody>
          <a:bodyPr/>
          <a:lstStyle/>
          <a:p>
            <a:fld id="{ACC73AD3-578B-496C-8D43-006DC20C25ED}" type="slidenum">
              <a:rPr lang="he-IL" smtClean="0">
                <a:solidFill>
                  <a:prstClr val="black">
                    <a:tint val="75000"/>
                  </a:prstClr>
                </a:solidFill>
              </a:rPr>
              <a:pPr/>
              <a:t>‹#›</a:t>
            </a:fld>
            <a:endParaRPr lang="he-IL">
              <a:solidFill>
                <a:prstClr val="black">
                  <a:tint val="75000"/>
                </a:prstClr>
              </a:solidFill>
            </a:endParaRPr>
          </a:p>
        </p:txBody>
      </p:sp>
    </p:spTree>
    <p:extLst>
      <p:ext uri="{BB962C8B-B14F-4D97-AF65-F5344CB8AC3E}">
        <p14:creationId xmlns:p14="http://schemas.microsoft.com/office/powerpoint/2010/main" val="74797702"/>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blank" preserve="1">
  <p:cSld name="ריק">
    <p:spTree>
      <p:nvGrpSpPr>
        <p:cNvPr id="1" name=""/>
        <p:cNvGrpSpPr/>
        <p:nvPr/>
      </p:nvGrpSpPr>
      <p:grpSpPr>
        <a:xfrm>
          <a:off x="0" y="0"/>
          <a:ext cx="0" cy="0"/>
          <a:chOff x="0" y="0"/>
          <a:chExt cx="0" cy="0"/>
        </a:xfrm>
      </p:grpSpPr>
      <p:sp>
        <p:nvSpPr>
          <p:cNvPr id="2" name="מציין מיקום של תאריך 1"/>
          <p:cNvSpPr>
            <a:spLocks noGrp="1"/>
          </p:cNvSpPr>
          <p:nvPr>
            <p:ph type="dt" sz="half" idx="10"/>
          </p:nvPr>
        </p:nvSpPr>
        <p:spPr/>
        <p:txBody>
          <a:bodyPr/>
          <a:lstStyle/>
          <a:p>
            <a:fld id="{DB1290FF-24B0-4141-93DF-8AAF71B00D49}" type="datetimeFigureOut">
              <a:rPr lang="he-IL" smtClean="0">
                <a:solidFill>
                  <a:prstClr val="black">
                    <a:tint val="75000"/>
                  </a:prstClr>
                </a:solidFill>
              </a:rPr>
              <a:pPr/>
              <a:t>כ"ב/שבט/תשע"ו</a:t>
            </a:fld>
            <a:endParaRPr lang="he-IL">
              <a:solidFill>
                <a:prstClr val="black">
                  <a:tint val="75000"/>
                </a:prstClr>
              </a:solidFill>
            </a:endParaRPr>
          </a:p>
        </p:txBody>
      </p:sp>
      <p:sp>
        <p:nvSpPr>
          <p:cNvPr id="3" name="מציין מיקום של כותרת תחתונה 2"/>
          <p:cNvSpPr>
            <a:spLocks noGrp="1"/>
          </p:cNvSpPr>
          <p:nvPr>
            <p:ph type="ftr" sz="quarter" idx="11"/>
          </p:nvPr>
        </p:nvSpPr>
        <p:spPr/>
        <p:txBody>
          <a:bodyPr/>
          <a:lstStyle/>
          <a:p>
            <a:endParaRPr lang="he-IL">
              <a:solidFill>
                <a:prstClr val="black">
                  <a:tint val="75000"/>
                </a:prstClr>
              </a:solidFill>
            </a:endParaRPr>
          </a:p>
        </p:txBody>
      </p:sp>
      <p:sp>
        <p:nvSpPr>
          <p:cNvPr id="4" name="מציין מיקום של מספר שקופית 3"/>
          <p:cNvSpPr>
            <a:spLocks noGrp="1"/>
          </p:cNvSpPr>
          <p:nvPr>
            <p:ph type="sldNum" sz="quarter" idx="12"/>
          </p:nvPr>
        </p:nvSpPr>
        <p:spPr/>
        <p:txBody>
          <a:bodyPr/>
          <a:lstStyle/>
          <a:p>
            <a:fld id="{ACC73AD3-578B-496C-8D43-006DC20C25ED}" type="slidenum">
              <a:rPr lang="he-IL" smtClean="0">
                <a:solidFill>
                  <a:prstClr val="black">
                    <a:tint val="75000"/>
                  </a:prstClr>
                </a:solidFill>
              </a:rPr>
              <a:pPr/>
              <a:t>‹#›</a:t>
            </a:fld>
            <a:endParaRPr lang="he-IL">
              <a:solidFill>
                <a:prstClr val="black">
                  <a:tint val="75000"/>
                </a:prstClr>
              </a:solidFill>
            </a:endParaRPr>
          </a:p>
        </p:txBody>
      </p:sp>
    </p:spTree>
    <p:extLst>
      <p:ext uri="{BB962C8B-B14F-4D97-AF65-F5344CB8AC3E}">
        <p14:creationId xmlns:p14="http://schemas.microsoft.com/office/powerpoint/2010/main" val="1078050409"/>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objTx" preserve="1">
  <p:cSld name="תוכן עם כיתוב">
    <p:spTree>
      <p:nvGrpSpPr>
        <p:cNvPr id="1" name=""/>
        <p:cNvGrpSpPr/>
        <p:nvPr/>
      </p:nvGrpSpPr>
      <p:grpSpPr>
        <a:xfrm>
          <a:off x="0" y="0"/>
          <a:ext cx="0" cy="0"/>
          <a:chOff x="0" y="0"/>
          <a:chExt cx="0" cy="0"/>
        </a:xfrm>
      </p:grpSpPr>
      <p:sp>
        <p:nvSpPr>
          <p:cNvPr id="2" name="כותרת 1"/>
          <p:cNvSpPr>
            <a:spLocks noGrp="1"/>
          </p:cNvSpPr>
          <p:nvPr>
            <p:ph type="title"/>
          </p:nvPr>
        </p:nvSpPr>
        <p:spPr>
          <a:xfrm>
            <a:off x="629841" y="457200"/>
            <a:ext cx="2949178" cy="1600200"/>
          </a:xfrm>
        </p:spPr>
        <p:txBody>
          <a:bodyPr anchor="b"/>
          <a:lstStyle>
            <a:lvl1pPr>
              <a:defRPr sz="2400"/>
            </a:lvl1pPr>
          </a:lstStyle>
          <a:p>
            <a:r>
              <a:rPr lang="he-IL" smtClean="0"/>
              <a:t>לחץ כדי לערוך סגנון כותרת של תבנית בסיס</a:t>
            </a:r>
            <a:endParaRPr lang="he-IL"/>
          </a:p>
        </p:txBody>
      </p:sp>
      <p:sp>
        <p:nvSpPr>
          <p:cNvPr id="3" name="מציין מיקום תוכן 2"/>
          <p:cNvSpPr>
            <a:spLocks noGrp="1"/>
          </p:cNvSpPr>
          <p:nvPr>
            <p:ph idx="1"/>
          </p:nvPr>
        </p:nvSpPr>
        <p:spPr>
          <a:xfrm>
            <a:off x="3887391" y="987426"/>
            <a:ext cx="4629150" cy="4873625"/>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4" name="מציין מיקום טקסט 3"/>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he-IL" smtClean="0"/>
              <a:t>לחץ כדי לערוך סגנונות טקסט של תבנית בסיס</a:t>
            </a:r>
          </a:p>
        </p:txBody>
      </p:sp>
      <p:sp>
        <p:nvSpPr>
          <p:cNvPr id="5" name="מציין מיקום של תאריך 4"/>
          <p:cNvSpPr>
            <a:spLocks noGrp="1"/>
          </p:cNvSpPr>
          <p:nvPr>
            <p:ph type="dt" sz="half" idx="10"/>
          </p:nvPr>
        </p:nvSpPr>
        <p:spPr/>
        <p:txBody>
          <a:bodyPr/>
          <a:lstStyle/>
          <a:p>
            <a:fld id="{DB1290FF-24B0-4141-93DF-8AAF71B00D49}" type="datetimeFigureOut">
              <a:rPr lang="he-IL" smtClean="0">
                <a:solidFill>
                  <a:prstClr val="black">
                    <a:tint val="75000"/>
                  </a:prstClr>
                </a:solidFill>
              </a:rPr>
              <a:pPr/>
              <a:t>כ"ב/שבט/תשע"ו</a:t>
            </a:fld>
            <a:endParaRPr lang="he-IL">
              <a:solidFill>
                <a:prstClr val="black">
                  <a:tint val="75000"/>
                </a:prstClr>
              </a:solidFill>
            </a:endParaRPr>
          </a:p>
        </p:txBody>
      </p:sp>
      <p:sp>
        <p:nvSpPr>
          <p:cNvPr id="6" name="מציין מיקום של כותרת תחתונה 5"/>
          <p:cNvSpPr>
            <a:spLocks noGrp="1"/>
          </p:cNvSpPr>
          <p:nvPr>
            <p:ph type="ftr" sz="quarter" idx="11"/>
          </p:nvPr>
        </p:nvSpPr>
        <p:spPr/>
        <p:txBody>
          <a:bodyPr/>
          <a:lstStyle/>
          <a:p>
            <a:endParaRPr lang="he-IL">
              <a:solidFill>
                <a:prstClr val="black">
                  <a:tint val="75000"/>
                </a:prstClr>
              </a:solidFill>
            </a:endParaRPr>
          </a:p>
        </p:txBody>
      </p:sp>
      <p:sp>
        <p:nvSpPr>
          <p:cNvPr id="7" name="מציין מיקום של מספר שקופית 6"/>
          <p:cNvSpPr>
            <a:spLocks noGrp="1"/>
          </p:cNvSpPr>
          <p:nvPr>
            <p:ph type="sldNum" sz="quarter" idx="12"/>
          </p:nvPr>
        </p:nvSpPr>
        <p:spPr/>
        <p:txBody>
          <a:bodyPr/>
          <a:lstStyle/>
          <a:p>
            <a:fld id="{ACC73AD3-578B-496C-8D43-006DC20C25ED}" type="slidenum">
              <a:rPr lang="he-IL" smtClean="0">
                <a:solidFill>
                  <a:prstClr val="black">
                    <a:tint val="75000"/>
                  </a:prstClr>
                </a:solidFill>
              </a:rPr>
              <a:pPr/>
              <a:t>‹#›</a:t>
            </a:fld>
            <a:endParaRPr lang="he-IL">
              <a:solidFill>
                <a:prstClr val="black">
                  <a:tint val="75000"/>
                </a:prstClr>
              </a:solidFill>
            </a:endParaRPr>
          </a:p>
        </p:txBody>
      </p:sp>
    </p:spTree>
    <p:extLst>
      <p:ext uri="{BB962C8B-B14F-4D97-AF65-F5344CB8AC3E}">
        <p14:creationId xmlns:p14="http://schemas.microsoft.com/office/powerpoint/2010/main" val="1343545224"/>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picTx" preserve="1">
  <p:cSld name="תמונה עם כיתוב">
    <p:spTree>
      <p:nvGrpSpPr>
        <p:cNvPr id="1" name=""/>
        <p:cNvGrpSpPr/>
        <p:nvPr/>
      </p:nvGrpSpPr>
      <p:grpSpPr>
        <a:xfrm>
          <a:off x="0" y="0"/>
          <a:ext cx="0" cy="0"/>
          <a:chOff x="0" y="0"/>
          <a:chExt cx="0" cy="0"/>
        </a:xfrm>
      </p:grpSpPr>
      <p:sp>
        <p:nvSpPr>
          <p:cNvPr id="2" name="כותרת 1"/>
          <p:cNvSpPr>
            <a:spLocks noGrp="1"/>
          </p:cNvSpPr>
          <p:nvPr>
            <p:ph type="title"/>
          </p:nvPr>
        </p:nvSpPr>
        <p:spPr>
          <a:xfrm>
            <a:off x="629841" y="457200"/>
            <a:ext cx="2949178" cy="1600200"/>
          </a:xfrm>
        </p:spPr>
        <p:txBody>
          <a:bodyPr anchor="b"/>
          <a:lstStyle>
            <a:lvl1pPr>
              <a:defRPr sz="2400"/>
            </a:lvl1pPr>
          </a:lstStyle>
          <a:p>
            <a:r>
              <a:rPr lang="he-IL" smtClean="0"/>
              <a:t>לחץ כדי לערוך סגנון כותרת של תבנית בסיס</a:t>
            </a:r>
            <a:endParaRPr lang="he-IL"/>
          </a:p>
        </p:txBody>
      </p:sp>
      <p:sp>
        <p:nvSpPr>
          <p:cNvPr id="3" name="מציין מיקום של תמונה 2"/>
          <p:cNvSpPr>
            <a:spLocks noGrp="1"/>
          </p:cNvSpPr>
          <p:nvPr>
            <p:ph type="pic" idx="1"/>
          </p:nvPr>
        </p:nvSpPr>
        <p:spPr>
          <a:xfrm>
            <a:off x="3887391" y="987426"/>
            <a:ext cx="4629150" cy="4873625"/>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he-IL"/>
          </a:p>
        </p:txBody>
      </p:sp>
      <p:sp>
        <p:nvSpPr>
          <p:cNvPr id="4" name="מציין מיקום טקסט 3"/>
          <p:cNvSpPr>
            <a:spLocks noGrp="1"/>
          </p:cNvSpPr>
          <p:nvPr>
            <p:ph type="body" sz="half" idx="2"/>
          </p:nvPr>
        </p:nvSpPr>
        <p:spPr>
          <a:xfrm>
            <a:off x="629841" y="2057400"/>
            <a:ext cx="2949178" cy="3811588"/>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he-IL" smtClean="0"/>
              <a:t>לחץ כדי לערוך סגנונות טקסט של תבנית בסיס</a:t>
            </a:r>
          </a:p>
        </p:txBody>
      </p:sp>
      <p:sp>
        <p:nvSpPr>
          <p:cNvPr id="5" name="מציין מיקום של תאריך 4"/>
          <p:cNvSpPr>
            <a:spLocks noGrp="1"/>
          </p:cNvSpPr>
          <p:nvPr>
            <p:ph type="dt" sz="half" idx="10"/>
          </p:nvPr>
        </p:nvSpPr>
        <p:spPr/>
        <p:txBody>
          <a:bodyPr/>
          <a:lstStyle/>
          <a:p>
            <a:fld id="{DB1290FF-24B0-4141-93DF-8AAF71B00D49}" type="datetimeFigureOut">
              <a:rPr lang="he-IL" smtClean="0">
                <a:solidFill>
                  <a:prstClr val="black">
                    <a:tint val="75000"/>
                  </a:prstClr>
                </a:solidFill>
              </a:rPr>
              <a:pPr/>
              <a:t>כ"ב/שבט/תשע"ו</a:t>
            </a:fld>
            <a:endParaRPr lang="he-IL">
              <a:solidFill>
                <a:prstClr val="black">
                  <a:tint val="75000"/>
                </a:prstClr>
              </a:solidFill>
            </a:endParaRPr>
          </a:p>
        </p:txBody>
      </p:sp>
      <p:sp>
        <p:nvSpPr>
          <p:cNvPr id="6" name="מציין מיקום של כותרת תחתונה 5"/>
          <p:cNvSpPr>
            <a:spLocks noGrp="1"/>
          </p:cNvSpPr>
          <p:nvPr>
            <p:ph type="ftr" sz="quarter" idx="11"/>
          </p:nvPr>
        </p:nvSpPr>
        <p:spPr/>
        <p:txBody>
          <a:bodyPr/>
          <a:lstStyle/>
          <a:p>
            <a:endParaRPr lang="he-IL">
              <a:solidFill>
                <a:prstClr val="black">
                  <a:tint val="75000"/>
                </a:prstClr>
              </a:solidFill>
            </a:endParaRPr>
          </a:p>
        </p:txBody>
      </p:sp>
      <p:sp>
        <p:nvSpPr>
          <p:cNvPr id="7" name="מציין מיקום של מספר שקופית 6"/>
          <p:cNvSpPr>
            <a:spLocks noGrp="1"/>
          </p:cNvSpPr>
          <p:nvPr>
            <p:ph type="sldNum" sz="quarter" idx="12"/>
          </p:nvPr>
        </p:nvSpPr>
        <p:spPr/>
        <p:txBody>
          <a:bodyPr/>
          <a:lstStyle/>
          <a:p>
            <a:fld id="{ACC73AD3-578B-496C-8D43-006DC20C25ED}" type="slidenum">
              <a:rPr lang="he-IL" smtClean="0">
                <a:solidFill>
                  <a:prstClr val="black">
                    <a:tint val="75000"/>
                  </a:prstClr>
                </a:solidFill>
              </a:rPr>
              <a:pPr/>
              <a:t>‹#›</a:t>
            </a:fld>
            <a:endParaRPr lang="he-IL">
              <a:solidFill>
                <a:prstClr val="black">
                  <a:tint val="75000"/>
                </a:prstClr>
              </a:solidFill>
            </a:endParaRPr>
          </a:p>
        </p:txBody>
      </p:sp>
    </p:spTree>
    <p:extLst>
      <p:ext uri="{BB962C8B-B14F-4D97-AF65-F5344CB8AC3E}">
        <p14:creationId xmlns:p14="http://schemas.microsoft.com/office/powerpoint/2010/main" val="88413149"/>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type="vertTx" preserve="1">
  <p:cSld name="כותרת וטקסט אנכי">
    <p:spTree>
      <p:nvGrpSpPr>
        <p:cNvPr id="1" name=""/>
        <p:cNvGrpSpPr/>
        <p:nvPr/>
      </p:nvGrpSpPr>
      <p:grpSpPr>
        <a:xfrm>
          <a:off x="0" y="0"/>
          <a:ext cx="0" cy="0"/>
          <a:chOff x="0" y="0"/>
          <a:chExt cx="0" cy="0"/>
        </a:xfrm>
      </p:grpSpPr>
      <p:sp>
        <p:nvSpPr>
          <p:cNvPr id="2" name="כותרת 1"/>
          <p:cNvSpPr>
            <a:spLocks noGrp="1"/>
          </p:cNvSpPr>
          <p:nvPr>
            <p:ph type="title"/>
          </p:nvPr>
        </p:nvSpPr>
        <p:spPr/>
        <p:txBody>
          <a:bodyPr/>
          <a:lstStyle/>
          <a:p>
            <a:r>
              <a:rPr lang="he-IL" smtClean="0"/>
              <a:t>לחץ כדי לערוך סגנון כותרת של תבנית בסיס</a:t>
            </a:r>
            <a:endParaRPr lang="he-IL"/>
          </a:p>
        </p:txBody>
      </p:sp>
      <p:sp>
        <p:nvSpPr>
          <p:cNvPr id="3" name="מציין מיקום של טקסט אנכי 2"/>
          <p:cNvSpPr>
            <a:spLocks noGrp="1"/>
          </p:cNvSpPr>
          <p:nvPr>
            <p:ph type="body" orient="vert" idx="1"/>
          </p:nvPr>
        </p:nvSpPr>
        <p:spPr/>
        <p:txBody>
          <a:bodyPr vert="eaVert"/>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4" name="מציין מיקום של תאריך 3"/>
          <p:cNvSpPr>
            <a:spLocks noGrp="1"/>
          </p:cNvSpPr>
          <p:nvPr>
            <p:ph type="dt" sz="half" idx="10"/>
          </p:nvPr>
        </p:nvSpPr>
        <p:spPr/>
        <p:txBody>
          <a:bodyPr/>
          <a:lstStyle/>
          <a:p>
            <a:fld id="{DB1290FF-24B0-4141-93DF-8AAF71B00D49}" type="datetimeFigureOut">
              <a:rPr lang="he-IL" smtClean="0">
                <a:solidFill>
                  <a:prstClr val="black">
                    <a:tint val="75000"/>
                  </a:prstClr>
                </a:solidFill>
              </a:rPr>
              <a:pPr/>
              <a:t>כ"ב/שבט/תשע"ו</a:t>
            </a:fld>
            <a:endParaRPr lang="he-IL">
              <a:solidFill>
                <a:prstClr val="black">
                  <a:tint val="75000"/>
                </a:prstClr>
              </a:solidFill>
            </a:endParaRPr>
          </a:p>
        </p:txBody>
      </p:sp>
      <p:sp>
        <p:nvSpPr>
          <p:cNvPr id="5" name="מציין מיקום של כותרת תחתונה 4"/>
          <p:cNvSpPr>
            <a:spLocks noGrp="1"/>
          </p:cNvSpPr>
          <p:nvPr>
            <p:ph type="ftr" sz="quarter" idx="11"/>
          </p:nvPr>
        </p:nvSpPr>
        <p:spPr/>
        <p:txBody>
          <a:bodyPr/>
          <a:lstStyle/>
          <a:p>
            <a:endParaRPr lang="he-IL">
              <a:solidFill>
                <a:prstClr val="black">
                  <a:tint val="75000"/>
                </a:prstClr>
              </a:solidFill>
            </a:endParaRPr>
          </a:p>
        </p:txBody>
      </p:sp>
      <p:sp>
        <p:nvSpPr>
          <p:cNvPr id="6" name="מציין מיקום של מספר שקופית 5"/>
          <p:cNvSpPr>
            <a:spLocks noGrp="1"/>
          </p:cNvSpPr>
          <p:nvPr>
            <p:ph type="sldNum" sz="quarter" idx="12"/>
          </p:nvPr>
        </p:nvSpPr>
        <p:spPr/>
        <p:txBody>
          <a:bodyPr/>
          <a:lstStyle/>
          <a:p>
            <a:fld id="{ACC73AD3-578B-496C-8D43-006DC20C25ED}" type="slidenum">
              <a:rPr lang="he-IL" smtClean="0">
                <a:solidFill>
                  <a:prstClr val="black">
                    <a:tint val="75000"/>
                  </a:prstClr>
                </a:solidFill>
              </a:rPr>
              <a:pPr/>
              <a:t>‹#›</a:t>
            </a:fld>
            <a:endParaRPr lang="he-IL">
              <a:solidFill>
                <a:prstClr val="black">
                  <a:tint val="75000"/>
                </a:prstClr>
              </a:solidFill>
            </a:endParaRPr>
          </a:p>
        </p:txBody>
      </p:sp>
    </p:spTree>
    <p:extLst>
      <p:ext uri="{BB962C8B-B14F-4D97-AF65-F5344CB8AC3E}">
        <p14:creationId xmlns:p14="http://schemas.microsoft.com/office/powerpoint/2010/main" val="347785831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כותרת בלבד">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he-IL" smtClean="0"/>
              <a:t>לחץ כדי לערוך סגנון כותרת של תבנית בסיס</a:t>
            </a:r>
            <a:endParaRPr lang="en-US"/>
          </a:p>
        </p:txBody>
      </p:sp>
      <p:sp>
        <p:nvSpPr>
          <p:cNvPr id="3" name="Date Placeholder 2"/>
          <p:cNvSpPr>
            <a:spLocks noGrp="1"/>
          </p:cNvSpPr>
          <p:nvPr>
            <p:ph type="dt" sz="half" idx="10"/>
          </p:nvPr>
        </p:nvSpPr>
        <p:spPr/>
        <p:txBody>
          <a:bodyPr/>
          <a:lstStyle>
            <a:lvl1pPr>
              <a:defRPr/>
            </a:lvl1pPr>
          </a:lstStyle>
          <a:p>
            <a:endParaRPr lang="he-IL"/>
          </a:p>
        </p:txBody>
      </p:sp>
      <p:sp>
        <p:nvSpPr>
          <p:cNvPr id="4" name="Footer Placeholder 3"/>
          <p:cNvSpPr>
            <a:spLocks noGrp="1"/>
          </p:cNvSpPr>
          <p:nvPr>
            <p:ph type="ftr" sz="quarter" idx="11"/>
          </p:nvPr>
        </p:nvSpPr>
        <p:spPr/>
        <p:txBody>
          <a:bodyPr/>
          <a:lstStyle>
            <a:lvl1pPr>
              <a:defRPr/>
            </a:lvl1pPr>
          </a:lstStyle>
          <a:p>
            <a:endParaRPr lang="he-IL"/>
          </a:p>
        </p:txBody>
      </p:sp>
      <p:sp>
        <p:nvSpPr>
          <p:cNvPr id="5" name="Slide Number Placeholder 4"/>
          <p:cNvSpPr>
            <a:spLocks noGrp="1"/>
          </p:cNvSpPr>
          <p:nvPr>
            <p:ph type="sldNum" sz="quarter" idx="12"/>
          </p:nvPr>
        </p:nvSpPr>
        <p:spPr/>
        <p:txBody>
          <a:bodyPr/>
          <a:lstStyle>
            <a:lvl1pPr>
              <a:defRPr/>
            </a:lvl1pPr>
          </a:lstStyle>
          <a:p>
            <a:fld id="{A8C67DB9-AC46-4A22-AE58-73B6656B6823}" type="slidenum">
              <a:rPr lang="ar-SA"/>
              <a:pPr/>
              <a:t>‹#›</a:t>
            </a:fld>
            <a:endParaRPr lang="he-IL"/>
          </a:p>
        </p:txBody>
      </p:sp>
    </p:spTree>
    <p:extLst>
      <p:ext uri="{BB962C8B-B14F-4D97-AF65-F5344CB8AC3E}">
        <p14:creationId xmlns:p14="http://schemas.microsoft.com/office/powerpoint/2010/main" val="3136850029"/>
      </p:ext>
    </p:extLst>
  </p:cSld>
  <p:clrMapOvr>
    <a:masterClrMapping/>
  </p:clrMapOvr>
  <p:timing>
    <p:tnLst>
      <p:par>
        <p:cTn id="1" dur="indefinite" restart="never" nodeType="tmRoot"/>
      </p:par>
    </p:tnLst>
  </p:timing>
</p:sldLayout>
</file>

<file path=ppt/slideLayouts/slideLayout60.xml><?xml version="1.0" encoding="utf-8"?>
<p:sldLayout xmlns:a="http://schemas.openxmlformats.org/drawingml/2006/main" xmlns:r="http://schemas.openxmlformats.org/officeDocument/2006/relationships" xmlns:p="http://schemas.openxmlformats.org/presentationml/2006/main" type="vertTitleAndTx" preserve="1">
  <p:cSld name="כותרת אנכית וטקסט">
    <p:spTree>
      <p:nvGrpSpPr>
        <p:cNvPr id="1" name=""/>
        <p:cNvGrpSpPr/>
        <p:nvPr/>
      </p:nvGrpSpPr>
      <p:grpSpPr>
        <a:xfrm>
          <a:off x="0" y="0"/>
          <a:ext cx="0" cy="0"/>
          <a:chOff x="0" y="0"/>
          <a:chExt cx="0" cy="0"/>
        </a:xfrm>
      </p:grpSpPr>
      <p:sp>
        <p:nvSpPr>
          <p:cNvPr id="2" name="כותרת אנכית 1"/>
          <p:cNvSpPr>
            <a:spLocks noGrp="1"/>
          </p:cNvSpPr>
          <p:nvPr>
            <p:ph type="title" orient="vert"/>
          </p:nvPr>
        </p:nvSpPr>
        <p:spPr>
          <a:xfrm>
            <a:off x="6543675" y="365125"/>
            <a:ext cx="1971675" cy="5811838"/>
          </a:xfrm>
        </p:spPr>
        <p:txBody>
          <a:bodyPr vert="eaVert"/>
          <a:lstStyle/>
          <a:p>
            <a:r>
              <a:rPr lang="he-IL" smtClean="0"/>
              <a:t>לחץ כדי לערוך סגנון כותרת של תבנית בסיס</a:t>
            </a:r>
            <a:endParaRPr lang="he-IL"/>
          </a:p>
        </p:txBody>
      </p:sp>
      <p:sp>
        <p:nvSpPr>
          <p:cNvPr id="3" name="מציין מיקום של טקסט אנכי 2"/>
          <p:cNvSpPr>
            <a:spLocks noGrp="1"/>
          </p:cNvSpPr>
          <p:nvPr>
            <p:ph type="body" orient="vert" idx="1"/>
          </p:nvPr>
        </p:nvSpPr>
        <p:spPr>
          <a:xfrm>
            <a:off x="628650" y="365125"/>
            <a:ext cx="5800725" cy="5811838"/>
          </a:xfrm>
        </p:spPr>
        <p:txBody>
          <a:bodyPr vert="eaVert"/>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4" name="מציין מיקום של תאריך 3"/>
          <p:cNvSpPr>
            <a:spLocks noGrp="1"/>
          </p:cNvSpPr>
          <p:nvPr>
            <p:ph type="dt" sz="half" idx="10"/>
          </p:nvPr>
        </p:nvSpPr>
        <p:spPr/>
        <p:txBody>
          <a:bodyPr/>
          <a:lstStyle/>
          <a:p>
            <a:fld id="{DB1290FF-24B0-4141-93DF-8AAF71B00D49}" type="datetimeFigureOut">
              <a:rPr lang="he-IL" smtClean="0">
                <a:solidFill>
                  <a:prstClr val="black">
                    <a:tint val="75000"/>
                  </a:prstClr>
                </a:solidFill>
              </a:rPr>
              <a:pPr/>
              <a:t>כ"ב/שבט/תשע"ו</a:t>
            </a:fld>
            <a:endParaRPr lang="he-IL">
              <a:solidFill>
                <a:prstClr val="black">
                  <a:tint val="75000"/>
                </a:prstClr>
              </a:solidFill>
            </a:endParaRPr>
          </a:p>
        </p:txBody>
      </p:sp>
      <p:sp>
        <p:nvSpPr>
          <p:cNvPr id="5" name="מציין מיקום של כותרת תחתונה 4"/>
          <p:cNvSpPr>
            <a:spLocks noGrp="1"/>
          </p:cNvSpPr>
          <p:nvPr>
            <p:ph type="ftr" sz="quarter" idx="11"/>
          </p:nvPr>
        </p:nvSpPr>
        <p:spPr/>
        <p:txBody>
          <a:bodyPr/>
          <a:lstStyle/>
          <a:p>
            <a:endParaRPr lang="he-IL">
              <a:solidFill>
                <a:prstClr val="black">
                  <a:tint val="75000"/>
                </a:prstClr>
              </a:solidFill>
            </a:endParaRPr>
          </a:p>
        </p:txBody>
      </p:sp>
      <p:sp>
        <p:nvSpPr>
          <p:cNvPr id="6" name="מציין מיקום של מספר שקופית 5"/>
          <p:cNvSpPr>
            <a:spLocks noGrp="1"/>
          </p:cNvSpPr>
          <p:nvPr>
            <p:ph type="sldNum" sz="quarter" idx="12"/>
          </p:nvPr>
        </p:nvSpPr>
        <p:spPr/>
        <p:txBody>
          <a:bodyPr/>
          <a:lstStyle/>
          <a:p>
            <a:fld id="{ACC73AD3-578B-496C-8D43-006DC20C25ED}" type="slidenum">
              <a:rPr lang="he-IL" smtClean="0">
                <a:solidFill>
                  <a:prstClr val="black">
                    <a:tint val="75000"/>
                  </a:prstClr>
                </a:solidFill>
              </a:rPr>
              <a:pPr/>
              <a:t>‹#›</a:t>
            </a:fld>
            <a:endParaRPr lang="he-IL">
              <a:solidFill>
                <a:prstClr val="black">
                  <a:tint val="75000"/>
                </a:prstClr>
              </a:solidFill>
            </a:endParaRPr>
          </a:p>
        </p:txBody>
      </p:sp>
    </p:spTree>
    <p:extLst>
      <p:ext uri="{BB962C8B-B14F-4D97-AF65-F5344CB8AC3E}">
        <p14:creationId xmlns:p14="http://schemas.microsoft.com/office/powerpoint/2010/main" val="2381928475"/>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he-IL"/>
          </a:p>
        </p:txBody>
      </p:sp>
      <p:sp>
        <p:nvSpPr>
          <p:cNvPr id="3" name="Content Placeholder 2"/>
          <p:cNvSpPr>
            <a:spLocks noGrp="1"/>
          </p:cNvSpPr>
          <p:nvPr>
            <p:ph idx="1"/>
          </p:nvPr>
        </p:nvSpPr>
        <p:spPr>
          <a:xfrm>
            <a:off x="290286" y="981075"/>
            <a:ext cx="8577943" cy="5399088"/>
          </a:xfrm>
        </p:spPr>
        <p:txBody>
          <a:bodyPr/>
          <a:lstStyle>
            <a:lvl1pPr algn="l" rtl="0">
              <a:defRPr sz="2800"/>
            </a:lvl1pPr>
            <a:lvl2pPr algn="l" rtl="0">
              <a:defRPr sz="2800"/>
            </a:lvl2pPr>
            <a:lvl3pPr algn="l" rtl="0">
              <a:defRPr sz="2800"/>
            </a:lvl3pPr>
            <a:lvl4pPr algn="l" rtl="0">
              <a:defRPr sz="2400"/>
            </a:lvl4pPr>
            <a:lvl5pPr algn="l" rtl="0">
              <a:defRPr sz="2400"/>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he-IL" dirty="0"/>
          </a:p>
        </p:txBody>
      </p:sp>
      <p:sp>
        <p:nvSpPr>
          <p:cNvPr id="4" name="Rectangle 7"/>
          <p:cNvSpPr>
            <a:spLocks noGrp="1" noChangeArrowheads="1"/>
          </p:cNvSpPr>
          <p:nvPr>
            <p:ph type="ftr" sz="quarter" idx="10"/>
          </p:nvPr>
        </p:nvSpPr>
        <p:spPr>
          <a:xfrm>
            <a:off x="3124200" y="6408738"/>
            <a:ext cx="2895600" cy="476250"/>
          </a:xfrm>
          <a:prstGeom prst="rect">
            <a:avLst/>
          </a:prstGeom>
        </p:spPr>
        <p:txBody>
          <a:bodyPr/>
          <a:lstStyle>
            <a:lvl1pPr algn="r" rtl="1" eaLnBrk="1" fontAlgn="auto" hangingPunct="1">
              <a:spcBef>
                <a:spcPts val="0"/>
              </a:spcBef>
              <a:spcAft>
                <a:spcPts val="0"/>
              </a:spcAft>
              <a:defRPr>
                <a:latin typeface="+mn-lt"/>
                <a:cs typeface="+mn-cs"/>
              </a:defRPr>
            </a:lvl1pPr>
          </a:lstStyle>
          <a:p>
            <a:pPr>
              <a:defRPr/>
            </a:pPr>
            <a:endParaRPr lang="he-IL"/>
          </a:p>
        </p:txBody>
      </p:sp>
    </p:spTree>
    <p:extLst>
      <p:ext uri="{BB962C8B-B14F-4D97-AF65-F5344CB8AC3E}">
        <p14:creationId xmlns:p14="http://schemas.microsoft.com/office/powerpoint/2010/main" val="2765354331"/>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userDrawn="1">
  <p:cSld name="2_שקופית כותרת">
    <p:spTree>
      <p:nvGrpSpPr>
        <p:cNvPr id="1" name=""/>
        <p:cNvGrpSpPr/>
        <p:nvPr/>
      </p:nvGrpSpPr>
      <p:grpSpPr>
        <a:xfrm>
          <a:off x="0" y="0"/>
          <a:ext cx="0" cy="0"/>
          <a:chOff x="0" y="0"/>
          <a:chExt cx="0" cy="0"/>
        </a:xfrm>
      </p:grpSpPr>
    </p:spTree>
    <p:extLst>
      <p:ext uri="{BB962C8B-B14F-4D97-AF65-F5344CB8AC3E}">
        <p14:creationId xmlns:p14="http://schemas.microsoft.com/office/powerpoint/2010/main" val="22444738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ריק">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lvl1pPr>
          </a:lstStyle>
          <a:p>
            <a:endParaRPr lang="he-IL"/>
          </a:p>
        </p:txBody>
      </p:sp>
      <p:sp>
        <p:nvSpPr>
          <p:cNvPr id="3" name="Footer Placeholder 2"/>
          <p:cNvSpPr>
            <a:spLocks noGrp="1"/>
          </p:cNvSpPr>
          <p:nvPr>
            <p:ph type="ftr" sz="quarter" idx="11"/>
          </p:nvPr>
        </p:nvSpPr>
        <p:spPr/>
        <p:txBody>
          <a:bodyPr/>
          <a:lstStyle>
            <a:lvl1pPr>
              <a:defRPr/>
            </a:lvl1pPr>
          </a:lstStyle>
          <a:p>
            <a:endParaRPr lang="he-IL"/>
          </a:p>
        </p:txBody>
      </p:sp>
      <p:sp>
        <p:nvSpPr>
          <p:cNvPr id="4" name="Slide Number Placeholder 3"/>
          <p:cNvSpPr>
            <a:spLocks noGrp="1"/>
          </p:cNvSpPr>
          <p:nvPr>
            <p:ph type="sldNum" sz="quarter" idx="12"/>
          </p:nvPr>
        </p:nvSpPr>
        <p:spPr/>
        <p:txBody>
          <a:bodyPr/>
          <a:lstStyle>
            <a:lvl1pPr>
              <a:defRPr/>
            </a:lvl1pPr>
          </a:lstStyle>
          <a:p>
            <a:fld id="{81188D14-5751-401E-AD11-E4A7F68C8140}" type="slidenum">
              <a:rPr lang="ar-SA"/>
              <a:pPr/>
              <a:t>‹#›</a:t>
            </a:fld>
            <a:endParaRPr lang="he-IL"/>
          </a:p>
        </p:txBody>
      </p:sp>
    </p:spTree>
    <p:extLst>
      <p:ext uri="{BB962C8B-B14F-4D97-AF65-F5344CB8AC3E}">
        <p14:creationId xmlns:p14="http://schemas.microsoft.com/office/powerpoint/2010/main" val="4027011557"/>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תוכן עם כיתוב">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lstStyle>
            <a:lvl1pPr algn="l">
              <a:defRPr sz="2000" b="1"/>
            </a:lvl1pPr>
          </a:lstStyle>
          <a:p>
            <a:r>
              <a:rPr lang="he-IL" smtClean="0"/>
              <a:t>לחץ כדי לערוך סגנון כותרת של תבנית בסיס</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he-IL" smtClean="0"/>
              <a:t>לחץ כדי לערוך סגנונות טקסט של תבנית בסיס</a:t>
            </a:r>
          </a:p>
        </p:txBody>
      </p:sp>
      <p:sp>
        <p:nvSpPr>
          <p:cNvPr id="5" name="Date Placeholder 4"/>
          <p:cNvSpPr>
            <a:spLocks noGrp="1"/>
          </p:cNvSpPr>
          <p:nvPr>
            <p:ph type="dt" sz="half" idx="10"/>
          </p:nvPr>
        </p:nvSpPr>
        <p:spPr/>
        <p:txBody>
          <a:bodyPr/>
          <a:lstStyle>
            <a:lvl1pPr>
              <a:defRPr/>
            </a:lvl1pPr>
          </a:lstStyle>
          <a:p>
            <a:endParaRPr lang="he-IL"/>
          </a:p>
        </p:txBody>
      </p:sp>
      <p:sp>
        <p:nvSpPr>
          <p:cNvPr id="6" name="Footer Placeholder 5"/>
          <p:cNvSpPr>
            <a:spLocks noGrp="1"/>
          </p:cNvSpPr>
          <p:nvPr>
            <p:ph type="ftr" sz="quarter" idx="11"/>
          </p:nvPr>
        </p:nvSpPr>
        <p:spPr/>
        <p:txBody>
          <a:bodyPr/>
          <a:lstStyle>
            <a:lvl1pPr>
              <a:defRPr/>
            </a:lvl1pPr>
          </a:lstStyle>
          <a:p>
            <a:endParaRPr lang="he-IL"/>
          </a:p>
        </p:txBody>
      </p:sp>
      <p:sp>
        <p:nvSpPr>
          <p:cNvPr id="7" name="Slide Number Placeholder 6"/>
          <p:cNvSpPr>
            <a:spLocks noGrp="1"/>
          </p:cNvSpPr>
          <p:nvPr>
            <p:ph type="sldNum" sz="quarter" idx="12"/>
          </p:nvPr>
        </p:nvSpPr>
        <p:spPr/>
        <p:txBody>
          <a:bodyPr/>
          <a:lstStyle>
            <a:lvl1pPr>
              <a:defRPr/>
            </a:lvl1pPr>
          </a:lstStyle>
          <a:p>
            <a:fld id="{14EAE672-F3B9-4AC0-8B45-067B0A81FB0B}" type="slidenum">
              <a:rPr lang="ar-SA"/>
              <a:pPr/>
              <a:t>‹#›</a:t>
            </a:fld>
            <a:endParaRPr lang="he-IL"/>
          </a:p>
        </p:txBody>
      </p:sp>
    </p:spTree>
    <p:extLst>
      <p:ext uri="{BB962C8B-B14F-4D97-AF65-F5344CB8AC3E}">
        <p14:creationId xmlns:p14="http://schemas.microsoft.com/office/powerpoint/2010/main" val="2430792071"/>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תמונה עם כיתוב">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lstStyle>
            <a:lvl1pPr algn="l">
              <a:defRPr sz="2000" b="1"/>
            </a:lvl1pPr>
          </a:lstStyle>
          <a:p>
            <a:r>
              <a:rPr lang="he-IL" smtClean="0"/>
              <a:t>לחץ כדי לערוך סגנון כותרת של תבנית בסיס</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he-IL" smtClean="0"/>
              <a:t>לחץ על הסמל כדי להוסיף תמונה</a:t>
            </a:r>
            <a:endParaRPr lang="en-US"/>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he-IL" smtClean="0"/>
              <a:t>לחץ כדי לערוך סגנונות טקסט של תבנית בסיס</a:t>
            </a:r>
          </a:p>
        </p:txBody>
      </p:sp>
      <p:sp>
        <p:nvSpPr>
          <p:cNvPr id="5" name="Date Placeholder 4"/>
          <p:cNvSpPr>
            <a:spLocks noGrp="1"/>
          </p:cNvSpPr>
          <p:nvPr>
            <p:ph type="dt" sz="half" idx="10"/>
          </p:nvPr>
        </p:nvSpPr>
        <p:spPr/>
        <p:txBody>
          <a:bodyPr/>
          <a:lstStyle>
            <a:lvl1pPr>
              <a:defRPr/>
            </a:lvl1pPr>
          </a:lstStyle>
          <a:p>
            <a:endParaRPr lang="he-IL"/>
          </a:p>
        </p:txBody>
      </p:sp>
      <p:sp>
        <p:nvSpPr>
          <p:cNvPr id="6" name="Footer Placeholder 5"/>
          <p:cNvSpPr>
            <a:spLocks noGrp="1"/>
          </p:cNvSpPr>
          <p:nvPr>
            <p:ph type="ftr" sz="quarter" idx="11"/>
          </p:nvPr>
        </p:nvSpPr>
        <p:spPr/>
        <p:txBody>
          <a:bodyPr/>
          <a:lstStyle>
            <a:lvl1pPr>
              <a:defRPr/>
            </a:lvl1pPr>
          </a:lstStyle>
          <a:p>
            <a:endParaRPr lang="he-IL"/>
          </a:p>
        </p:txBody>
      </p:sp>
      <p:sp>
        <p:nvSpPr>
          <p:cNvPr id="7" name="Slide Number Placeholder 6"/>
          <p:cNvSpPr>
            <a:spLocks noGrp="1"/>
          </p:cNvSpPr>
          <p:nvPr>
            <p:ph type="sldNum" sz="quarter" idx="12"/>
          </p:nvPr>
        </p:nvSpPr>
        <p:spPr/>
        <p:txBody>
          <a:bodyPr/>
          <a:lstStyle>
            <a:lvl1pPr>
              <a:defRPr/>
            </a:lvl1pPr>
          </a:lstStyle>
          <a:p>
            <a:fld id="{7E407E43-4EB8-4CCF-8CDD-9F3A6E4FC01A}" type="slidenum">
              <a:rPr lang="ar-SA"/>
              <a:pPr/>
              <a:t>‹#›</a:t>
            </a:fld>
            <a:endParaRPr lang="he-IL"/>
          </a:p>
        </p:txBody>
      </p:sp>
    </p:spTree>
    <p:extLst>
      <p:ext uri="{BB962C8B-B14F-4D97-AF65-F5344CB8AC3E}">
        <p14:creationId xmlns:p14="http://schemas.microsoft.com/office/powerpoint/2010/main" val="2144482430"/>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4.xml"/><Relationship Id="rId3" Type="http://schemas.openxmlformats.org/officeDocument/2006/relationships/slideLayout" Target="../slideLayouts/slideLayout19.xml"/><Relationship Id="rId7" Type="http://schemas.openxmlformats.org/officeDocument/2006/relationships/slideLayout" Target="../slideLayouts/slideLayout23.xml"/><Relationship Id="rId12" Type="http://schemas.openxmlformats.org/officeDocument/2006/relationships/theme" Target="../theme/theme2.xml"/><Relationship Id="rId2" Type="http://schemas.openxmlformats.org/officeDocument/2006/relationships/slideLayout" Target="../slideLayouts/slideLayout18.xml"/><Relationship Id="rId1" Type="http://schemas.openxmlformats.org/officeDocument/2006/relationships/slideLayout" Target="../slideLayouts/slideLayout17.xml"/><Relationship Id="rId6" Type="http://schemas.openxmlformats.org/officeDocument/2006/relationships/slideLayout" Target="../slideLayouts/slideLayout22.xml"/><Relationship Id="rId11" Type="http://schemas.openxmlformats.org/officeDocument/2006/relationships/slideLayout" Target="../slideLayouts/slideLayout27.xml"/><Relationship Id="rId5" Type="http://schemas.openxmlformats.org/officeDocument/2006/relationships/slideLayout" Target="../slideLayouts/slideLayout21.xml"/><Relationship Id="rId10" Type="http://schemas.openxmlformats.org/officeDocument/2006/relationships/slideLayout" Target="../slideLayouts/slideLayout26.xml"/><Relationship Id="rId4" Type="http://schemas.openxmlformats.org/officeDocument/2006/relationships/slideLayout" Target="../slideLayouts/slideLayout20.xml"/><Relationship Id="rId9" Type="http://schemas.openxmlformats.org/officeDocument/2006/relationships/slideLayout" Target="../slideLayouts/slideLayout25.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5.xml"/><Relationship Id="rId3" Type="http://schemas.openxmlformats.org/officeDocument/2006/relationships/slideLayout" Target="../slideLayouts/slideLayout30.xml"/><Relationship Id="rId7" Type="http://schemas.openxmlformats.org/officeDocument/2006/relationships/slideLayout" Target="../slideLayouts/slideLayout34.xml"/><Relationship Id="rId12" Type="http://schemas.openxmlformats.org/officeDocument/2006/relationships/theme" Target="../theme/theme3.xml"/><Relationship Id="rId2" Type="http://schemas.openxmlformats.org/officeDocument/2006/relationships/slideLayout" Target="../slideLayouts/slideLayout29.xml"/><Relationship Id="rId1" Type="http://schemas.openxmlformats.org/officeDocument/2006/relationships/slideLayout" Target="../slideLayouts/slideLayout28.xml"/><Relationship Id="rId6" Type="http://schemas.openxmlformats.org/officeDocument/2006/relationships/slideLayout" Target="../slideLayouts/slideLayout33.xml"/><Relationship Id="rId11" Type="http://schemas.openxmlformats.org/officeDocument/2006/relationships/slideLayout" Target="../slideLayouts/slideLayout38.xml"/><Relationship Id="rId5" Type="http://schemas.openxmlformats.org/officeDocument/2006/relationships/slideLayout" Target="../slideLayouts/slideLayout32.xml"/><Relationship Id="rId10" Type="http://schemas.openxmlformats.org/officeDocument/2006/relationships/slideLayout" Target="../slideLayouts/slideLayout37.xml"/><Relationship Id="rId4" Type="http://schemas.openxmlformats.org/officeDocument/2006/relationships/slideLayout" Target="../slideLayouts/slideLayout31.xml"/><Relationship Id="rId9" Type="http://schemas.openxmlformats.org/officeDocument/2006/relationships/slideLayout" Target="../slideLayouts/slideLayout36.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6.xml"/><Relationship Id="rId3" Type="http://schemas.openxmlformats.org/officeDocument/2006/relationships/slideLayout" Target="../slideLayouts/slideLayout41.xml"/><Relationship Id="rId7" Type="http://schemas.openxmlformats.org/officeDocument/2006/relationships/slideLayout" Target="../slideLayouts/slideLayout45.xml"/><Relationship Id="rId12" Type="http://schemas.openxmlformats.org/officeDocument/2006/relationships/theme" Target="../theme/theme4.xml"/><Relationship Id="rId2" Type="http://schemas.openxmlformats.org/officeDocument/2006/relationships/slideLayout" Target="../slideLayouts/slideLayout40.xml"/><Relationship Id="rId1" Type="http://schemas.openxmlformats.org/officeDocument/2006/relationships/slideLayout" Target="../slideLayouts/slideLayout39.xml"/><Relationship Id="rId6" Type="http://schemas.openxmlformats.org/officeDocument/2006/relationships/slideLayout" Target="../slideLayouts/slideLayout44.xml"/><Relationship Id="rId11" Type="http://schemas.openxmlformats.org/officeDocument/2006/relationships/slideLayout" Target="../slideLayouts/slideLayout49.xml"/><Relationship Id="rId5" Type="http://schemas.openxmlformats.org/officeDocument/2006/relationships/slideLayout" Target="../slideLayouts/slideLayout43.xml"/><Relationship Id="rId10" Type="http://schemas.openxmlformats.org/officeDocument/2006/relationships/slideLayout" Target="../slideLayouts/slideLayout48.xml"/><Relationship Id="rId4" Type="http://schemas.openxmlformats.org/officeDocument/2006/relationships/slideLayout" Target="../slideLayouts/slideLayout42.xml"/><Relationship Id="rId9" Type="http://schemas.openxmlformats.org/officeDocument/2006/relationships/slideLayout" Target="../slideLayouts/slideLayout47.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57.xml"/><Relationship Id="rId13" Type="http://schemas.openxmlformats.org/officeDocument/2006/relationships/slideLayout" Target="../slideLayouts/slideLayout62.xml"/><Relationship Id="rId3" Type="http://schemas.openxmlformats.org/officeDocument/2006/relationships/slideLayout" Target="../slideLayouts/slideLayout52.xml"/><Relationship Id="rId7" Type="http://schemas.openxmlformats.org/officeDocument/2006/relationships/slideLayout" Target="../slideLayouts/slideLayout56.xml"/><Relationship Id="rId12" Type="http://schemas.openxmlformats.org/officeDocument/2006/relationships/slideLayout" Target="../slideLayouts/slideLayout61.xml"/><Relationship Id="rId2" Type="http://schemas.openxmlformats.org/officeDocument/2006/relationships/slideLayout" Target="../slideLayouts/slideLayout51.xml"/><Relationship Id="rId1" Type="http://schemas.openxmlformats.org/officeDocument/2006/relationships/slideLayout" Target="../slideLayouts/slideLayout50.xml"/><Relationship Id="rId6" Type="http://schemas.openxmlformats.org/officeDocument/2006/relationships/slideLayout" Target="../slideLayouts/slideLayout55.xml"/><Relationship Id="rId11" Type="http://schemas.openxmlformats.org/officeDocument/2006/relationships/slideLayout" Target="../slideLayouts/slideLayout60.xml"/><Relationship Id="rId5" Type="http://schemas.openxmlformats.org/officeDocument/2006/relationships/slideLayout" Target="../slideLayouts/slideLayout54.xml"/><Relationship Id="rId10" Type="http://schemas.openxmlformats.org/officeDocument/2006/relationships/slideLayout" Target="../slideLayouts/slideLayout59.xml"/><Relationship Id="rId4" Type="http://schemas.openxmlformats.org/officeDocument/2006/relationships/slideLayout" Target="../slideLayouts/slideLayout53.xml"/><Relationship Id="rId9" Type="http://schemas.openxmlformats.org/officeDocument/2006/relationships/slideLayout" Target="../slideLayouts/slideLayout58.xml"/><Relationship Id="rId14" Type="http://schemas.openxmlformats.org/officeDocument/2006/relationships/theme" Target="../theme/theme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blipFill dpi="0" rotWithShape="0">
          <a:blip r:embed="rId18"/>
          <a:srcRect/>
          <a:stretch>
            <a:fillRect/>
          </a:stretch>
        </a:blipFill>
        <a:effectLst/>
      </p:bgPr>
    </p:bg>
    <p:spTree>
      <p:nvGrpSpPr>
        <p:cNvPr id="1" name=""/>
        <p:cNvGrpSpPr/>
        <p:nvPr/>
      </p:nvGrpSpPr>
      <p:grpSpPr>
        <a:xfrm>
          <a:off x="0" y="0"/>
          <a:ext cx="0" cy="0"/>
          <a:chOff x="0" y="0"/>
          <a:chExt cx="0" cy="0"/>
        </a:xfrm>
      </p:grpSpPr>
      <p:sp>
        <p:nvSpPr>
          <p:cNvPr id="22530" name="Rectangle 2"/>
          <p:cNvSpPr>
            <a:spLocks noGrp="1" noChangeArrowheads="1"/>
          </p:cNvSpPr>
          <p:nvPr>
            <p:ph type="title"/>
          </p:nvPr>
        </p:nvSpPr>
        <p:spPr bwMode="auto">
          <a:xfrm>
            <a:off x="1042988" y="225425"/>
            <a:ext cx="7705725" cy="863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anchor="b" anchorCtr="0" compatLnSpc="1">
            <a:prstTxWarp prst="textNoShape">
              <a:avLst/>
            </a:prstTxWarp>
          </a:bodyPr>
          <a:lstStyle/>
          <a:p>
            <a:pPr lvl="0"/>
            <a:r>
              <a:rPr lang="he-IL" smtClean="0"/>
              <a:t>לחץ כדי לערוך סגנון כותרת של תבנית בסיס</a:t>
            </a:r>
          </a:p>
        </p:txBody>
      </p:sp>
      <p:sp>
        <p:nvSpPr>
          <p:cNvPr id="22531" name="Rectangle 3"/>
          <p:cNvSpPr>
            <a:spLocks noGrp="1" noChangeArrowheads="1"/>
          </p:cNvSpPr>
          <p:nvPr>
            <p:ph type="body" idx="1"/>
          </p:nvPr>
        </p:nvSpPr>
        <p:spPr bwMode="auto">
          <a:xfrm>
            <a:off x="1042988" y="1304925"/>
            <a:ext cx="7705725" cy="48958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he-IL" smtClean="0"/>
              <a:t>לחץ כדי לערוך סגנונות טקסט של תבנית בסיס</a:t>
            </a:r>
          </a:p>
          <a:p>
            <a:pPr lvl="1"/>
            <a:r>
              <a:rPr lang="he-IL" smtClean="0"/>
              <a:t>רמה שניה</a:t>
            </a:r>
          </a:p>
          <a:p>
            <a:pPr lvl="2"/>
            <a:r>
              <a:rPr lang="he-IL" smtClean="0"/>
              <a:t>רמה שלישית</a:t>
            </a:r>
          </a:p>
          <a:p>
            <a:pPr lvl="3"/>
            <a:r>
              <a:rPr lang="he-IL" smtClean="0"/>
              <a:t>רמה רביעית</a:t>
            </a:r>
          </a:p>
          <a:p>
            <a:pPr lvl="4"/>
            <a:r>
              <a:rPr lang="he-IL" smtClean="0"/>
              <a:t>רמה חמישית</a:t>
            </a:r>
          </a:p>
        </p:txBody>
      </p:sp>
      <p:sp>
        <p:nvSpPr>
          <p:cNvPr id="22532" name="Rectangle 4"/>
          <p:cNvSpPr>
            <a:spLocks noGrp="1" noChangeArrowheads="1"/>
          </p:cNvSpPr>
          <p:nvPr>
            <p:ph type="dt" sz="half" idx="2"/>
          </p:nvPr>
        </p:nvSpPr>
        <p:spPr bwMode="auto">
          <a:xfrm>
            <a:off x="1042988" y="6308725"/>
            <a:ext cx="1838325" cy="3492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rtl="1">
              <a:defRPr sz="1000">
                <a:latin typeface="+mn-lt"/>
                <a:ea typeface="굴림" pitchFamily="34" charset="-127"/>
              </a:defRPr>
            </a:lvl1pPr>
          </a:lstStyle>
          <a:p>
            <a:endParaRPr lang="he-IL"/>
          </a:p>
        </p:txBody>
      </p:sp>
      <p:sp>
        <p:nvSpPr>
          <p:cNvPr id="22533" name="Rectangle 5"/>
          <p:cNvSpPr>
            <a:spLocks noGrp="1" noChangeArrowheads="1"/>
          </p:cNvSpPr>
          <p:nvPr>
            <p:ph type="ftr" sz="quarter" idx="3"/>
          </p:nvPr>
        </p:nvSpPr>
        <p:spPr bwMode="auto">
          <a:xfrm>
            <a:off x="3054350" y="6308725"/>
            <a:ext cx="3636963" cy="3492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rtl="1">
              <a:defRPr sz="1000">
                <a:latin typeface="+mn-lt"/>
                <a:ea typeface="굴림" pitchFamily="34" charset="-127"/>
              </a:defRPr>
            </a:lvl1pPr>
          </a:lstStyle>
          <a:p>
            <a:endParaRPr lang="he-IL"/>
          </a:p>
        </p:txBody>
      </p:sp>
      <p:sp>
        <p:nvSpPr>
          <p:cNvPr id="22534" name="Rectangle 6"/>
          <p:cNvSpPr>
            <a:spLocks noGrp="1" noChangeArrowheads="1"/>
          </p:cNvSpPr>
          <p:nvPr>
            <p:ph type="sldNum" sz="quarter" idx="4"/>
          </p:nvPr>
        </p:nvSpPr>
        <p:spPr bwMode="auto">
          <a:xfrm>
            <a:off x="6843713" y="6308725"/>
            <a:ext cx="1905000" cy="3492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l" rtl="1">
              <a:defRPr sz="1000">
                <a:latin typeface="+mn-lt"/>
                <a:ea typeface="굴림" pitchFamily="34" charset="-127"/>
              </a:defRPr>
            </a:lvl1pPr>
          </a:lstStyle>
          <a:p>
            <a:fld id="{FB4A32C6-8D68-4408-9392-6BF19260F81F}" type="slidenum">
              <a:rPr lang="ar-SA"/>
              <a:pPr/>
              <a:t>‹#›</a:t>
            </a:fld>
            <a:endParaRPr lang="he-IL"/>
          </a:p>
        </p:txBody>
      </p:sp>
    </p:spTree>
  </p:cSld>
  <p:clrMap bg1="lt1" tx1="dk1" bg2="lt2" tx2="dk2" accent1="accent1" accent2="accent2" accent3="accent3" accent4="accent4" accent5="accent5" accent6="accent6" hlink="hlink" folHlink="folHlink"/>
  <p:sldLayoutIdLst>
    <p:sldLayoutId id="2147483651" r:id="rId1"/>
    <p:sldLayoutId id="2147483652" r:id="rId2"/>
    <p:sldLayoutId id="2147483653" r:id="rId3"/>
    <p:sldLayoutId id="2147483654" r:id="rId4"/>
    <p:sldLayoutId id="2147483655" r:id="rId5"/>
    <p:sldLayoutId id="2147483656" r:id="rId6"/>
    <p:sldLayoutId id="2147483657" r:id="rId7"/>
    <p:sldLayoutId id="2147483658" r:id="rId8"/>
    <p:sldLayoutId id="2147483659" r:id="rId9"/>
    <p:sldLayoutId id="2147483660" r:id="rId10"/>
    <p:sldLayoutId id="2147483661" r:id="rId11"/>
    <p:sldLayoutId id="2147483662" r:id="rId12"/>
    <p:sldLayoutId id="2147483663" r:id="rId13"/>
    <p:sldLayoutId id="2147483729" r:id="rId14"/>
    <p:sldLayoutId id="2147483732" r:id="rId15"/>
    <p:sldLayoutId id="2147483733" r:id="rId16"/>
  </p:sldLayoutIdLst>
  <p:timing>
    <p:tnLst>
      <p:par>
        <p:cTn id="1" dur="indefinite" restart="never" nodeType="tmRoot"/>
      </p:par>
    </p:tnLst>
  </p:timing>
  <p:txStyles>
    <p:titleStyle>
      <a:lvl1pPr algn="r" rtl="1" eaLnBrk="1" fontAlgn="base" hangingPunct="1">
        <a:spcBef>
          <a:spcPct val="0"/>
        </a:spcBef>
        <a:spcAft>
          <a:spcPct val="0"/>
        </a:spcAft>
        <a:defRPr sz="3200">
          <a:solidFill>
            <a:schemeClr val="tx1"/>
          </a:solidFill>
          <a:latin typeface="+mj-lt"/>
          <a:ea typeface="+mj-ea"/>
          <a:cs typeface="+mj-cs"/>
        </a:defRPr>
      </a:lvl1pPr>
      <a:lvl2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2pPr>
      <a:lvl3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3pPr>
      <a:lvl4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4pPr>
      <a:lvl5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5pPr>
      <a:lvl6pPr marL="4572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6pPr>
      <a:lvl7pPr marL="9144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7pPr>
      <a:lvl8pPr marL="13716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8pPr>
      <a:lvl9pPr marL="18288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9pPr>
    </p:titleStyle>
    <p:bodyStyle>
      <a:lvl1pPr marL="342900" indent="-342900" algn="r" rtl="1" eaLnBrk="1" fontAlgn="base" hangingPunct="1">
        <a:spcBef>
          <a:spcPct val="20000"/>
        </a:spcBef>
        <a:spcAft>
          <a:spcPct val="0"/>
        </a:spcAft>
        <a:buClr>
          <a:schemeClr val="tx1"/>
        </a:buClr>
        <a:buChar char="•"/>
        <a:defRPr sz="2400">
          <a:solidFill>
            <a:schemeClr val="tx1"/>
          </a:solidFill>
          <a:latin typeface="+mn-lt"/>
          <a:ea typeface="+mn-ea"/>
          <a:cs typeface="+mn-cs"/>
        </a:defRPr>
      </a:lvl1pPr>
      <a:lvl2pPr marL="742950" indent="-285750" algn="r" rtl="1" eaLnBrk="1" fontAlgn="base" hangingPunct="1">
        <a:spcBef>
          <a:spcPct val="20000"/>
        </a:spcBef>
        <a:spcAft>
          <a:spcPct val="0"/>
        </a:spcAft>
        <a:buClr>
          <a:schemeClr val="tx1"/>
        </a:buClr>
        <a:buChar char="•"/>
        <a:defRPr sz="2000">
          <a:solidFill>
            <a:schemeClr val="tx1"/>
          </a:solidFill>
          <a:latin typeface="+mn-lt"/>
          <a:cs typeface="+mn-cs"/>
        </a:defRPr>
      </a:lvl2pPr>
      <a:lvl3pPr marL="1143000" indent="-228600" algn="r" rtl="1" eaLnBrk="1" fontAlgn="base" hangingPunct="1">
        <a:spcBef>
          <a:spcPct val="20000"/>
        </a:spcBef>
        <a:spcAft>
          <a:spcPct val="0"/>
        </a:spcAft>
        <a:buClr>
          <a:schemeClr val="tx1"/>
        </a:buClr>
        <a:buChar char="•"/>
        <a:defRPr>
          <a:solidFill>
            <a:schemeClr val="tx1"/>
          </a:solidFill>
          <a:latin typeface="+mn-lt"/>
          <a:cs typeface="+mn-cs"/>
        </a:defRPr>
      </a:lvl3pPr>
      <a:lvl4pPr marL="1600200" indent="-228600" algn="r" rtl="1" eaLnBrk="1" fontAlgn="base" hangingPunct="1">
        <a:spcBef>
          <a:spcPct val="20000"/>
        </a:spcBef>
        <a:spcAft>
          <a:spcPct val="0"/>
        </a:spcAft>
        <a:buClr>
          <a:schemeClr val="tx1"/>
        </a:buClr>
        <a:buChar char="•"/>
        <a:defRPr sz="1600">
          <a:solidFill>
            <a:schemeClr val="tx1"/>
          </a:solidFill>
          <a:latin typeface="+mn-lt"/>
          <a:cs typeface="+mn-cs"/>
        </a:defRPr>
      </a:lvl4pPr>
      <a:lvl5pPr marL="2057400" indent="-228600" algn="r" rtl="1" eaLnBrk="1" fontAlgn="base" hangingPunct="1">
        <a:spcBef>
          <a:spcPct val="20000"/>
        </a:spcBef>
        <a:spcAft>
          <a:spcPct val="0"/>
        </a:spcAft>
        <a:buClr>
          <a:schemeClr val="tx1"/>
        </a:buClr>
        <a:buChar char="•"/>
        <a:defRPr sz="1600">
          <a:solidFill>
            <a:schemeClr val="tx1"/>
          </a:solidFill>
          <a:latin typeface="+mn-lt"/>
          <a:cs typeface="+mn-cs"/>
        </a:defRPr>
      </a:lvl5pPr>
      <a:lvl6pPr marL="2514600" indent="-228600" algn="r" rtl="1" eaLnBrk="1" fontAlgn="base" hangingPunct="1">
        <a:spcBef>
          <a:spcPct val="20000"/>
        </a:spcBef>
        <a:spcAft>
          <a:spcPct val="0"/>
        </a:spcAft>
        <a:buClr>
          <a:schemeClr val="tx1"/>
        </a:buClr>
        <a:buChar char="•"/>
        <a:defRPr sz="1600">
          <a:solidFill>
            <a:schemeClr val="tx1"/>
          </a:solidFill>
          <a:latin typeface="+mn-lt"/>
          <a:cs typeface="+mn-cs"/>
        </a:defRPr>
      </a:lvl6pPr>
      <a:lvl7pPr marL="2971800" indent="-228600" algn="r" rtl="1" eaLnBrk="1" fontAlgn="base" hangingPunct="1">
        <a:spcBef>
          <a:spcPct val="20000"/>
        </a:spcBef>
        <a:spcAft>
          <a:spcPct val="0"/>
        </a:spcAft>
        <a:buClr>
          <a:schemeClr val="tx1"/>
        </a:buClr>
        <a:buChar char="•"/>
        <a:defRPr sz="1600">
          <a:solidFill>
            <a:schemeClr val="tx1"/>
          </a:solidFill>
          <a:latin typeface="+mn-lt"/>
          <a:cs typeface="+mn-cs"/>
        </a:defRPr>
      </a:lvl7pPr>
      <a:lvl8pPr marL="3429000" indent="-228600" algn="r" rtl="1" eaLnBrk="1" fontAlgn="base" hangingPunct="1">
        <a:spcBef>
          <a:spcPct val="20000"/>
        </a:spcBef>
        <a:spcAft>
          <a:spcPct val="0"/>
        </a:spcAft>
        <a:buClr>
          <a:schemeClr val="tx1"/>
        </a:buClr>
        <a:buChar char="•"/>
        <a:defRPr sz="1600">
          <a:solidFill>
            <a:schemeClr val="tx1"/>
          </a:solidFill>
          <a:latin typeface="+mn-lt"/>
          <a:cs typeface="+mn-cs"/>
        </a:defRPr>
      </a:lvl8pPr>
      <a:lvl9pPr marL="3886200" indent="-228600" algn="r" rtl="1" eaLnBrk="1" fontAlgn="base" hangingPunct="1">
        <a:spcBef>
          <a:spcPct val="20000"/>
        </a:spcBef>
        <a:spcAft>
          <a:spcPct val="0"/>
        </a:spcAft>
        <a:buClr>
          <a:schemeClr val="tx1"/>
        </a:buClr>
        <a:buChar char="•"/>
        <a:defRPr sz="1600">
          <a:solidFill>
            <a:schemeClr val="tx1"/>
          </a:solidFill>
          <a:latin typeface="+mn-lt"/>
          <a:cs typeface="+mn-cs"/>
        </a:defRPr>
      </a:lvl9pPr>
    </p:bodyStyle>
    <p:otherStyle>
      <a:defPPr>
        <a:defRPr lang="en-US"/>
      </a:defPPr>
      <a:lvl1pPr marL="0" algn="r" defTabSz="914400" rtl="1" eaLnBrk="1" latinLnBrk="0" hangingPunct="1">
        <a:defRPr sz="1800" kern="1200">
          <a:solidFill>
            <a:schemeClr val="tx1"/>
          </a:solidFill>
          <a:latin typeface="+mn-lt"/>
          <a:ea typeface="+mn-ea"/>
          <a:cs typeface="+mn-cs"/>
        </a:defRPr>
      </a:lvl1pPr>
      <a:lvl2pPr marL="457200" algn="r" defTabSz="914400" rtl="1" eaLnBrk="1" latinLnBrk="0" hangingPunct="1">
        <a:defRPr sz="1800" kern="1200">
          <a:solidFill>
            <a:schemeClr val="tx1"/>
          </a:solidFill>
          <a:latin typeface="+mn-lt"/>
          <a:ea typeface="+mn-ea"/>
          <a:cs typeface="+mn-cs"/>
        </a:defRPr>
      </a:lvl2pPr>
      <a:lvl3pPr marL="914400" algn="r" defTabSz="914400" rtl="1" eaLnBrk="1" latinLnBrk="0" hangingPunct="1">
        <a:defRPr sz="1800" kern="1200">
          <a:solidFill>
            <a:schemeClr val="tx1"/>
          </a:solidFill>
          <a:latin typeface="+mn-lt"/>
          <a:ea typeface="+mn-ea"/>
          <a:cs typeface="+mn-cs"/>
        </a:defRPr>
      </a:lvl3pPr>
      <a:lvl4pPr marL="1371600" algn="r" defTabSz="914400" rtl="1" eaLnBrk="1" latinLnBrk="0" hangingPunct="1">
        <a:defRPr sz="1800" kern="1200">
          <a:solidFill>
            <a:schemeClr val="tx1"/>
          </a:solidFill>
          <a:latin typeface="+mn-lt"/>
          <a:ea typeface="+mn-ea"/>
          <a:cs typeface="+mn-cs"/>
        </a:defRPr>
      </a:lvl4pPr>
      <a:lvl5pPr marL="1828800" algn="r" defTabSz="914400" rtl="1" eaLnBrk="1" latinLnBrk="0" hangingPunct="1">
        <a:defRPr sz="1800" kern="1200">
          <a:solidFill>
            <a:schemeClr val="tx1"/>
          </a:solidFill>
          <a:latin typeface="+mn-lt"/>
          <a:ea typeface="+mn-ea"/>
          <a:cs typeface="+mn-cs"/>
        </a:defRPr>
      </a:lvl5pPr>
      <a:lvl6pPr marL="2286000" algn="r" defTabSz="914400" rtl="1" eaLnBrk="1" latinLnBrk="0" hangingPunct="1">
        <a:defRPr sz="1800" kern="1200">
          <a:solidFill>
            <a:schemeClr val="tx1"/>
          </a:solidFill>
          <a:latin typeface="+mn-lt"/>
          <a:ea typeface="+mn-ea"/>
          <a:cs typeface="+mn-cs"/>
        </a:defRPr>
      </a:lvl6pPr>
      <a:lvl7pPr marL="2743200" algn="r" defTabSz="914400" rtl="1" eaLnBrk="1" latinLnBrk="0" hangingPunct="1">
        <a:defRPr sz="1800" kern="1200">
          <a:solidFill>
            <a:schemeClr val="tx1"/>
          </a:solidFill>
          <a:latin typeface="+mn-lt"/>
          <a:ea typeface="+mn-ea"/>
          <a:cs typeface="+mn-cs"/>
        </a:defRPr>
      </a:lvl7pPr>
      <a:lvl8pPr marL="3200400" algn="r" defTabSz="914400" rtl="1" eaLnBrk="1" latinLnBrk="0" hangingPunct="1">
        <a:defRPr sz="1800" kern="1200">
          <a:solidFill>
            <a:schemeClr val="tx1"/>
          </a:solidFill>
          <a:latin typeface="+mn-lt"/>
          <a:ea typeface="+mn-ea"/>
          <a:cs typeface="+mn-cs"/>
        </a:defRPr>
      </a:lvl8pPr>
      <a:lvl9pPr marL="3657600" algn="r" defTabSz="914400" rtl="1"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gradFill flip="none" rotWithShape="1">
          <a:gsLst>
            <a:gs pos="48000">
              <a:schemeClr val="bg1"/>
            </a:gs>
            <a:gs pos="28000">
              <a:schemeClr val="bg1"/>
            </a:gs>
            <a:gs pos="10000">
              <a:schemeClr val="bg1">
                <a:lumMod val="95000"/>
              </a:schemeClr>
            </a:gs>
            <a:gs pos="100000">
              <a:schemeClr val="bg1">
                <a:lumMod val="85000"/>
              </a:schemeClr>
            </a:gs>
          </a:gsLst>
          <a:path path="circle">
            <a:fillToRect l="100000" b="100000"/>
          </a:path>
          <a:tileRect t="-100000" r="-100000"/>
        </a:gradFill>
        <a:effectLst/>
      </p:bgPr>
    </p:bg>
    <p:spTree>
      <p:nvGrpSpPr>
        <p:cNvPr id="1" name=""/>
        <p:cNvGrpSpPr/>
        <p:nvPr/>
      </p:nvGrpSpPr>
      <p:grpSpPr>
        <a:xfrm>
          <a:off x="0" y="0"/>
          <a:ext cx="0" cy="0"/>
          <a:chOff x="0" y="0"/>
          <a:chExt cx="0" cy="0"/>
        </a:xfrm>
      </p:grpSpPr>
      <p:sp>
        <p:nvSpPr>
          <p:cNvPr id="2" name="מציין מיקום כותרת 1"/>
          <p:cNvSpPr>
            <a:spLocks noGrp="1"/>
          </p:cNvSpPr>
          <p:nvPr>
            <p:ph type="title"/>
          </p:nvPr>
        </p:nvSpPr>
        <p:spPr>
          <a:xfrm>
            <a:off x="913449" y="274638"/>
            <a:ext cx="7317105" cy="1325562"/>
          </a:xfrm>
          <a:prstGeom prst="rect">
            <a:avLst/>
          </a:prstGeom>
        </p:spPr>
        <p:txBody>
          <a:bodyPr vert="horz" lIns="91440" tIns="45720" rIns="91440" bIns="45720" rtlCol="1" anchor="b">
            <a:normAutofit/>
          </a:bodyPr>
          <a:lstStyle/>
          <a:p>
            <a:pPr algn="r" rtl="1"/>
            <a:r>
              <a:rPr lang="he-IL"/>
              <a:t>לחץ כדי לערוך סגנון כותרת של תבנית בסיס</a:t>
            </a:r>
          </a:p>
        </p:txBody>
      </p:sp>
      <p:sp>
        <p:nvSpPr>
          <p:cNvPr id="3" name="מציין מיקום טקסט 2"/>
          <p:cNvSpPr>
            <a:spLocks noGrp="1"/>
          </p:cNvSpPr>
          <p:nvPr>
            <p:ph type="body" idx="1"/>
          </p:nvPr>
        </p:nvSpPr>
        <p:spPr>
          <a:xfrm>
            <a:off x="913449" y="1828800"/>
            <a:ext cx="7317105" cy="4343400"/>
          </a:xfrm>
          <a:prstGeom prst="rect">
            <a:avLst/>
          </a:prstGeom>
        </p:spPr>
        <p:txBody>
          <a:bodyPr vert="horz" lIns="91440" tIns="45720" rIns="91440" bIns="45720" rtlCol="1">
            <a:normAutofit/>
          </a:bodyPr>
          <a:lstStyle/>
          <a:p>
            <a:pPr lvl="0" algn="r" rtl="1"/>
            <a:r>
              <a:rPr lang="he-IL"/>
              <a:t>לחץ כדי לערוך סגנונות טקסט של תבנית בסיס</a:t>
            </a:r>
          </a:p>
          <a:p>
            <a:pPr lvl="1" algn="r" rtl="1"/>
            <a:r>
              <a:rPr lang="he-IL"/>
              <a:t>רמה שניה</a:t>
            </a:r>
          </a:p>
          <a:p>
            <a:pPr lvl="2" algn="r" rtl="1"/>
            <a:r>
              <a:rPr lang="he-IL"/>
              <a:t>רמה שלישית</a:t>
            </a:r>
          </a:p>
          <a:p>
            <a:pPr lvl="3" algn="r" rtl="1"/>
            <a:r>
              <a:rPr lang="he-IL"/>
              <a:t>רמה רביעית</a:t>
            </a:r>
          </a:p>
          <a:p>
            <a:pPr lvl="4" algn="r" rtl="1"/>
            <a:r>
              <a:rPr lang="he-IL"/>
              <a:t>רמה חמישית</a:t>
            </a:r>
          </a:p>
        </p:txBody>
      </p:sp>
      <p:sp>
        <p:nvSpPr>
          <p:cNvPr id="4" name="מציין מיקום תאריך 3"/>
          <p:cNvSpPr>
            <a:spLocks noGrp="1"/>
          </p:cNvSpPr>
          <p:nvPr>
            <p:ph type="dt" sz="half" idx="2"/>
          </p:nvPr>
        </p:nvSpPr>
        <p:spPr>
          <a:xfrm>
            <a:off x="1999580" y="6448427"/>
            <a:ext cx="1047467" cy="180974"/>
          </a:xfrm>
          <a:prstGeom prst="rect">
            <a:avLst/>
          </a:prstGeom>
        </p:spPr>
        <p:txBody>
          <a:bodyPr vert="horz" lIns="91440" tIns="45720" rIns="91440" bIns="45720" rtlCol="1" anchor="ctr"/>
          <a:lstStyle>
            <a:lvl1pPr algn="r" latinLnBrk="0">
              <a:defRPr lang="he-IL" sz="750">
                <a:solidFill>
                  <a:schemeClr val="tx1"/>
                </a:solidFill>
                <a:latin typeface="Tahoma" panose="020B0604030504040204" pitchFamily="34" charset="0"/>
                <a:ea typeface="Tahoma" panose="020B0604030504040204" pitchFamily="34" charset="0"/>
                <a:cs typeface="Tahoma" panose="020B0604030504040204" pitchFamily="34" charset="0"/>
              </a:defRPr>
            </a:lvl1pPr>
          </a:lstStyle>
          <a:p>
            <a:pPr rtl="1" fontAlgn="auto">
              <a:spcBef>
                <a:spcPts val="0"/>
              </a:spcBef>
              <a:spcAft>
                <a:spcPts val="0"/>
              </a:spcAft>
            </a:pPr>
            <a:fld id="{EDF33987-6305-4E2A-BF18-EF013ECE927B}" type="datetimeFigureOut">
              <a:rPr lang="he-IL" smtClean="0">
                <a:solidFill>
                  <a:srgbClr val="545454"/>
                </a:solidFill>
              </a:rPr>
              <a:pPr rtl="1" fontAlgn="auto">
                <a:spcBef>
                  <a:spcPts val="0"/>
                </a:spcBef>
                <a:spcAft>
                  <a:spcPts val="0"/>
                </a:spcAft>
              </a:pPr>
              <a:t>כ"ב/שבט/תשע"ו</a:t>
            </a:fld>
            <a:endParaRPr lang="he-IL">
              <a:solidFill>
                <a:srgbClr val="545454"/>
              </a:solidFill>
            </a:endParaRPr>
          </a:p>
        </p:txBody>
      </p:sp>
      <p:sp>
        <p:nvSpPr>
          <p:cNvPr id="5" name="מציין מיקום כותרת תחתונה 4"/>
          <p:cNvSpPr>
            <a:spLocks noGrp="1"/>
          </p:cNvSpPr>
          <p:nvPr>
            <p:ph type="ftr" sz="quarter" idx="3"/>
          </p:nvPr>
        </p:nvSpPr>
        <p:spPr>
          <a:xfrm>
            <a:off x="3257207" y="6448427"/>
            <a:ext cx="4979929" cy="180974"/>
          </a:xfrm>
          <a:prstGeom prst="rect">
            <a:avLst/>
          </a:prstGeom>
        </p:spPr>
        <p:txBody>
          <a:bodyPr vert="horz" lIns="91440" tIns="45720" rIns="91440" bIns="45720" rtlCol="1" anchor="ctr"/>
          <a:lstStyle>
            <a:lvl1pPr algn="r" latinLnBrk="0">
              <a:defRPr lang="he-IL" sz="750" cap="all" baseline="0">
                <a:solidFill>
                  <a:schemeClr val="tx1"/>
                </a:solidFill>
                <a:latin typeface="Tahoma" panose="020B0604030504040204" pitchFamily="34" charset="0"/>
                <a:ea typeface="Tahoma" panose="020B0604030504040204" pitchFamily="34" charset="0"/>
                <a:cs typeface="Tahoma" panose="020B0604030504040204" pitchFamily="34" charset="0"/>
              </a:defRPr>
            </a:lvl1pPr>
          </a:lstStyle>
          <a:p>
            <a:pPr rtl="1" fontAlgn="auto">
              <a:spcBef>
                <a:spcPts val="0"/>
              </a:spcBef>
              <a:spcAft>
                <a:spcPts val="0"/>
              </a:spcAft>
            </a:pPr>
            <a:endParaRPr lang="he-IL" dirty="0">
              <a:solidFill>
                <a:srgbClr val="545454"/>
              </a:solidFill>
            </a:endParaRPr>
          </a:p>
        </p:txBody>
      </p:sp>
      <p:sp>
        <p:nvSpPr>
          <p:cNvPr id="6" name="מציין מיקום מספר שקופית 5"/>
          <p:cNvSpPr>
            <a:spLocks noGrp="1"/>
          </p:cNvSpPr>
          <p:nvPr>
            <p:ph type="sldNum" sz="quarter" idx="4"/>
          </p:nvPr>
        </p:nvSpPr>
        <p:spPr>
          <a:xfrm>
            <a:off x="907437" y="6448427"/>
            <a:ext cx="857474" cy="180974"/>
          </a:xfrm>
          <a:prstGeom prst="rect">
            <a:avLst/>
          </a:prstGeom>
        </p:spPr>
        <p:txBody>
          <a:bodyPr vert="horz" lIns="91440" tIns="45720" rIns="91440" bIns="45720" rtlCol="1" anchor="ctr"/>
          <a:lstStyle>
            <a:lvl1pPr algn="r" latinLnBrk="0">
              <a:defRPr lang="he-IL" sz="750">
                <a:solidFill>
                  <a:schemeClr val="tx1"/>
                </a:solidFill>
                <a:latin typeface="Tahoma" panose="020B0604030504040204" pitchFamily="34" charset="0"/>
                <a:ea typeface="Tahoma" panose="020B0604030504040204" pitchFamily="34" charset="0"/>
                <a:cs typeface="Tahoma" panose="020B0604030504040204" pitchFamily="34" charset="0"/>
              </a:defRPr>
            </a:lvl1pPr>
          </a:lstStyle>
          <a:p>
            <a:pPr fontAlgn="auto">
              <a:spcBef>
                <a:spcPts val="0"/>
              </a:spcBef>
              <a:spcAft>
                <a:spcPts val="0"/>
              </a:spcAft>
            </a:pPr>
            <a:fld id="{F36C87F6-986D-49E6-AF40-1B3A1EE8064D}" type="slidenum">
              <a:rPr lang="he-IL" smtClean="0">
                <a:solidFill>
                  <a:srgbClr val="545454"/>
                </a:solidFill>
              </a:rPr>
              <a:pPr fontAlgn="auto">
                <a:spcBef>
                  <a:spcPts val="0"/>
                </a:spcBef>
                <a:spcAft>
                  <a:spcPts val="0"/>
                </a:spcAft>
              </a:pPr>
              <a:t>‹#›</a:t>
            </a:fld>
            <a:endParaRPr lang="he-IL">
              <a:solidFill>
                <a:srgbClr val="545454"/>
              </a:solidFill>
            </a:endParaRPr>
          </a:p>
        </p:txBody>
      </p:sp>
    </p:spTree>
    <p:extLst>
      <p:ext uri="{BB962C8B-B14F-4D97-AF65-F5344CB8AC3E}">
        <p14:creationId xmlns:p14="http://schemas.microsoft.com/office/powerpoint/2010/main" val="1263179862"/>
      </p:ext>
    </p:extLst>
  </p:cSld>
  <p:clrMap bg1="lt1" tx1="dk1" bg2="lt2" tx2="dk2" accent1="accent1" accent2="accent2" accent3="accent3" accent4="accent4" accent5="accent5" accent6="accent6" hlink="hlink" folHlink="folHlink"/>
  <p:sldLayoutIdLst>
    <p:sldLayoutId id="2147483665" r:id="rId1"/>
    <p:sldLayoutId id="2147483666" r:id="rId2"/>
    <p:sldLayoutId id="2147483667" r:id="rId3"/>
    <p:sldLayoutId id="2147483668" r:id="rId4"/>
    <p:sldLayoutId id="2147483669" r:id="rId5"/>
    <p:sldLayoutId id="2147483670" r:id="rId6"/>
    <p:sldLayoutId id="2147483671" r:id="rId7"/>
    <p:sldLayoutId id="2147483672" r:id="rId8"/>
    <p:sldLayoutId id="2147483673" r:id="rId9"/>
    <p:sldLayoutId id="2147483674" r:id="rId10"/>
    <p:sldLayoutId id="2147483675" r:id="rId11"/>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txStyles>
    <p:titleStyle>
      <a:lvl1pPr algn="r" defTabSz="685983" rtl="1" eaLnBrk="1" latinLnBrk="0" hangingPunct="1">
        <a:lnSpc>
          <a:spcPct val="90000"/>
        </a:lnSpc>
        <a:spcBef>
          <a:spcPct val="0"/>
        </a:spcBef>
        <a:buNone/>
        <a:defRPr lang="he-IL" sz="3001" kern="1200" cap="all" baseline="0">
          <a:solidFill>
            <a:schemeClr val="tx1">
              <a:lumMod val="50000"/>
            </a:schemeClr>
          </a:solidFill>
          <a:latin typeface="Tahoma" panose="020B0604030504040204" pitchFamily="34" charset="0"/>
          <a:ea typeface="Tahoma" panose="020B0604030504040204" pitchFamily="34" charset="0"/>
          <a:cs typeface="Tahoma" panose="020B0604030504040204" pitchFamily="34" charset="0"/>
        </a:defRPr>
      </a:lvl1pPr>
    </p:titleStyle>
    <p:bodyStyle>
      <a:lvl1pPr marL="205795" indent="-171496" algn="r" defTabSz="685983" rtl="1" eaLnBrk="1" latinLnBrk="0" hangingPunct="1">
        <a:lnSpc>
          <a:spcPct val="90000"/>
        </a:lnSpc>
        <a:spcBef>
          <a:spcPts val="1350"/>
        </a:spcBef>
        <a:buClr>
          <a:schemeClr val="tx1"/>
        </a:buClr>
        <a:buSzPct val="80000"/>
        <a:buFont typeface="Arial" pitchFamily="34" charset="0"/>
        <a:buChar char="•"/>
        <a:defRPr lang="he-IL" sz="1800" kern="1200">
          <a:solidFill>
            <a:schemeClr val="tx1"/>
          </a:solidFill>
          <a:latin typeface="Tahoma" panose="020B0604030504040204" pitchFamily="34" charset="0"/>
          <a:ea typeface="Tahoma" panose="020B0604030504040204" pitchFamily="34" charset="0"/>
          <a:cs typeface="Tahoma" panose="020B0604030504040204" pitchFamily="34" charset="0"/>
        </a:defRPr>
      </a:lvl1pPr>
      <a:lvl2pPr marL="377291" indent="-171496" algn="r" defTabSz="685983" rtl="1" eaLnBrk="1" latinLnBrk="0" hangingPunct="1">
        <a:lnSpc>
          <a:spcPct val="90000"/>
        </a:lnSpc>
        <a:spcBef>
          <a:spcPts val="450"/>
        </a:spcBef>
        <a:buClr>
          <a:schemeClr val="tx1"/>
        </a:buClr>
        <a:buSzPct val="80000"/>
        <a:buFont typeface="Arial" pitchFamily="34" charset="0"/>
        <a:buChar char="•"/>
        <a:defRPr lang="he-IL" sz="1500" kern="1200">
          <a:solidFill>
            <a:schemeClr val="tx1"/>
          </a:solidFill>
          <a:latin typeface="Tahoma" panose="020B0604030504040204" pitchFamily="34" charset="0"/>
          <a:ea typeface="Tahoma" panose="020B0604030504040204" pitchFamily="34" charset="0"/>
          <a:cs typeface="Tahoma" panose="020B0604030504040204" pitchFamily="34" charset="0"/>
        </a:defRPr>
      </a:lvl2pPr>
      <a:lvl3pPr marL="548786" indent="-171496" algn="r" defTabSz="685983" rtl="1" eaLnBrk="1" latinLnBrk="0" hangingPunct="1">
        <a:lnSpc>
          <a:spcPct val="90000"/>
        </a:lnSpc>
        <a:spcBef>
          <a:spcPts val="450"/>
        </a:spcBef>
        <a:buClr>
          <a:schemeClr val="tx1"/>
        </a:buClr>
        <a:buSzPct val="80000"/>
        <a:buFont typeface="Arial" pitchFamily="34" charset="0"/>
        <a:buChar char="•"/>
        <a:defRPr lang="he-IL" sz="1350" kern="1200">
          <a:solidFill>
            <a:schemeClr val="tx1"/>
          </a:solidFill>
          <a:latin typeface="Tahoma" panose="020B0604030504040204" pitchFamily="34" charset="0"/>
          <a:ea typeface="Tahoma" panose="020B0604030504040204" pitchFamily="34" charset="0"/>
          <a:cs typeface="Tahoma" panose="020B0604030504040204" pitchFamily="34" charset="0"/>
        </a:defRPr>
      </a:lvl3pPr>
      <a:lvl4pPr marL="720282" indent="-171496" algn="r" defTabSz="685983" rtl="1" eaLnBrk="1" latinLnBrk="0" hangingPunct="1">
        <a:lnSpc>
          <a:spcPct val="90000"/>
        </a:lnSpc>
        <a:spcBef>
          <a:spcPts val="450"/>
        </a:spcBef>
        <a:buClr>
          <a:schemeClr val="tx1"/>
        </a:buClr>
        <a:buSzPct val="80000"/>
        <a:buFont typeface="Arial" pitchFamily="34" charset="0"/>
        <a:buChar char="•"/>
        <a:defRPr lang="he-IL" sz="1200" kern="1200">
          <a:solidFill>
            <a:schemeClr val="tx1"/>
          </a:solidFill>
          <a:latin typeface="Tahoma" panose="020B0604030504040204" pitchFamily="34" charset="0"/>
          <a:ea typeface="Tahoma" panose="020B0604030504040204" pitchFamily="34" charset="0"/>
          <a:cs typeface="Tahoma" panose="020B0604030504040204" pitchFamily="34" charset="0"/>
        </a:defRPr>
      </a:lvl4pPr>
      <a:lvl5pPr marL="891778" indent="-171496" algn="r" defTabSz="685983" rtl="1" eaLnBrk="1" latinLnBrk="0" hangingPunct="1">
        <a:lnSpc>
          <a:spcPct val="90000"/>
        </a:lnSpc>
        <a:spcBef>
          <a:spcPts val="450"/>
        </a:spcBef>
        <a:buClr>
          <a:schemeClr val="tx1"/>
        </a:buClr>
        <a:buSzPct val="80000"/>
        <a:buFont typeface="Arial" pitchFamily="34" charset="0"/>
        <a:buChar char="•"/>
        <a:defRPr lang="he-IL" sz="1200" kern="1200">
          <a:solidFill>
            <a:schemeClr val="tx1"/>
          </a:solidFill>
          <a:latin typeface="Tahoma" panose="020B0604030504040204" pitchFamily="34" charset="0"/>
          <a:ea typeface="Tahoma" panose="020B0604030504040204" pitchFamily="34" charset="0"/>
          <a:cs typeface="Tahoma" panose="020B0604030504040204" pitchFamily="34" charset="0"/>
        </a:defRPr>
      </a:lvl5pPr>
      <a:lvl6pPr marL="1063273" indent="-171496" algn="r" defTabSz="685983" rtl="1" eaLnBrk="1" latinLnBrk="0" hangingPunct="1">
        <a:spcBef>
          <a:spcPts val="450"/>
        </a:spcBef>
        <a:buSzPct val="80000"/>
        <a:buFont typeface="Arial" pitchFamily="34" charset="0"/>
        <a:buChar char="•"/>
        <a:defRPr lang="he-IL" sz="1200" kern="1200">
          <a:solidFill>
            <a:schemeClr val="tx1"/>
          </a:solidFill>
          <a:latin typeface="+mn-lt"/>
          <a:ea typeface="+mn-ea"/>
          <a:cs typeface="+mn-cs"/>
        </a:defRPr>
      </a:lvl6pPr>
      <a:lvl7pPr marL="1234769" indent="-171496" algn="r" defTabSz="685983" rtl="1" eaLnBrk="1" latinLnBrk="0" hangingPunct="1">
        <a:spcBef>
          <a:spcPts val="450"/>
        </a:spcBef>
        <a:buSzPct val="80000"/>
        <a:buFont typeface="Arial" pitchFamily="34" charset="0"/>
        <a:buChar char="•"/>
        <a:defRPr lang="he-IL" sz="1200" kern="1200">
          <a:solidFill>
            <a:schemeClr val="tx1"/>
          </a:solidFill>
          <a:latin typeface="+mn-lt"/>
          <a:ea typeface="+mn-ea"/>
          <a:cs typeface="+mn-cs"/>
        </a:defRPr>
      </a:lvl7pPr>
      <a:lvl8pPr marL="1406265" indent="-171496" algn="r" defTabSz="685983" rtl="1" eaLnBrk="1" latinLnBrk="0" hangingPunct="1">
        <a:spcBef>
          <a:spcPts val="450"/>
        </a:spcBef>
        <a:buSzPct val="80000"/>
        <a:buFont typeface="Arial" pitchFamily="34" charset="0"/>
        <a:buChar char="•"/>
        <a:defRPr lang="he-IL" sz="1200" kern="1200">
          <a:solidFill>
            <a:schemeClr val="tx1"/>
          </a:solidFill>
          <a:latin typeface="+mn-lt"/>
          <a:ea typeface="+mn-ea"/>
          <a:cs typeface="+mn-cs"/>
        </a:defRPr>
      </a:lvl8pPr>
      <a:lvl9pPr marL="1577761" indent="-171496" algn="r" defTabSz="685983" rtl="1" eaLnBrk="1" latinLnBrk="0" hangingPunct="1">
        <a:spcBef>
          <a:spcPts val="450"/>
        </a:spcBef>
        <a:buSzPct val="80000"/>
        <a:buFont typeface="Arial" pitchFamily="34" charset="0"/>
        <a:buChar char="•"/>
        <a:defRPr lang="he-IL" sz="1200" kern="1200" baseline="0">
          <a:solidFill>
            <a:schemeClr val="tx1"/>
          </a:solidFill>
          <a:latin typeface="+mn-lt"/>
          <a:ea typeface="+mn-ea"/>
          <a:cs typeface="+mn-cs"/>
        </a:defRPr>
      </a:lvl9pPr>
    </p:bodyStyle>
    <p:otherStyle>
      <a:defPPr>
        <a:defRPr lang="he-IL"/>
      </a:defPPr>
      <a:lvl1pPr marL="0" algn="r" defTabSz="685983" rtl="1" eaLnBrk="1" latinLnBrk="0" hangingPunct="1">
        <a:defRPr lang="he-IL" sz="1350" kern="1200">
          <a:solidFill>
            <a:schemeClr val="tx1"/>
          </a:solidFill>
          <a:latin typeface="+mn-lt"/>
          <a:ea typeface="+mn-ea"/>
          <a:cs typeface="+mn-cs"/>
        </a:defRPr>
      </a:lvl1pPr>
      <a:lvl2pPr marL="342991" algn="r" defTabSz="685983" rtl="1" eaLnBrk="1" latinLnBrk="0" hangingPunct="1">
        <a:defRPr lang="he-IL" sz="1350" kern="1200">
          <a:solidFill>
            <a:schemeClr val="tx1"/>
          </a:solidFill>
          <a:latin typeface="+mn-lt"/>
          <a:ea typeface="+mn-ea"/>
          <a:cs typeface="+mn-cs"/>
        </a:defRPr>
      </a:lvl2pPr>
      <a:lvl3pPr marL="685983" algn="r" defTabSz="685983" rtl="1" eaLnBrk="1" latinLnBrk="0" hangingPunct="1">
        <a:defRPr lang="he-IL" sz="1350" kern="1200">
          <a:solidFill>
            <a:schemeClr val="tx1"/>
          </a:solidFill>
          <a:latin typeface="+mn-lt"/>
          <a:ea typeface="+mn-ea"/>
          <a:cs typeface="+mn-cs"/>
        </a:defRPr>
      </a:lvl3pPr>
      <a:lvl4pPr marL="1028974" algn="r" defTabSz="685983" rtl="1" eaLnBrk="1" latinLnBrk="0" hangingPunct="1">
        <a:defRPr lang="he-IL" sz="1350" kern="1200">
          <a:solidFill>
            <a:schemeClr val="tx1"/>
          </a:solidFill>
          <a:latin typeface="+mn-lt"/>
          <a:ea typeface="+mn-ea"/>
          <a:cs typeface="+mn-cs"/>
        </a:defRPr>
      </a:lvl4pPr>
      <a:lvl5pPr marL="1371966" algn="r" defTabSz="685983" rtl="1" eaLnBrk="1" latinLnBrk="0" hangingPunct="1">
        <a:defRPr lang="he-IL" sz="1350" kern="1200">
          <a:solidFill>
            <a:schemeClr val="tx1"/>
          </a:solidFill>
          <a:latin typeface="+mn-lt"/>
          <a:ea typeface="+mn-ea"/>
          <a:cs typeface="+mn-cs"/>
        </a:defRPr>
      </a:lvl5pPr>
      <a:lvl6pPr marL="1714957" algn="r" defTabSz="685983" rtl="1" eaLnBrk="1" latinLnBrk="0" hangingPunct="1">
        <a:defRPr lang="he-IL" sz="1350" kern="1200">
          <a:solidFill>
            <a:schemeClr val="tx1"/>
          </a:solidFill>
          <a:latin typeface="+mn-lt"/>
          <a:ea typeface="+mn-ea"/>
          <a:cs typeface="+mn-cs"/>
        </a:defRPr>
      </a:lvl6pPr>
      <a:lvl7pPr marL="2057949" algn="r" defTabSz="685983" rtl="1" eaLnBrk="1" latinLnBrk="0" hangingPunct="1">
        <a:defRPr lang="he-IL" sz="1350" kern="1200">
          <a:solidFill>
            <a:schemeClr val="tx1"/>
          </a:solidFill>
          <a:latin typeface="+mn-lt"/>
          <a:ea typeface="+mn-ea"/>
          <a:cs typeface="+mn-cs"/>
        </a:defRPr>
      </a:lvl7pPr>
      <a:lvl8pPr marL="2400940" algn="r" defTabSz="685983" rtl="1" eaLnBrk="1" latinLnBrk="0" hangingPunct="1">
        <a:defRPr lang="he-IL" sz="1350" kern="1200">
          <a:solidFill>
            <a:schemeClr val="tx1"/>
          </a:solidFill>
          <a:latin typeface="+mn-lt"/>
          <a:ea typeface="+mn-ea"/>
          <a:cs typeface="+mn-cs"/>
        </a:defRPr>
      </a:lvl8pPr>
      <a:lvl9pPr marL="2743932" algn="r" defTabSz="685983" rtl="1" eaLnBrk="1" latinLnBrk="0" hangingPunct="1">
        <a:defRPr lang="he-IL" sz="135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מציין מיקום של כותרת 1"/>
          <p:cNvSpPr>
            <a:spLocks noGrp="1"/>
          </p:cNvSpPr>
          <p:nvPr>
            <p:ph type="title"/>
          </p:nvPr>
        </p:nvSpPr>
        <p:spPr>
          <a:xfrm>
            <a:off x="628650" y="365125"/>
            <a:ext cx="7886700" cy="1325563"/>
          </a:xfrm>
          <a:prstGeom prst="rect">
            <a:avLst/>
          </a:prstGeom>
        </p:spPr>
        <p:txBody>
          <a:bodyPr vert="horz" lIns="91440" tIns="45720" rIns="91440" bIns="45720" rtlCol="1" anchor="ctr">
            <a:normAutofit/>
          </a:bodyPr>
          <a:lstStyle/>
          <a:p>
            <a:r>
              <a:rPr lang="he-IL" smtClean="0"/>
              <a:t>לחץ כדי לערוך סגנון כותרת של תבנית בסיס</a:t>
            </a:r>
            <a:endParaRPr lang="he-IL"/>
          </a:p>
        </p:txBody>
      </p:sp>
      <p:sp>
        <p:nvSpPr>
          <p:cNvPr id="3" name="מציין מיקום טקסט 2"/>
          <p:cNvSpPr>
            <a:spLocks noGrp="1"/>
          </p:cNvSpPr>
          <p:nvPr>
            <p:ph type="body" idx="1"/>
          </p:nvPr>
        </p:nvSpPr>
        <p:spPr>
          <a:xfrm>
            <a:off x="628650" y="1825625"/>
            <a:ext cx="7886700" cy="4351338"/>
          </a:xfrm>
          <a:prstGeom prst="rect">
            <a:avLst/>
          </a:prstGeom>
        </p:spPr>
        <p:txBody>
          <a:bodyPr vert="horz" lIns="91440" tIns="45720" rIns="91440" bIns="45720" rtlCol="1">
            <a:normAutofit/>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4" name="מציין מיקום של תאריך 3"/>
          <p:cNvSpPr>
            <a:spLocks noGrp="1"/>
          </p:cNvSpPr>
          <p:nvPr>
            <p:ph type="dt" sz="half" idx="2"/>
          </p:nvPr>
        </p:nvSpPr>
        <p:spPr>
          <a:xfrm>
            <a:off x="6457950" y="6356350"/>
            <a:ext cx="2057400" cy="365125"/>
          </a:xfrm>
          <a:prstGeom prst="rect">
            <a:avLst/>
          </a:prstGeom>
        </p:spPr>
        <p:txBody>
          <a:bodyPr vert="horz" lIns="91440" tIns="45720" rIns="91440" bIns="45720" rtlCol="1" anchor="ctr"/>
          <a:lstStyle>
            <a:lvl1pPr algn="r">
              <a:defRPr sz="1200">
                <a:solidFill>
                  <a:schemeClr val="tx1">
                    <a:tint val="75000"/>
                  </a:schemeClr>
                </a:solidFill>
              </a:defRPr>
            </a:lvl1pPr>
          </a:lstStyle>
          <a:p>
            <a:fld id="{0C87F376-2FD3-40F5-81E1-5068AF2F9806}" type="datetimeFigureOut">
              <a:rPr lang="he-IL" smtClean="0"/>
              <a:t>כ"ב/שבט/תשע"ו</a:t>
            </a:fld>
            <a:endParaRPr lang="he-IL"/>
          </a:p>
        </p:txBody>
      </p:sp>
      <p:sp>
        <p:nvSpPr>
          <p:cNvPr id="5" name="מציין מיקום של כותרת תחתונה 4"/>
          <p:cNvSpPr>
            <a:spLocks noGrp="1"/>
          </p:cNvSpPr>
          <p:nvPr>
            <p:ph type="ftr" sz="quarter" idx="3"/>
          </p:nvPr>
        </p:nvSpPr>
        <p:spPr>
          <a:xfrm>
            <a:off x="3028950" y="6356350"/>
            <a:ext cx="3086100" cy="365125"/>
          </a:xfrm>
          <a:prstGeom prst="rect">
            <a:avLst/>
          </a:prstGeom>
        </p:spPr>
        <p:txBody>
          <a:bodyPr vert="horz" lIns="91440" tIns="45720" rIns="91440" bIns="45720" rtlCol="1" anchor="ctr"/>
          <a:lstStyle>
            <a:lvl1pPr algn="ctr">
              <a:defRPr sz="1200">
                <a:solidFill>
                  <a:schemeClr val="tx1">
                    <a:tint val="75000"/>
                  </a:schemeClr>
                </a:solidFill>
              </a:defRPr>
            </a:lvl1pPr>
          </a:lstStyle>
          <a:p>
            <a:endParaRPr lang="he-IL"/>
          </a:p>
        </p:txBody>
      </p:sp>
      <p:sp>
        <p:nvSpPr>
          <p:cNvPr id="6" name="מציין מיקום של מספר שקופית 5"/>
          <p:cNvSpPr>
            <a:spLocks noGrp="1"/>
          </p:cNvSpPr>
          <p:nvPr>
            <p:ph type="sldNum" sz="quarter" idx="4"/>
          </p:nvPr>
        </p:nvSpPr>
        <p:spPr>
          <a:xfrm>
            <a:off x="628650" y="6356350"/>
            <a:ext cx="2057400" cy="365125"/>
          </a:xfrm>
          <a:prstGeom prst="rect">
            <a:avLst/>
          </a:prstGeom>
        </p:spPr>
        <p:txBody>
          <a:bodyPr vert="horz" lIns="91440" tIns="45720" rIns="91440" bIns="45720" rtlCol="1" anchor="ctr"/>
          <a:lstStyle>
            <a:lvl1pPr algn="l">
              <a:defRPr sz="1200">
                <a:solidFill>
                  <a:schemeClr val="tx1">
                    <a:tint val="75000"/>
                  </a:schemeClr>
                </a:solidFill>
              </a:defRPr>
            </a:lvl1pPr>
          </a:lstStyle>
          <a:p>
            <a:fld id="{4D80DBB1-ADE7-4478-AA75-DCD1B76F8525}" type="slidenum">
              <a:rPr lang="he-IL" smtClean="0"/>
              <a:t>‹#›</a:t>
            </a:fld>
            <a:endParaRPr lang="he-IL"/>
          </a:p>
        </p:txBody>
      </p:sp>
    </p:spTree>
    <p:extLst>
      <p:ext uri="{BB962C8B-B14F-4D97-AF65-F5344CB8AC3E}">
        <p14:creationId xmlns:p14="http://schemas.microsoft.com/office/powerpoint/2010/main" val="1942424221"/>
      </p:ext>
    </p:extLst>
  </p:cSld>
  <p:clrMap bg1="lt1" tx1="dk1" bg2="lt2" tx2="dk2" accent1="accent1" accent2="accent2" accent3="accent3" accent4="accent4" accent5="accent5" accent6="accent6" hlink="hlink" folHlink="folHlink"/>
  <p:sldLayoutIdLst>
    <p:sldLayoutId id="2147483689" r:id="rId1"/>
    <p:sldLayoutId id="2147483690" r:id="rId2"/>
    <p:sldLayoutId id="2147483691" r:id="rId3"/>
    <p:sldLayoutId id="2147483692" r:id="rId4"/>
    <p:sldLayoutId id="2147483693" r:id="rId5"/>
    <p:sldLayoutId id="2147483694" r:id="rId6"/>
    <p:sldLayoutId id="2147483695" r:id="rId7"/>
    <p:sldLayoutId id="2147483696" r:id="rId8"/>
    <p:sldLayoutId id="2147483697" r:id="rId9"/>
    <p:sldLayoutId id="2147483698" r:id="rId10"/>
    <p:sldLayoutId id="2147483699" r:id="rId11"/>
  </p:sldLayoutIdLst>
  <p:timing>
    <p:tnLst>
      <p:par>
        <p:cTn id="1" dur="indefinite" restart="never" nodeType="tmRoot"/>
      </p:par>
    </p:tnLst>
  </p:timing>
  <p:txStyles>
    <p:titleStyle>
      <a:lvl1pPr algn="r" defTabSz="914400" rtl="1"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r" defTabSz="914400" rtl="1"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r" defTabSz="914400" rtl="1"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r" defTabSz="914400" rtl="1"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r" defTabSz="914400" rtl="1"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r" defTabSz="914400" rtl="1"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r" defTabSz="914400" rtl="1"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r" defTabSz="914400" rtl="1"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r" defTabSz="914400" rtl="1"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r" defTabSz="914400" rtl="1"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he-IL"/>
      </a:defPPr>
      <a:lvl1pPr marL="0" algn="r" defTabSz="914400" rtl="1" eaLnBrk="1" latinLnBrk="0" hangingPunct="1">
        <a:defRPr sz="1800" kern="1200">
          <a:solidFill>
            <a:schemeClr val="tx1"/>
          </a:solidFill>
          <a:latin typeface="+mn-lt"/>
          <a:ea typeface="+mn-ea"/>
          <a:cs typeface="+mn-cs"/>
        </a:defRPr>
      </a:lvl1pPr>
      <a:lvl2pPr marL="457200" algn="r" defTabSz="914400" rtl="1" eaLnBrk="1" latinLnBrk="0" hangingPunct="1">
        <a:defRPr sz="1800" kern="1200">
          <a:solidFill>
            <a:schemeClr val="tx1"/>
          </a:solidFill>
          <a:latin typeface="+mn-lt"/>
          <a:ea typeface="+mn-ea"/>
          <a:cs typeface="+mn-cs"/>
        </a:defRPr>
      </a:lvl2pPr>
      <a:lvl3pPr marL="914400" algn="r" defTabSz="914400" rtl="1" eaLnBrk="1" latinLnBrk="0" hangingPunct="1">
        <a:defRPr sz="1800" kern="1200">
          <a:solidFill>
            <a:schemeClr val="tx1"/>
          </a:solidFill>
          <a:latin typeface="+mn-lt"/>
          <a:ea typeface="+mn-ea"/>
          <a:cs typeface="+mn-cs"/>
        </a:defRPr>
      </a:lvl3pPr>
      <a:lvl4pPr marL="1371600" algn="r" defTabSz="914400" rtl="1" eaLnBrk="1" latinLnBrk="0" hangingPunct="1">
        <a:defRPr sz="1800" kern="1200">
          <a:solidFill>
            <a:schemeClr val="tx1"/>
          </a:solidFill>
          <a:latin typeface="+mn-lt"/>
          <a:ea typeface="+mn-ea"/>
          <a:cs typeface="+mn-cs"/>
        </a:defRPr>
      </a:lvl4pPr>
      <a:lvl5pPr marL="1828800" algn="r" defTabSz="914400" rtl="1" eaLnBrk="1" latinLnBrk="0" hangingPunct="1">
        <a:defRPr sz="1800" kern="1200">
          <a:solidFill>
            <a:schemeClr val="tx1"/>
          </a:solidFill>
          <a:latin typeface="+mn-lt"/>
          <a:ea typeface="+mn-ea"/>
          <a:cs typeface="+mn-cs"/>
        </a:defRPr>
      </a:lvl5pPr>
      <a:lvl6pPr marL="2286000" algn="r" defTabSz="914400" rtl="1" eaLnBrk="1" latinLnBrk="0" hangingPunct="1">
        <a:defRPr sz="1800" kern="1200">
          <a:solidFill>
            <a:schemeClr val="tx1"/>
          </a:solidFill>
          <a:latin typeface="+mn-lt"/>
          <a:ea typeface="+mn-ea"/>
          <a:cs typeface="+mn-cs"/>
        </a:defRPr>
      </a:lvl6pPr>
      <a:lvl7pPr marL="2743200" algn="r" defTabSz="914400" rtl="1" eaLnBrk="1" latinLnBrk="0" hangingPunct="1">
        <a:defRPr sz="1800" kern="1200">
          <a:solidFill>
            <a:schemeClr val="tx1"/>
          </a:solidFill>
          <a:latin typeface="+mn-lt"/>
          <a:ea typeface="+mn-ea"/>
          <a:cs typeface="+mn-cs"/>
        </a:defRPr>
      </a:lvl7pPr>
      <a:lvl8pPr marL="3200400" algn="r" defTabSz="914400" rtl="1" eaLnBrk="1" latinLnBrk="0" hangingPunct="1">
        <a:defRPr sz="1800" kern="1200">
          <a:solidFill>
            <a:schemeClr val="tx1"/>
          </a:solidFill>
          <a:latin typeface="+mn-lt"/>
          <a:ea typeface="+mn-ea"/>
          <a:cs typeface="+mn-cs"/>
        </a:defRPr>
      </a:lvl8pPr>
      <a:lvl9pPr marL="3657600" algn="r" defTabSz="914400" rtl="1"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מציין מיקום של כותרת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he-IL" smtClean="0"/>
              <a:t>לחץ כדי לערוך סגנון כותרת של תבנית בסיס</a:t>
            </a:r>
            <a:endParaRPr lang="en-US"/>
          </a:p>
        </p:txBody>
      </p:sp>
      <p:sp>
        <p:nvSpPr>
          <p:cNvPr id="3" name="מציין מיקום טקסט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en-US"/>
          </a:p>
        </p:txBody>
      </p:sp>
      <p:sp>
        <p:nvSpPr>
          <p:cNvPr id="4" name="מציין מיקום של תאריך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900">
                <a:solidFill>
                  <a:schemeClr val="tx1">
                    <a:tint val="75000"/>
                  </a:schemeClr>
                </a:solidFill>
              </a:defRPr>
            </a:lvl1pPr>
          </a:lstStyle>
          <a:p>
            <a:pPr fontAlgn="auto">
              <a:spcBef>
                <a:spcPts val="0"/>
              </a:spcBef>
              <a:spcAft>
                <a:spcPts val="0"/>
              </a:spcAft>
            </a:pPr>
            <a:fld id="{D1FC0062-AFDB-4469-B36B-71549AFD8FA2}" type="datetimeFigureOut">
              <a:rPr lang="en-US" smtClean="0">
                <a:solidFill>
                  <a:prstClr val="black">
                    <a:tint val="75000"/>
                  </a:prstClr>
                </a:solidFill>
                <a:latin typeface="Calibri"/>
                <a:cs typeface="+mn-cs"/>
              </a:rPr>
              <a:pPr fontAlgn="auto">
                <a:spcBef>
                  <a:spcPts val="0"/>
                </a:spcBef>
                <a:spcAft>
                  <a:spcPts val="0"/>
                </a:spcAft>
              </a:pPr>
              <a:t>2/1/2016</a:t>
            </a:fld>
            <a:endParaRPr lang="en-US">
              <a:solidFill>
                <a:prstClr val="black">
                  <a:tint val="75000"/>
                </a:prstClr>
              </a:solidFill>
              <a:latin typeface="Calibri"/>
              <a:cs typeface="+mn-cs"/>
            </a:endParaRPr>
          </a:p>
        </p:txBody>
      </p:sp>
      <p:sp>
        <p:nvSpPr>
          <p:cNvPr id="5" name="מציין מיקום של כותרת תחתונה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pPr fontAlgn="auto">
              <a:spcBef>
                <a:spcPts val="0"/>
              </a:spcBef>
              <a:spcAft>
                <a:spcPts val="0"/>
              </a:spcAft>
            </a:pPr>
            <a:endParaRPr lang="en-US">
              <a:solidFill>
                <a:prstClr val="black">
                  <a:tint val="75000"/>
                </a:prstClr>
              </a:solidFill>
              <a:latin typeface="Calibri"/>
              <a:cs typeface="+mn-cs"/>
            </a:endParaRPr>
          </a:p>
        </p:txBody>
      </p:sp>
      <p:sp>
        <p:nvSpPr>
          <p:cNvPr id="6" name="מציין מיקום של מספר שקופית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900">
                <a:solidFill>
                  <a:schemeClr val="tx1">
                    <a:tint val="75000"/>
                  </a:schemeClr>
                </a:solidFill>
              </a:defRPr>
            </a:lvl1pPr>
          </a:lstStyle>
          <a:p>
            <a:pPr fontAlgn="auto">
              <a:spcBef>
                <a:spcPts val="0"/>
              </a:spcBef>
              <a:spcAft>
                <a:spcPts val="0"/>
              </a:spcAft>
            </a:pPr>
            <a:fld id="{88414336-847E-46F4-917C-5E428F8FC852}" type="slidenum">
              <a:rPr lang="en-US" smtClean="0">
                <a:solidFill>
                  <a:prstClr val="black">
                    <a:tint val="75000"/>
                  </a:prstClr>
                </a:solidFill>
                <a:latin typeface="Calibri"/>
                <a:cs typeface="+mn-cs"/>
              </a:rPr>
              <a:pPr fontAlgn="auto">
                <a:spcBef>
                  <a:spcPts val="0"/>
                </a:spcBef>
                <a:spcAft>
                  <a:spcPts val="0"/>
                </a:spcAft>
              </a:pPr>
              <a:t>‹#›</a:t>
            </a:fld>
            <a:endParaRPr lang="en-US">
              <a:solidFill>
                <a:prstClr val="black">
                  <a:tint val="75000"/>
                </a:prstClr>
              </a:solidFill>
              <a:latin typeface="Calibri"/>
              <a:cs typeface="+mn-cs"/>
            </a:endParaRPr>
          </a:p>
        </p:txBody>
      </p:sp>
    </p:spTree>
    <p:extLst>
      <p:ext uri="{BB962C8B-B14F-4D97-AF65-F5344CB8AC3E}">
        <p14:creationId xmlns:p14="http://schemas.microsoft.com/office/powerpoint/2010/main" val="3372831540"/>
      </p:ext>
    </p:extLst>
  </p:cSld>
  <p:clrMap bg1="lt1" tx1="dk1" bg2="lt2" tx2="dk2" accent1="accent1" accent2="accent2" accent3="accent3" accent4="accent4" accent5="accent5" accent6="accent6" hlink="hlink" folHlink="folHlink"/>
  <p:sldLayoutIdLst>
    <p:sldLayoutId id="2147483677" r:id="rId1"/>
    <p:sldLayoutId id="2147483678" r:id="rId2"/>
    <p:sldLayoutId id="2147483679" r:id="rId3"/>
    <p:sldLayoutId id="2147483680" r:id="rId4"/>
    <p:sldLayoutId id="2147483681" r:id="rId5"/>
    <p:sldLayoutId id="2147483682" r:id="rId6"/>
    <p:sldLayoutId id="2147483683" r:id="rId7"/>
    <p:sldLayoutId id="2147483684" r:id="rId8"/>
    <p:sldLayoutId id="2147483685" r:id="rId9"/>
    <p:sldLayoutId id="2147483686" r:id="rId10"/>
    <p:sldLayoutId id="2147483687" r:id="rId11"/>
  </p:sldLayoutIdLst>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מציין מיקום של כותרת 1"/>
          <p:cNvSpPr>
            <a:spLocks noGrp="1"/>
          </p:cNvSpPr>
          <p:nvPr>
            <p:ph type="title"/>
          </p:nvPr>
        </p:nvSpPr>
        <p:spPr>
          <a:xfrm>
            <a:off x="628650" y="365126"/>
            <a:ext cx="7886700" cy="1325563"/>
          </a:xfrm>
          <a:prstGeom prst="rect">
            <a:avLst/>
          </a:prstGeom>
        </p:spPr>
        <p:txBody>
          <a:bodyPr vert="horz" lIns="91440" tIns="45720" rIns="91440" bIns="45720" rtlCol="1" anchor="ctr">
            <a:normAutofit/>
          </a:bodyPr>
          <a:lstStyle/>
          <a:p>
            <a:r>
              <a:rPr lang="he-IL" smtClean="0"/>
              <a:t>לחץ כדי לערוך סגנון כותרת של תבנית בסיס</a:t>
            </a:r>
            <a:endParaRPr lang="he-IL"/>
          </a:p>
        </p:txBody>
      </p:sp>
      <p:sp>
        <p:nvSpPr>
          <p:cNvPr id="3" name="מציין מיקום טקסט 2"/>
          <p:cNvSpPr>
            <a:spLocks noGrp="1"/>
          </p:cNvSpPr>
          <p:nvPr>
            <p:ph type="body" idx="1"/>
          </p:nvPr>
        </p:nvSpPr>
        <p:spPr>
          <a:xfrm>
            <a:off x="628650" y="1825625"/>
            <a:ext cx="7886700" cy="4351338"/>
          </a:xfrm>
          <a:prstGeom prst="rect">
            <a:avLst/>
          </a:prstGeom>
        </p:spPr>
        <p:txBody>
          <a:bodyPr vert="horz" lIns="91440" tIns="45720" rIns="91440" bIns="45720" rtlCol="1">
            <a:normAutofit/>
          </a:bodyPr>
          <a:lstStyle/>
          <a:p>
            <a:pPr lvl="0"/>
            <a:r>
              <a:rPr lang="he-IL" smtClean="0"/>
              <a:t>לחץ כדי לערוך סגנונות טקסט של תבנית בסיס</a:t>
            </a:r>
          </a:p>
          <a:p>
            <a:pPr lvl="1"/>
            <a:r>
              <a:rPr lang="he-IL" smtClean="0"/>
              <a:t>רמה שנייה</a:t>
            </a:r>
          </a:p>
          <a:p>
            <a:pPr lvl="2"/>
            <a:r>
              <a:rPr lang="he-IL" smtClean="0"/>
              <a:t>רמה שלישית</a:t>
            </a:r>
          </a:p>
          <a:p>
            <a:pPr lvl="3"/>
            <a:r>
              <a:rPr lang="he-IL" smtClean="0"/>
              <a:t>רמה רביעית</a:t>
            </a:r>
          </a:p>
          <a:p>
            <a:pPr lvl="4"/>
            <a:r>
              <a:rPr lang="he-IL" smtClean="0"/>
              <a:t>רמה חמישית</a:t>
            </a:r>
            <a:endParaRPr lang="he-IL"/>
          </a:p>
        </p:txBody>
      </p:sp>
      <p:sp>
        <p:nvSpPr>
          <p:cNvPr id="4" name="מציין מיקום של תאריך 3"/>
          <p:cNvSpPr>
            <a:spLocks noGrp="1"/>
          </p:cNvSpPr>
          <p:nvPr>
            <p:ph type="dt" sz="half" idx="2"/>
          </p:nvPr>
        </p:nvSpPr>
        <p:spPr>
          <a:xfrm>
            <a:off x="6457950" y="6356351"/>
            <a:ext cx="2057400" cy="365125"/>
          </a:xfrm>
          <a:prstGeom prst="rect">
            <a:avLst/>
          </a:prstGeom>
        </p:spPr>
        <p:txBody>
          <a:bodyPr vert="horz" lIns="91440" tIns="45720" rIns="91440" bIns="45720" rtlCol="1" anchor="ctr"/>
          <a:lstStyle>
            <a:lvl1pPr algn="r">
              <a:defRPr sz="900">
                <a:solidFill>
                  <a:schemeClr val="tx1">
                    <a:tint val="75000"/>
                  </a:schemeClr>
                </a:solidFill>
              </a:defRPr>
            </a:lvl1pPr>
          </a:lstStyle>
          <a:p>
            <a:pPr rtl="1" fontAlgn="auto">
              <a:spcBef>
                <a:spcPts val="0"/>
              </a:spcBef>
              <a:spcAft>
                <a:spcPts val="0"/>
              </a:spcAft>
            </a:pPr>
            <a:fld id="{DB1290FF-24B0-4141-93DF-8AAF71B00D49}" type="datetimeFigureOut">
              <a:rPr lang="he-IL" smtClean="0">
                <a:solidFill>
                  <a:prstClr val="black">
                    <a:tint val="75000"/>
                  </a:prstClr>
                </a:solidFill>
                <a:latin typeface="Calibri" panose="020F0502020204030204"/>
                <a:cs typeface="Arial" panose="020B0604020202020204" pitchFamily="34" charset="0"/>
              </a:rPr>
              <a:pPr rtl="1" fontAlgn="auto">
                <a:spcBef>
                  <a:spcPts val="0"/>
                </a:spcBef>
                <a:spcAft>
                  <a:spcPts val="0"/>
                </a:spcAft>
              </a:pPr>
              <a:t>כ"ב/שבט/תשע"ו</a:t>
            </a:fld>
            <a:endParaRPr lang="he-IL">
              <a:solidFill>
                <a:prstClr val="black">
                  <a:tint val="75000"/>
                </a:prstClr>
              </a:solidFill>
              <a:latin typeface="Calibri" panose="020F0502020204030204"/>
              <a:cs typeface="Arial" panose="020B0604020202020204" pitchFamily="34" charset="0"/>
            </a:endParaRPr>
          </a:p>
        </p:txBody>
      </p:sp>
      <p:sp>
        <p:nvSpPr>
          <p:cNvPr id="5" name="מציין מיקום של כותרת תחתונה 4"/>
          <p:cNvSpPr>
            <a:spLocks noGrp="1"/>
          </p:cNvSpPr>
          <p:nvPr>
            <p:ph type="ftr" sz="quarter" idx="3"/>
          </p:nvPr>
        </p:nvSpPr>
        <p:spPr>
          <a:xfrm>
            <a:off x="3028950" y="6356351"/>
            <a:ext cx="3086100" cy="365125"/>
          </a:xfrm>
          <a:prstGeom prst="rect">
            <a:avLst/>
          </a:prstGeom>
        </p:spPr>
        <p:txBody>
          <a:bodyPr vert="horz" lIns="91440" tIns="45720" rIns="91440" bIns="45720" rtlCol="1" anchor="ctr"/>
          <a:lstStyle>
            <a:lvl1pPr algn="ctr">
              <a:defRPr sz="900">
                <a:solidFill>
                  <a:schemeClr val="tx1">
                    <a:tint val="75000"/>
                  </a:schemeClr>
                </a:solidFill>
              </a:defRPr>
            </a:lvl1pPr>
          </a:lstStyle>
          <a:p>
            <a:pPr rtl="1" fontAlgn="auto">
              <a:spcBef>
                <a:spcPts val="0"/>
              </a:spcBef>
              <a:spcAft>
                <a:spcPts val="0"/>
              </a:spcAft>
            </a:pPr>
            <a:endParaRPr lang="he-IL">
              <a:solidFill>
                <a:prstClr val="black">
                  <a:tint val="75000"/>
                </a:prstClr>
              </a:solidFill>
              <a:latin typeface="Calibri" panose="020F0502020204030204"/>
              <a:cs typeface="Arial" panose="020B0604020202020204" pitchFamily="34" charset="0"/>
            </a:endParaRPr>
          </a:p>
        </p:txBody>
      </p:sp>
      <p:sp>
        <p:nvSpPr>
          <p:cNvPr id="6" name="מציין מיקום של מספר שקופית 5"/>
          <p:cNvSpPr>
            <a:spLocks noGrp="1"/>
          </p:cNvSpPr>
          <p:nvPr>
            <p:ph type="sldNum" sz="quarter" idx="4"/>
          </p:nvPr>
        </p:nvSpPr>
        <p:spPr>
          <a:xfrm>
            <a:off x="628650" y="6356351"/>
            <a:ext cx="2057400" cy="365125"/>
          </a:xfrm>
          <a:prstGeom prst="rect">
            <a:avLst/>
          </a:prstGeom>
        </p:spPr>
        <p:txBody>
          <a:bodyPr vert="horz" lIns="91440" tIns="45720" rIns="91440" bIns="45720" rtlCol="1" anchor="ctr"/>
          <a:lstStyle>
            <a:lvl1pPr algn="l">
              <a:defRPr sz="900">
                <a:solidFill>
                  <a:schemeClr val="tx1">
                    <a:tint val="75000"/>
                  </a:schemeClr>
                </a:solidFill>
              </a:defRPr>
            </a:lvl1pPr>
          </a:lstStyle>
          <a:p>
            <a:pPr rtl="1" fontAlgn="auto">
              <a:spcBef>
                <a:spcPts val="0"/>
              </a:spcBef>
              <a:spcAft>
                <a:spcPts val="0"/>
              </a:spcAft>
            </a:pPr>
            <a:fld id="{ACC73AD3-578B-496C-8D43-006DC20C25ED}" type="slidenum">
              <a:rPr lang="he-IL" smtClean="0">
                <a:solidFill>
                  <a:prstClr val="black">
                    <a:tint val="75000"/>
                  </a:prstClr>
                </a:solidFill>
                <a:latin typeface="Calibri" panose="020F0502020204030204"/>
                <a:cs typeface="Arial" panose="020B0604020202020204" pitchFamily="34" charset="0"/>
              </a:rPr>
              <a:pPr rtl="1" fontAlgn="auto">
                <a:spcBef>
                  <a:spcPts val="0"/>
                </a:spcBef>
                <a:spcAft>
                  <a:spcPts val="0"/>
                </a:spcAft>
              </a:pPr>
              <a:t>‹#›</a:t>
            </a:fld>
            <a:endParaRPr lang="he-IL">
              <a:solidFill>
                <a:prstClr val="black">
                  <a:tint val="75000"/>
                </a:prstClr>
              </a:solidFill>
              <a:latin typeface="Calibri" panose="020F0502020204030204"/>
              <a:cs typeface="Arial" panose="020B0604020202020204" pitchFamily="34" charset="0"/>
            </a:endParaRPr>
          </a:p>
        </p:txBody>
      </p:sp>
    </p:spTree>
    <p:extLst>
      <p:ext uri="{BB962C8B-B14F-4D97-AF65-F5344CB8AC3E}">
        <p14:creationId xmlns:p14="http://schemas.microsoft.com/office/powerpoint/2010/main" val="2797071465"/>
      </p:ext>
    </p:extLst>
  </p:cSld>
  <p:clrMap bg1="lt1" tx1="dk1" bg2="lt2" tx2="dk2" accent1="accent1" accent2="accent2" accent3="accent3" accent4="accent4" accent5="accent5" accent6="accent6" hlink="hlink" folHlink="folHlink"/>
  <p:sldLayoutIdLst>
    <p:sldLayoutId id="2147483713" r:id="rId1"/>
    <p:sldLayoutId id="2147483714" r:id="rId2"/>
    <p:sldLayoutId id="2147483715" r:id="rId3"/>
    <p:sldLayoutId id="2147483716" r:id="rId4"/>
    <p:sldLayoutId id="2147483717" r:id="rId5"/>
    <p:sldLayoutId id="2147483718" r:id="rId6"/>
    <p:sldLayoutId id="2147483719" r:id="rId7"/>
    <p:sldLayoutId id="2147483720" r:id="rId8"/>
    <p:sldLayoutId id="2147483721" r:id="rId9"/>
    <p:sldLayoutId id="2147483722" r:id="rId10"/>
    <p:sldLayoutId id="2147483723" r:id="rId11"/>
    <p:sldLayoutId id="2147483726" r:id="rId12"/>
    <p:sldLayoutId id="2147483727" r:id="rId13"/>
  </p:sldLayoutIdLst>
  <p:txStyles>
    <p:titleStyle>
      <a:lvl1pPr algn="r" defTabSz="685800" rtl="1"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r" defTabSz="685800" rtl="1"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r" defTabSz="685800" rtl="1"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r" defTabSz="685800" rtl="1"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r" defTabSz="685800" rtl="1"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r" defTabSz="685800" rtl="1"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r" defTabSz="685800" rtl="1"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r" defTabSz="685800" rtl="1"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r" defTabSz="685800" rtl="1"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r" defTabSz="685800" rtl="1"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he-IL"/>
      </a:defPPr>
      <a:lvl1pPr marL="0" algn="r" defTabSz="685800" rtl="1" eaLnBrk="1" latinLnBrk="0" hangingPunct="1">
        <a:defRPr sz="1350" kern="1200">
          <a:solidFill>
            <a:schemeClr val="tx1"/>
          </a:solidFill>
          <a:latin typeface="+mn-lt"/>
          <a:ea typeface="+mn-ea"/>
          <a:cs typeface="+mn-cs"/>
        </a:defRPr>
      </a:lvl1pPr>
      <a:lvl2pPr marL="342900" algn="r" defTabSz="685800" rtl="1" eaLnBrk="1" latinLnBrk="0" hangingPunct="1">
        <a:defRPr sz="1350" kern="1200">
          <a:solidFill>
            <a:schemeClr val="tx1"/>
          </a:solidFill>
          <a:latin typeface="+mn-lt"/>
          <a:ea typeface="+mn-ea"/>
          <a:cs typeface="+mn-cs"/>
        </a:defRPr>
      </a:lvl2pPr>
      <a:lvl3pPr marL="685800" algn="r" defTabSz="685800" rtl="1" eaLnBrk="1" latinLnBrk="0" hangingPunct="1">
        <a:defRPr sz="1350" kern="1200">
          <a:solidFill>
            <a:schemeClr val="tx1"/>
          </a:solidFill>
          <a:latin typeface="+mn-lt"/>
          <a:ea typeface="+mn-ea"/>
          <a:cs typeface="+mn-cs"/>
        </a:defRPr>
      </a:lvl3pPr>
      <a:lvl4pPr marL="1028700" algn="r" defTabSz="685800" rtl="1" eaLnBrk="1" latinLnBrk="0" hangingPunct="1">
        <a:defRPr sz="1350" kern="1200">
          <a:solidFill>
            <a:schemeClr val="tx1"/>
          </a:solidFill>
          <a:latin typeface="+mn-lt"/>
          <a:ea typeface="+mn-ea"/>
          <a:cs typeface="+mn-cs"/>
        </a:defRPr>
      </a:lvl4pPr>
      <a:lvl5pPr marL="1371600" algn="r" defTabSz="685800" rtl="1" eaLnBrk="1" latinLnBrk="0" hangingPunct="1">
        <a:defRPr sz="1350" kern="1200">
          <a:solidFill>
            <a:schemeClr val="tx1"/>
          </a:solidFill>
          <a:latin typeface="+mn-lt"/>
          <a:ea typeface="+mn-ea"/>
          <a:cs typeface="+mn-cs"/>
        </a:defRPr>
      </a:lvl5pPr>
      <a:lvl6pPr marL="1714500" algn="r" defTabSz="685800" rtl="1" eaLnBrk="1" latinLnBrk="0" hangingPunct="1">
        <a:defRPr sz="1350" kern="1200">
          <a:solidFill>
            <a:schemeClr val="tx1"/>
          </a:solidFill>
          <a:latin typeface="+mn-lt"/>
          <a:ea typeface="+mn-ea"/>
          <a:cs typeface="+mn-cs"/>
        </a:defRPr>
      </a:lvl6pPr>
      <a:lvl7pPr marL="2057400" algn="r" defTabSz="685800" rtl="1" eaLnBrk="1" latinLnBrk="0" hangingPunct="1">
        <a:defRPr sz="1350" kern="1200">
          <a:solidFill>
            <a:schemeClr val="tx1"/>
          </a:solidFill>
          <a:latin typeface="+mn-lt"/>
          <a:ea typeface="+mn-ea"/>
          <a:cs typeface="+mn-cs"/>
        </a:defRPr>
      </a:lvl7pPr>
      <a:lvl8pPr marL="2400300" algn="r" defTabSz="685800" rtl="1" eaLnBrk="1" latinLnBrk="0" hangingPunct="1">
        <a:defRPr sz="1350" kern="1200">
          <a:solidFill>
            <a:schemeClr val="tx1"/>
          </a:solidFill>
          <a:latin typeface="+mn-lt"/>
          <a:ea typeface="+mn-ea"/>
          <a:cs typeface="+mn-cs"/>
        </a:defRPr>
      </a:lvl8pPr>
      <a:lvl9pPr marL="2743200" algn="r" defTabSz="685800" rtl="1"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8" Type="http://schemas.openxmlformats.org/officeDocument/2006/relationships/slide" Target="slide10.xml"/><Relationship Id="rId3" Type="http://schemas.openxmlformats.org/officeDocument/2006/relationships/notesSlide" Target="../notesSlides/notesSlide5.xml"/><Relationship Id="rId7" Type="http://schemas.openxmlformats.org/officeDocument/2006/relationships/image" Target="../media/image7.png"/><Relationship Id="rId2" Type="http://schemas.openxmlformats.org/officeDocument/2006/relationships/slideLayout" Target="../slideLayouts/slideLayout7.xml"/><Relationship Id="rId1" Type="http://schemas.openxmlformats.org/officeDocument/2006/relationships/vmlDrawing" Target="../drawings/vmlDrawing1.vml"/><Relationship Id="rId6" Type="http://schemas.openxmlformats.org/officeDocument/2006/relationships/oleObject" Target="../embeddings/oleObject1.bin"/><Relationship Id="rId5" Type="http://schemas.openxmlformats.org/officeDocument/2006/relationships/image" Target="../media/image9.png"/><Relationship Id="rId4" Type="http://schemas.openxmlformats.org/officeDocument/2006/relationships/image" Target="../media/image8.jpeg"/><Relationship Id="rId9" Type="http://schemas.openxmlformats.org/officeDocument/2006/relationships/slide" Target="slide33.xml"/></Relationships>
</file>

<file path=ppt/slides/_rels/slide12.xml.rels><?xml version="1.0" encoding="UTF-8" standalone="yes"?>
<Relationships xmlns="http://schemas.openxmlformats.org/package/2006/relationships"><Relationship Id="rId3" Type="http://schemas.openxmlformats.org/officeDocument/2006/relationships/diagramData" Target="../diagrams/data11.xml"/><Relationship Id="rId7" Type="http://schemas.microsoft.com/office/2007/relationships/diagramDrawing" Target="../diagrams/drawing11.xml"/><Relationship Id="rId2" Type="http://schemas.openxmlformats.org/officeDocument/2006/relationships/notesSlide" Target="../notesSlides/notesSlide6.xml"/><Relationship Id="rId1" Type="http://schemas.openxmlformats.org/officeDocument/2006/relationships/slideLayout" Target="../slideLayouts/slideLayout55.xml"/><Relationship Id="rId6" Type="http://schemas.openxmlformats.org/officeDocument/2006/relationships/diagramColors" Target="../diagrams/colors11.xml"/><Relationship Id="rId5" Type="http://schemas.openxmlformats.org/officeDocument/2006/relationships/diagramQuickStyle" Target="../diagrams/quickStyle11.xml"/><Relationship Id="rId4" Type="http://schemas.openxmlformats.org/officeDocument/2006/relationships/diagramLayout" Target="../diagrams/layout11.xml"/></Relationships>
</file>

<file path=ppt/slides/_rels/slide13.xml.rels><?xml version="1.0" encoding="UTF-8" standalone="yes"?>
<Relationships xmlns="http://schemas.openxmlformats.org/package/2006/relationships"><Relationship Id="rId8" Type="http://schemas.openxmlformats.org/officeDocument/2006/relationships/image" Target="../media/image16.jpeg"/><Relationship Id="rId3" Type="http://schemas.openxmlformats.org/officeDocument/2006/relationships/image" Target="../media/image11.jpeg"/><Relationship Id="rId7" Type="http://schemas.openxmlformats.org/officeDocument/2006/relationships/image" Target="../media/image15.jpeg"/><Relationship Id="rId2" Type="http://schemas.openxmlformats.org/officeDocument/2006/relationships/image" Target="../media/image10.jpeg"/><Relationship Id="rId1" Type="http://schemas.openxmlformats.org/officeDocument/2006/relationships/slideLayout" Target="../slideLayouts/slideLayout56.xml"/><Relationship Id="rId6" Type="http://schemas.openxmlformats.org/officeDocument/2006/relationships/image" Target="../media/image14.jpeg"/><Relationship Id="rId5" Type="http://schemas.openxmlformats.org/officeDocument/2006/relationships/image" Target="../media/image13.jpeg"/><Relationship Id="rId10" Type="http://schemas.openxmlformats.org/officeDocument/2006/relationships/image" Target="../media/image18.jpeg"/><Relationship Id="rId4" Type="http://schemas.openxmlformats.org/officeDocument/2006/relationships/image" Target="../media/image12.jpeg"/><Relationship Id="rId9" Type="http://schemas.openxmlformats.org/officeDocument/2006/relationships/image" Target="../media/image17.jpeg"/></Relationships>
</file>

<file path=ppt/slides/_rels/slide14.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notesSlide" Target="../notesSlides/notesSlide7.xml"/><Relationship Id="rId7" Type="http://schemas.openxmlformats.org/officeDocument/2006/relationships/image" Target="../media/image21.jpeg"/><Relationship Id="rId2" Type="http://schemas.openxmlformats.org/officeDocument/2006/relationships/slideLayout" Target="../slideLayouts/slideLayout14.xml"/><Relationship Id="rId1" Type="http://schemas.openxmlformats.org/officeDocument/2006/relationships/themeOverride" Target="../theme/themeOverride3.xml"/><Relationship Id="rId6" Type="http://schemas.openxmlformats.org/officeDocument/2006/relationships/image" Target="../media/image20.jpeg"/><Relationship Id="rId5" Type="http://schemas.openxmlformats.org/officeDocument/2006/relationships/image" Target="../media/image19.jpeg"/><Relationship Id="rId4" Type="http://schemas.openxmlformats.org/officeDocument/2006/relationships/image" Target="../media/image1.png"/><Relationship Id="rId9" Type="http://schemas.openxmlformats.org/officeDocument/2006/relationships/image" Target="../media/image17.jpeg"/></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6.xml"/><Relationship Id="rId1" Type="http://schemas.openxmlformats.org/officeDocument/2006/relationships/themeOverride" Target="../theme/themeOverride4.xml"/><Relationship Id="rId6" Type="http://schemas.openxmlformats.org/officeDocument/2006/relationships/image" Target="../media/image23.png"/><Relationship Id="rId5" Type="http://schemas.openxmlformats.org/officeDocument/2006/relationships/image" Target="../media/image22.jpeg"/><Relationship Id="rId4" Type="http://schemas.openxmlformats.org/officeDocument/2006/relationships/image" Target="../media/image1.png"/></Relationships>
</file>

<file path=ppt/slides/_rels/slide16.xml.rels><?xml version="1.0" encoding="UTF-8" standalone="yes"?>
<Relationships xmlns="http://schemas.openxmlformats.org/package/2006/relationships"><Relationship Id="rId8" Type="http://schemas.openxmlformats.org/officeDocument/2006/relationships/image" Target="../media/image27.jpeg"/><Relationship Id="rId3" Type="http://schemas.openxmlformats.org/officeDocument/2006/relationships/notesSlide" Target="../notesSlides/notesSlide9.xml"/><Relationship Id="rId7" Type="http://schemas.openxmlformats.org/officeDocument/2006/relationships/image" Target="../media/image26.jpeg"/><Relationship Id="rId2" Type="http://schemas.openxmlformats.org/officeDocument/2006/relationships/slideLayout" Target="../slideLayouts/slideLayout6.xml"/><Relationship Id="rId1" Type="http://schemas.openxmlformats.org/officeDocument/2006/relationships/themeOverride" Target="../theme/themeOverride5.xml"/><Relationship Id="rId6" Type="http://schemas.openxmlformats.org/officeDocument/2006/relationships/image" Target="../media/image25.png"/><Relationship Id="rId5" Type="http://schemas.openxmlformats.org/officeDocument/2006/relationships/image" Target="../media/image24.jpeg"/><Relationship Id="rId10" Type="http://schemas.openxmlformats.org/officeDocument/2006/relationships/image" Target="../media/image29.jpeg"/><Relationship Id="rId4" Type="http://schemas.openxmlformats.org/officeDocument/2006/relationships/image" Target="../media/image1.png"/><Relationship Id="rId9" Type="http://schemas.openxmlformats.org/officeDocument/2006/relationships/image" Target="../media/image28.jpeg"/></Relationships>
</file>

<file path=ppt/slides/_rels/slide17.xml.rels><?xml version="1.0" encoding="UTF-8" standalone="yes"?>
<Relationships xmlns="http://schemas.openxmlformats.org/package/2006/relationships"><Relationship Id="rId3" Type="http://schemas.openxmlformats.org/officeDocument/2006/relationships/diagramData" Target="../diagrams/data12.xml"/><Relationship Id="rId7" Type="http://schemas.microsoft.com/office/2007/relationships/diagramDrawing" Target="../diagrams/drawing12.xml"/><Relationship Id="rId2" Type="http://schemas.openxmlformats.org/officeDocument/2006/relationships/notesSlide" Target="../notesSlides/notesSlide10.xml"/><Relationship Id="rId1" Type="http://schemas.openxmlformats.org/officeDocument/2006/relationships/slideLayout" Target="../slideLayouts/slideLayout55.xml"/><Relationship Id="rId6" Type="http://schemas.openxmlformats.org/officeDocument/2006/relationships/diagramColors" Target="../diagrams/colors12.xml"/><Relationship Id="rId5" Type="http://schemas.openxmlformats.org/officeDocument/2006/relationships/diagramQuickStyle" Target="../diagrams/quickStyle12.xml"/><Relationship Id="rId4" Type="http://schemas.openxmlformats.org/officeDocument/2006/relationships/diagramLayout" Target="../diagrams/layout12.xml"/></Relationships>
</file>

<file path=ppt/slides/_rels/slide18.xml.rels><?xml version="1.0" encoding="UTF-8" standalone="yes"?>
<Relationships xmlns="http://schemas.openxmlformats.org/package/2006/relationships"><Relationship Id="rId3" Type="http://schemas.openxmlformats.org/officeDocument/2006/relationships/diagramData" Target="../diagrams/data13.xml"/><Relationship Id="rId7" Type="http://schemas.microsoft.com/office/2007/relationships/diagramDrawing" Target="../diagrams/drawing13.xml"/><Relationship Id="rId2" Type="http://schemas.openxmlformats.org/officeDocument/2006/relationships/notesSlide" Target="../notesSlides/notesSlide11.xml"/><Relationship Id="rId1" Type="http://schemas.openxmlformats.org/officeDocument/2006/relationships/slideLayout" Target="../slideLayouts/slideLayout55.xml"/><Relationship Id="rId6" Type="http://schemas.openxmlformats.org/officeDocument/2006/relationships/diagramColors" Target="../diagrams/colors13.xml"/><Relationship Id="rId5" Type="http://schemas.openxmlformats.org/officeDocument/2006/relationships/diagramQuickStyle" Target="../diagrams/quickStyle13.xml"/><Relationship Id="rId4" Type="http://schemas.openxmlformats.org/officeDocument/2006/relationships/diagramLayout" Target="../diagrams/layout13.xml"/></Relationships>
</file>

<file path=ppt/slides/_rels/slide19.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notesSlide" Target="../notesSlides/notesSlide12.xml"/><Relationship Id="rId1" Type="http://schemas.openxmlformats.org/officeDocument/2006/relationships/slideLayout" Target="../slideLayouts/slideLayout62.xml"/></Relationships>
</file>

<file path=ppt/slides/_rels/slide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7.xml"/><Relationship Id="rId1" Type="http://schemas.openxmlformats.org/officeDocument/2006/relationships/themeOverride" Target="../theme/themeOverride6.xml"/><Relationship Id="rId6" Type="http://schemas.openxmlformats.org/officeDocument/2006/relationships/image" Target="../media/image32.jpeg"/><Relationship Id="rId5" Type="http://schemas.openxmlformats.org/officeDocument/2006/relationships/image" Target="../media/image31.jpeg"/><Relationship Id="rId4" Type="http://schemas.openxmlformats.org/officeDocument/2006/relationships/image" Target="../media/image1.png"/></Relationships>
</file>

<file path=ppt/slides/_rels/slide21.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6.xml"/><Relationship Id="rId1" Type="http://schemas.openxmlformats.org/officeDocument/2006/relationships/themeOverride" Target="../theme/themeOverride7.xml"/><Relationship Id="rId6" Type="http://schemas.openxmlformats.org/officeDocument/2006/relationships/image" Target="../media/image34.jpeg"/><Relationship Id="rId5" Type="http://schemas.openxmlformats.org/officeDocument/2006/relationships/image" Target="../media/image33.jpeg"/><Relationship Id="rId4" Type="http://schemas.openxmlformats.org/officeDocument/2006/relationships/image" Target="../media/image1.png"/></Relationships>
</file>

<file path=ppt/slides/_rels/slide22.xml.rels><?xml version="1.0" encoding="UTF-8" standalone="yes"?>
<Relationships xmlns="http://schemas.openxmlformats.org/package/2006/relationships"><Relationship Id="rId8" Type="http://schemas.openxmlformats.org/officeDocument/2006/relationships/image" Target="../media/image38.jpeg"/><Relationship Id="rId3" Type="http://schemas.openxmlformats.org/officeDocument/2006/relationships/notesSlide" Target="../notesSlides/notesSlide15.xml"/><Relationship Id="rId7" Type="http://schemas.openxmlformats.org/officeDocument/2006/relationships/image" Target="../media/image37.png"/><Relationship Id="rId2" Type="http://schemas.openxmlformats.org/officeDocument/2006/relationships/slideLayout" Target="../slideLayouts/slideLayout6.xml"/><Relationship Id="rId1" Type="http://schemas.openxmlformats.org/officeDocument/2006/relationships/themeOverride" Target="../theme/themeOverride8.xml"/><Relationship Id="rId6" Type="http://schemas.openxmlformats.org/officeDocument/2006/relationships/image" Target="../media/image36.png"/><Relationship Id="rId11" Type="http://schemas.openxmlformats.org/officeDocument/2006/relationships/image" Target="../media/image40.jpeg"/><Relationship Id="rId5" Type="http://schemas.openxmlformats.org/officeDocument/2006/relationships/image" Target="../media/image35.jpeg"/><Relationship Id="rId10" Type="http://schemas.openxmlformats.org/officeDocument/2006/relationships/image" Target="http://www.aljazeera.net/mritems/images/2002/2/17/1_82039_1_4.jpg" TargetMode="External"/><Relationship Id="rId4" Type="http://schemas.openxmlformats.org/officeDocument/2006/relationships/image" Target="../media/image1.png"/><Relationship Id="rId9" Type="http://schemas.openxmlformats.org/officeDocument/2006/relationships/image" Target="../media/image39.jpeg"/></Relationships>
</file>

<file path=ppt/slides/_rels/slide23.xml.rels><?xml version="1.0" encoding="UTF-8" standalone="yes"?>
<Relationships xmlns="http://schemas.openxmlformats.org/package/2006/relationships"><Relationship Id="rId8" Type="http://schemas.openxmlformats.org/officeDocument/2006/relationships/image" Target="../media/image46.jpeg"/><Relationship Id="rId3" Type="http://schemas.openxmlformats.org/officeDocument/2006/relationships/image" Target="../media/image41.png"/><Relationship Id="rId7" Type="http://schemas.openxmlformats.org/officeDocument/2006/relationships/image" Target="../media/image45.jpeg"/><Relationship Id="rId12" Type="http://schemas.openxmlformats.org/officeDocument/2006/relationships/image" Target="../media/image49.jpeg"/><Relationship Id="rId2" Type="http://schemas.openxmlformats.org/officeDocument/2006/relationships/notesSlide" Target="../notesSlides/notesSlide16.xml"/><Relationship Id="rId1" Type="http://schemas.openxmlformats.org/officeDocument/2006/relationships/slideLayout" Target="../slideLayouts/slideLayout6.xml"/><Relationship Id="rId6" Type="http://schemas.openxmlformats.org/officeDocument/2006/relationships/image" Target="../media/image44.jpeg"/><Relationship Id="rId11" Type="http://schemas.openxmlformats.org/officeDocument/2006/relationships/image" Target="../media/image48.jpeg"/><Relationship Id="rId5" Type="http://schemas.openxmlformats.org/officeDocument/2006/relationships/image" Target="../media/image43.jpeg"/><Relationship Id="rId10" Type="http://schemas.openxmlformats.org/officeDocument/2006/relationships/image" Target="../media/image36.png"/><Relationship Id="rId4" Type="http://schemas.openxmlformats.org/officeDocument/2006/relationships/image" Target="../media/image42.jpeg"/><Relationship Id="rId9" Type="http://schemas.openxmlformats.org/officeDocument/2006/relationships/image" Target="../media/image47.jpeg"/></Relationships>
</file>

<file path=ppt/slides/_rels/slide24.xml.rels><?xml version="1.0" encoding="UTF-8" standalone="yes"?>
<Relationships xmlns="http://schemas.openxmlformats.org/package/2006/relationships"><Relationship Id="rId3" Type="http://schemas.openxmlformats.org/officeDocument/2006/relationships/image" Target="../media/image50.jpeg"/><Relationship Id="rId2" Type="http://schemas.openxmlformats.org/officeDocument/2006/relationships/notesSlide" Target="../notesSlides/notesSlide17.xml"/><Relationship Id="rId1" Type="http://schemas.openxmlformats.org/officeDocument/2006/relationships/slideLayout" Target="../slideLayouts/slideLayout7.xml"/><Relationship Id="rId6" Type="http://schemas.openxmlformats.org/officeDocument/2006/relationships/image" Target="../media/image24.jpeg"/><Relationship Id="rId5" Type="http://schemas.openxmlformats.org/officeDocument/2006/relationships/image" Target="../media/image49.jpeg"/><Relationship Id="rId4" Type="http://schemas.openxmlformats.org/officeDocument/2006/relationships/image" Target="../media/image51.jpeg"/></Relationships>
</file>

<file path=ppt/slides/_rels/slide25.xml.rels><?xml version="1.0" encoding="UTF-8" standalone="yes"?>
<Relationships xmlns="http://schemas.openxmlformats.org/package/2006/relationships"><Relationship Id="rId3" Type="http://schemas.openxmlformats.org/officeDocument/2006/relationships/image" Target="../media/image52.jpeg"/><Relationship Id="rId2" Type="http://schemas.openxmlformats.org/officeDocument/2006/relationships/notesSlide" Target="../notesSlides/notesSlide18.xml"/><Relationship Id="rId1" Type="http://schemas.openxmlformats.org/officeDocument/2006/relationships/slideLayout" Target="../slideLayouts/slideLayout7.xml"/><Relationship Id="rId4" Type="http://schemas.openxmlformats.org/officeDocument/2006/relationships/image" Target="../media/image53.jpeg"/></Relationships>
</file>

<file path=ppt/slides/_rels/slide26.xml.rels><?xml version="1.0" encoding="UTF-8" standalone="yes"?>
<Relationships xmlns="http://schemas.openxmlformats.org/package/2006/relationships"><Relationship Id="rId8" Type="http://schemas.openxmlformats.org/officeDocument/2006/relationships/image" Target="../media/image59.png"/><Relationship Id="rId3" Type="http://schemas.openxmlformats.org/officeDocument/2006/relationships/image" Target="../media/image54.jpeg"/><Relationship Id="rId7" Type="http://schemas.openxmlformats.org/officeDocument/2006/relationships/image" Target="../media/image58.jpeg"/><Relationship Id="rId2" Type="http://schemas.openxmlformats.org/officeDocument/2006/relationships/notesSlide" Target="../notesSlides/notesSlide19.xml"/><Relationship Id="rId1" Type="http://schemas.openxmlformats.org/officeDocument/2006/relationships/slideLayout" Target="../slideLayouts/slideLayout6.xml"/><Relationship Id="rId6" Type="http://schemas.openxmlformats.org/officeDocument/2006/relationships/image" Target="../media/image57.jpeg"/><Relationship Id="rId5" Type="http://schemas.openxmlformats.org/officeDocument/2006/relationships/image" Target="../media/image56.png"/><Relationship Id="rId4" Type="http://schemas.openxmlformats.org/officeDocument/2006/relationships/image" Target="../media/image55.jpeg"/></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15.xml"/></Relationships>
</file>

<file path=ppt/slides/_rels/slide28.xml.rels><?xml version="1.0" encoding="UTF-8" standalone="yes"?>
<Relationships xmlns="http://schemas.openxmlformats.org/package/2006/relationships"><Relationship Id="rId3" Type="http://schemas.openxmlformats.org/officeDocument/2006/relationships/image" Target="../media/image60.jpeg"/><Relationship Id="rId2" Type="http://schemas.openxmlformats.org/officeDocument/2006/relationships/notesSlide" Target="../notesSlides/notesSlide21.xml"/><Relationship Id="rId1" Type="http://schemas.openxmlformats.org/officeDocument/2006/relationships/slideLayout" Target="../slideLayouts/slideLayout16.xml"/><Relationship Id="rId4" Type="http://schemas.openxmlformats.org/officeDocument/2006/relationships/image" Target="../media/image61.png"/></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15.xml"/></Relationships>
</file>

<file path=ppt/slides/_rels/slide3.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slideLayout" Target="../slideLayouts/slideLayout2.xml"/><Relationship Id="rId1" Type="http://schemas.openxmlformats.org/officeDocument/2006/relationships/themeOverride" Target="../theme/themeOverride1.xml"/><Relationship Id="rId4" Type="http://schemas.openxmlformats.org/officeDocument/2006/relationships/image" Target="../media/image3.png"/></Relationships>
</file>

<file path=ppt/slides/_rels/slide30.xml.rels><?xml version="1.0" encoding="UTF-8" standalone="yes"?>
<Relationships xmlns="http://schemas.openxmlformats.org/package/2006/relationships"><Relationship Id="rId3" Type="http://schemas.openxmlformats.org/officeDocument/2006/relationships/image" Target="../media/image62.jpeg"/><Relationship Id="rId2" Type="http://schemas.openxmlformats.org/officeDocument/2006/relationships/notesSlide" Target="../notesSlides/notesSlide23.xml"/><Relationship Id="rId1" Type="http://schemas.openxmlformats.org/officeDocument/2006/relationships/slideLayout" Target="../slideLayouts/slideLayout6.xml"/><Relationship Id="rId4" Type="http://schemas.openxmlformats.org/officeDocument/2006/relationships/image" Target="../media/image49.jpeg"/></Relationships>
</file>

<file path=ppt/slides/_rels/slide31.xml.rels><?xml version="1.0" encoding="UTF-8" standalone="yes"?>
<Relationships xmlns="http://schemas.openxmlformats.org/package/2006/relationships"><Relationship Id="rId3" Type="http://schemas.openxmlformats.org/officeDocument/2006/relationships/image" Target="../media/image63.jpeg"/><Relationship Id="rId2" Type="http://schemas.openxmlformats.org/officeDocument/2006/relationships/notesSlide" Target="../notesSlides/notesSlide24.xml"/><Relationship Id="rId1" Type="http://schemas.openxmlformats.org/officeDocument/2006/relationships/slideLayout" Target="../slideLayouts/slideLayout7.xml"/><Relationship Id="rId4" Type="http://schemas.openxmlformats.org/officeDocument/2006/relationships/image" Target="../media/image64.emf"/></Relationships>
</file>

<file path=ppt/slides/_rels/slide32.xml.rels><?xml version="1.0" encoding="UTF-8" standalone="yes"?>
<Relationships xmlns="http://schemas.openxmlformats.org/package/2006/relationships"><Relationship Id="rId3" Type="http://schemas.openxmlformats.org/officeDocument/2006/relationships/image" Target="../media/image65.png"/><Relationship Id="rId2" Type="http://schemas.openxmlformats.org/officeDocument/2006/relationships/notesSlide" Target="../notesSlides/notesSlide25.xml"/><Relationship Id="rId1" Type="http://schemas.openxmlformats.org/officeDocument/2006/relationships/slideLayout" Target="../slideLayouts/slideLayout7.xml"/><Relationship Id="rId4" Type="http://schemas.openxmlformats.org/officeDocument/2006/relationships/image" Target="../media/image66.jpeg"/></Relationships>
</file>

<file path=ppt/slides/_rels/slide33.xml.rels><?xml version="1.0" encoding="UTF-8" standalone="yes"?>
<Relationships xmlns="http://schemas.openxmlformats.org/package/2006/relationships"><Relationship Id="rId3" Type="http://schemas.openxmlformats.org/officeDocument/2006/relationships/image" Target="../media/image67.jpeg"/><Relationship Id="rId2" Type="http://schemas.openxmlformats.org/officeDocument/2006/relationships/notesSlide" Target="../notesSlides/notesSlide26.xml"/><Relationship Id="rId1" Type="http://schemas.openxmlformats.org/officeDocument/2006/relationships/slideLayout" Target="../slideLayouts/slideLayout6.xml"/><Relationship Id="rId5" Type="http://schemas.openxmlformats.org/officeDocument/2006/relationships/image" Target="../media/image69.jpeg"/><Relationship Id="rId4" Type="http://schemas.openxmlformats.org/officeDocument/2006/relationships/image" Target="../media/image68.jpeg"/></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15.xml"/></Relationships>
</file>

<file path=ppt/slides/_rels/slide35.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28.xml"/><Relationship Id="rId1" Type="http://schemas.openxmlformats.org/officeDocument/2006/relationships/slideLayout" Target="../slideLayouts/slideLayout55.xml"/><Relationship Id="rId5" Type="http://schemas.openxmlformats.org/officeDocument/2006/relationships/image" Target="../media/image71.jpeg"/><Relationship Id="rId4" Type="http://schemas.openxmlformats.org/officeDocument/2006/relationships/image" Target="../media/image70.jpeg"/></Relationships>
</file>

<file path=ppt/slides/_rels/slide36.xml.rels><?xml version="1.0" encoding="UTF-8" standalone="yes"?>
<Relationships xmlns="http://schemas.openxmlformats.org/package/2006/relationships"><Relationship Id="rId3" Type="http://schemas.openxmlformats.org/officeDocument/2006/relationships/image" Target="../media/image72.jpeg"/><Relationship Id="rId2" Type="http://schemas.openxmlformats.org/officeDocument/2006/relationships/notesSlide" Target="../notesSlides/notesSlide29.xml"/><Relationship Id="rId1" Type="http://schemas.openxmlformats.org/officeDocument/2006/relationships/slideLayout" Target="../slideLayouts/slideLayout55.xml"/><Relationship Id="rId4" Type="http://schemas.openxmlformats.org/officeDocument/2006/relationships/image" Target="../media/image21.jpeg"/></Relationships>
</file>

<file path=ppt/slides/_rels/slide37.xml.rels><?xml version="1.0" encoding="UTF-8" standalone="yes"?>
<Relationships xmlns="http://schemas.openxmlformats.org/package/2006/relationships"><Relationship Id="rId8" Type="http://schemas.openxmlformats.org/officeDocument/2006/relationships/image" Target="../media/image76.jpeg"/><Relationship Id="rId3" Type="http://schemas.openxmlformats.org/officeDocument/2006/relationships/image" Target="../media/image73.jpeg"/><Relationship Id="rId7" Type="http://schemas.openxmlformats.org/officeDocument/2006/relationships/image" Target="../media/image75.jpeg"/><Relationship Id="rId2" Type="http://schemas.openxmlformats.org/officeDocument/2006/relationships/notesSlide" Target="../notesSlides/notesSlide30.xml"/><Relationship Id="rId1" Type="http://schemas.openxmlformats.org/officeDocument/2006/relationships/slideLayout" Target="../slideLayouts/slideLayout61.xml"/><Relationship Id="rId6" Type="http://schemas.openxmlformats.org/officeDocument/2006/relationships/image" Target="../media/image14.jpeg"/><Relationship Id="rId5" Type="http://schemas.openxmlformats.org/officeDocument/2006/relationships/image" Target="../media/image13.jpeg"/><Relationship Id="rId4" Type="http://schemas.openxmlformats.org/officeDocument/2006/relationships/image" Target="../media/image74.jpeg"/></Relationships>
</file>

<file path=ppt/slides/_rels/slide38.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slideLayout" Target="../slideLayouts/slideLayout2.xml"/><Relationship Id="rId1" Type="http://schemas.openxmlformats.org/officeDocument/2006/relationships/themeOverride" Target="../theme/themeOverride10.xml"/><Relationship Id="rId4" Type="http://schemas.openxmlformats.org/officeDocument/2006/relationships/image" Target="../media/image13.jpeg"/></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2.xml"/><Relationship Id="rId1" Type="http://schemas.openxmlformats.org/officeDocument/2006/relationships/themeOverride" Target="../theme/themeOverride2.xml"/><Relationship Id="rId5" Type="http://schemas.openxmlformats.org/officeDocument/2006/relationships/image" Target="../media/image3.png"/><Relationship Id="rId4" Type="http://schemas.openxmlformats.org/officeDocument/2006/relationships/image" Target="../media/image1.png"/></Relationships>
</file>

<file path=ppt/slides/_rels/slide40.xml.rels><?xml version="1.0" encoding="UTF-8" standalone="yes"?>
<Relationships xmlns="http://schemas.openxmlformats.org/package/2006/relationships"><Relationship Id="rId3" Type="http://schemas.openxmlformats.org/officeDocument/2006/relationships/notesSlide" Target="../notesSlides/notesSlide31.xml"/><Relationship Id="rId2" Type="http://schemas.openxmlformats.org/officeDocument/2006/relationships/slideLayout" Target="../slideLayouts/slideLayout2.xml"/><Relationship Id="rId1" Type="http://schemas.openxmlformats.org/officeDocument/2006/relationships/themeOverride" Target="../theme/themeOverride11.xml"/><Relationship Id="rId4" Type="http://schemas.openxmlformats.org/officeDocument/2006/relationships/image" Target="../media/image1.png"/></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8.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diagramQuickStyle" Target="../diagrams/quickStyle1.xml"/><Relationship Id="rId7" Type="http://schemas.openxmlformats.org/officeDocument/2006/relationships/tags" Target="../tags/tag7.xml"/><Relationship Id="rId71" Type="http://schemas.openxmlformats.org/officeDocument/2006/relationships/diagramData" Target="../diagrams/data2.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diagramData" Target="../diagrams/data1.xml"/><Relationship Id="rId74" Type="http://schemas.openxmlformats.org/officeDocument/2006/relationships/diagramColors" Target="../diagrams/colors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slideLayout" Target="../slideLayouts/slideLayout45.xml"/><Relationship Id="rId73" Type="http://schemas.openxmlformats.org/officeDocument/2006/relationships/diagramQuickStyle" Target="../diagrams/quickStyle2.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diagramColors" Target="../diagrams/colors1.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diagramLayout" Target="../diagrams/layout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diagramLayout" Target="../diagrams/layout1.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microsoft.com/office/2007/relationships/diagramDrawing" Target="../diagrams/drawing1.xml"/><Relationship Id="rId75" Type="http://schemas.microsoft.com/office/2007/relationships/diagramDrawing" Target="../diagrams/drawing2.xml"/><Relationship Id="rId1" Type="http://schemas.openxmlformats.org/officeDocument/2006/relationships/tags" Target="../tags/tag1.xml"/><Relationship Id="rId6" Type="http://schemas.openxmlformats.org/officeDocument/2006/relationships/tags" Target="../tags/tag6.xml"/></Relationships>
</file>

<file path=ppt/slides/_rels/slide6.xml.rels><?xml version="1.0" encoding="UTF-8" standalone="yes"?>
<Relationships xmlns="http://schemas.openxmlformats.org/package/2006/relationships"><Relationship Id="rId3" Type="http://schemas.openxmlformats.org/officeDocument/2006/relationships/diagramLayout" Target="../diagrams/layout3.xml"/><Relationship Id="rId7" Type="http://schemas.openxmlformats.org/officeDocument/2006/relationships/image" Target="../media/image3.png"/><Relationship Id="rId2" Type="http://schemas.openxmlformats.org/officeDocument/2006/relationships/diagramData" Target="../diagrams/data3.xml"/><Relationship Id="rId1" Type="http://schemas.openxmlformats.org/officeDocument/2006/relationships/slideLayout" Target="../slideLayouts/slideLayout2.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s/_rels/slide7.xml.rels><?xml version="1.0" encoding="UTF-8" standalone="yes"?>
<Relationships xmlns="http://schemas.openxmlformats.org/package/2006/relationships"><Relationship Id="rId3" Type="http://schemas.openxmlformats.org/officeDocument/2006/relationships/diagramLayout" Target="../diagrams/layout4.xml"/><Relationship Id="rId7" Type="http://schemas.openxmlformats.org/officeDocument/2006/relationships/image" Target="../media/image3.png"/><Relationship Id="rId2" Type="http://schemas.openxmlformats.org/officeDocument/2006/relationships/diagramData" Target="../diagrams/data4.xml"/><Relationship Id="rId1" Type="http://schemas.openxmlformats.org/officeDocument/2006/relationships/slideLayout" Target="../slideLayouts/slideLayout2.xml"/><Relationship Id="rId6" Type="http://schemas.microsoft.com/office/2007/relationships/diagramDrawing" Target="../diagrams/drawing4.xml"/><Relationship Id="rId5" Type="http://schemas.openxmlformats.org/officeDocument/2006/relationships/diagramColors" Target="../diagrams/colors4.xml"/><Relationship Id="rId4" Type="http://schemas.openxmlformats.org/officeDocument/2006/relationships/diagramQuickStyle" Target="../diagrams/quickStyle4.xml"/></Relationships>
</file>

<file path=ppt/slides/_rels/slide8.xml.rels><?xml version="1.0" encoding="UTF-8" standalone="yes"?>
<Relationships xmlns="http://schemas.openxmlformats.org/package/2006/relationships"><Relationship Id="rId8" Type="http://schemas.openxmlformats.org/officeDocument/2006/relationships/diagramLayout" Target="../diagrams/layout6.xml"/><Relationship Id="rId13" Type="http://schemas.openxmlformats.org/officeDocument/2006/relationships/diagramLayout" Target="../diagrams/layout7.xml"/><Relationship Id="rId3" Type="http://schemas.openxmlformats.org/officeDocument/2006/relationships/diagramLayout" Target="../diagrams/layout5.xml"/><Relationship Id="rId7" Type="http://schemas.openxmlformats.org/officeDocument/2006/relationships/diagramData" Target="../diagrams/data6.xml"/><Relationship Id="rId12" Type="http://schemas.openxmlformats.org/officeDocument/2006/relationships/diagramData" Target="../diagrams/data7.xml"/><Relationship Id="rId17" Type="http://schemas.openxmlformats.org/officeDocument/2006/relationships/image" Target="../media/image3.png"/><Relationship Id="rId2" Type="http://schemas.openxmlformats.org/officeDocument/2006/relationships/diagramData" Target="../diagrams/data5.xml"/><Relationship Id="rId16" Type="http://schemas.microsoft.com/office/2007/relationships/diagramDrawing" Target="../diagrams/drawing7.xml"/><Relationship Id="rId1" Type="http://schemas.openxmlformats.org/officeDocument/2006/relationships/slideLayout" Target="../slideLayouts/slideLayout2.xml"/><Relationship Id="rId6" Type="http://schemas.microsoft.com/office/2007/relationships/diagramDrawing" Target="../diagrams/drawing5.xml"/><Relationship Id="rId11" Type="http://schemas.microsoft.com/office/2007/relationships/diagramDrawing" Target="../diagrams/drawing6.xml"/><Relationship Id="rId5" Type="http://schemas.openxmlformats.org/officeDocument/2006/relationships/diagramColors" Target="../diagrams/colors5.xml"/><Relationship Id="rId15" Type="http://schemas.openxmlformats.org/officeDocument/2006/relationships/diagramColors" Target="../diagrams/colors7.xml"/><Relationship Id="rId10" Type="http://schemas.openxmlformats.org/officeDocument/2006/relationships/diagramColors" Target="../diagrams/colors6.xml"/><Relationship Id="rId4" Type="http://schemas.openxmlformats.org/officeDocument/2006/relationships/diagramQuickStyle" Target="../diagrams/quickStyle5.xml"/><Relationship Id="rId9" Type="http://schemas.openxmlformats.org/officeDocument/2006/relationships/diagramQuickStyle" Target="../diagrams/quickStyle6.xml"/><Relationship Id="rId14" Type="http://schemas.openxmlformats.org/officeDocument/2006/relationships/diagramQuickStyle" Target="../diagrams/quickStyle7.xml"/></Relationships>
</file>

<file path=ppt/slides/_rels/slide9.xml.rels><?xml version="1.0" encoding="UTF-8" standalone="yes"?>
<Relationships xmlns="http://schemas.openxmlformats.org/package/2006/relationships"><Relationship Id="rId8" Type="http://schemas.openxmlformats.org/officeDocument/2006/relationships/diagramData" Target="../diagrams/data9.xml"/><Relationship Id="rId13" Type="http://schemas.openxmlformats.org/officeDocument/2006/relationships/diagramData" Target="../diagrams/data10.xml"/><Relationship Id="rId3" Type="http://schemas.openxmlformats.org/officeDocument/2006/relationships/diagramData" Target="../diagrams/data8.xml"/><Relationship Id="rId7" Type="http://schemas.microsoft.com/office/2007/relationships/diagramDrawing" Target="../diagrams/drawing8.xml"/><Relationship Id="rId12" Type="http://schemas.microsoft.com/office/2007/relationships/diagramDrawing" Target="../diagrams/drawing9.xml"/><Relationship Id="rId17" Type="http://schemas.microsoft.com/office/2007/relationships/diagramDrawing" Target="../diagrams/drawing10.xml"/><Relationship Id="rId2" Type="http://schemas.openxmlformats.org/officeDocument/2006/relationships/notesSlide" Target="../notesSlides/notesSlide4.xml"/><Relationship Id="rId16" Type="http://schemas.openxmlformats.org/officeDocument/2006/relationships/diagramColors" Target="../diagrams/colors10.xml"/><Relationship Id="rId1" Type="http://schemas.openxmlformats.org/officeDocument/2006/relationships/slideLayout" Target="../slideLayouts/slideLayout17.xml"/><Relationship Id="rId6" Type="http://schemas.openxmlformats.org/officeDocument/2006/relationships/diagramColors" Target="../diagrams/colors8.xml"/><Relationship Id="rId11" Type="http://schemas.openxmlformats.org/officeDocument/2006/relationships/diagramColors" Target="../diagrams/colors9.xml"/><Relationship Id="rId5" Type="http://schemas.openxmlformats.org/officeDocument/2006/relationships/diagramQuickStyle" Target="../diagrams/quickStyle8.xml"/><Relationship Id="rId15" Type="http://schemas.openxmlformats.org/officeDocument/2006/relationships/diagramQuickStyle" Target="../diagrams/quickStyle10.xml"/><Relationship Id="rId10" Type="http://schemas.openxmlformats.org/officeDocument/2006/relationships/diagramQuickStyle" Target="../diagrams/quickStyle9.xml"/><Relationship Id="rId4" Type="http://schemas.openxmlformats.org/officeDocument/2006/relationships/diagramLayout" Target="../diagrams/layout8.xml"/><Relationship Id="rId9" Type="http://schemas.openxmlformats.org/officeDocument/2006/relationships/diagramLayout" Target="../diagrams/layout9.xml"/><Relationship Id="rId14" Type="http://schemas.openxmlformats.org/officeDocument/2006/relationships/diagramLayout" Target="../diagrams/layout1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7588" name="Rectangle 4"/>
          <p:cNvSpPr>
            <a:spLocks noGrp="1" noChangeArrowheads="1"/>
          </p:cNvSpPr>
          <p:nvPr>
            <p:ph type="ctrTitle"/>
          </p:nvPr>
        </p:nvSpPr>
        <p:spPr>
          <a:xfrm>
            <a:off x="3018904" y="1196752"/>
            <a:ext cx="5343525" cy="792088"/>
          </a:xfrm>
        </p:spPr>
        <p:txBody>
          <a:bodyPr/>
          <a:lstStyle/>
          <a:p>
            <a:pPr algn="ctr"/>
            <a:r>
              <a:rPr lang="he-IL" sz="4800" dirty="0" smtClean="0">
                <a:solidFill>
                  <a:srgbClr val="250A56"/>
                </a:solidFill>
                <a:latin typeface="Narkisim" panose="020E0502050101010101" pitchFamily="34" charset="-79"/>
                <a:cs typeface="Narkisim" panose="020E0502050101010101" pitchFamily="34" charset="-79"/>
              </a:rPr>
              <a:t>הרשות הפלשתינית</a:t>
            </a:r>
            <a:endParaRPr lang="he-IL" sz="4800" dirty="0">
              <a:solidFill>
                <a:srgbClr val="250A56"/>
              </a:solidFill>
              <a:latin typeface="Narkisim" panose="020E0502050101010101" pitchFamily="34" charset="-79"/>
              <a:cs typeface="Narkisim" panose="020E0502050101010101" pitchFamily="34" charset="-79"/>
            </a:endParaRPr>
          </a:p>
        </p:txBody>
      </p:sp>
      <p:sp>
        <p:nvSpPr>
          <p:cNvPr id="67589" name="Rectangle 5"/>
          <p:cNvSpPr>
            <a:spLocks noGrp="1" noChangeArrowheads="1"/>
          </p:cNvSpPr>
          <p:nvPr>
            <p:ph type="subTitle" idx="1"/>
          </p:nvPr>
        </p:nvSpPr>
        <p:spPr>
          <a:xfrm>
            <a:off x="3131840" y="2348881"/>
            <a:ext cx="4946650" cy="576064"/>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anchor="b" anchorCtr="0" compatLnSpc="1">
            <a:prstTxWarp prst="textNoShape">
              <a:avLst/>
            </a:prstTxWarp>
          </a:bodyPr>
          <a:lstStyle/>
          <a:p>
            <a:pPr algn="ctr">
              <a:spcBef>
                <a:spcPct val="0"/>
              </a:spcBef>
            </a:pPr>
            <a:r>
              <a:rPr lang="he-IL" sz="5400" dirty="0" smtClean="0">
                <a:solidFill>
                  <a:srgbClr val="FF0000"/>
                </a:solidFill>
                <a:latin typeface="Narkisim" panose="020E0502050101010101" pitchFamily="34" charset="-79"/>
                <a:ea typeface="+mj-ea"/>
                <a:cs typeface="Narkisim" panose="020E0502050101010101" pitchFamily="34" charset="-79"/>
              </a:rPr>
              <a:t>"מערכת המערכות"</a:t>
            </a:r>
            <a:endParaRPr lang="he-IL" sz="5400" dirty="0">
              <a:solidFill>
                <a:srgbClr val="FF0000"/>
              </a:solidFill>
              <a:latin typeface="Narkisim" panose="020E0502050101010101" pitchFamily="34" charset="-79"/>
              <a:ea typeface="+mj-ea"/>
              <a:cs typeface="Narkisim" panose="020E0502050101010101" pitchFamily="34" charset="-79"/>
            </a:endParaRPr>
          </a:p>
        </p:txBody>
      </p:sp>
      <p:pic>
        <p:nvPicPr>
          <p:cNvPr id="8" name="מציין מיקום של תמונה מקוונת 1"/>
          <p:cNvPicPr>
            <a:picLocks noChangeAspect="1"/>
          </p:cNvPicPr>
          <p:nvPr/>
        </p:nvPicPr>
        <p:blipFill>
          <a:blip r:embed="rId3">
            <a:extLst>
              <a:ext uri="{28A0092B-C50C-407E-A947-70E740481C1C}">
                <a14:useLocalDpi xmlns:a14="http://schemas.microsoft.com/office/drawing/2010/main" val="0"/>
              </a:ext>
            </a:extLst>
          </a:blip>
          <a:stretch>
            <a:fillRect/>
          </a:stretch>
        </p:blipFill>
        <p:spPr bwMode="auto">
          <a:xfrm>
            <a:off x="7609954" y="27980"/>
            <a:ext cx="1504950" cy="10001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 name="מלבן 5"/>
          <p:cNvSpPr/>
          <p:nvPr/>
        </p:nvSpPr>
        <p:spPr>
          <a:xfrm>
            <a:off x="7555958" y="6476734"/>
            <a:ext cx="1612941" cy="461665"/>
          </a:xfrm>
          <a:prstGeom prst="rect">
            <a:avLst/>
          </a:prstGeom>
        </p:spPr>
        <p:txBody>
          <a:bodyPr wrap="none">
            <a:spAutoFit/>
          </a:bodyPr>
          <a:lstStyle/>
          <a:p>
            <a:r>
              <a:rPr lang="he-IL" b="1" dirty="0">
                <a:solidFill>
                  <a:srgbClr val="00B05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פברואר 2016</a:t>
            </a:r>
          </a:p>
        </p:txBody>
      </p:sp>
      <p:sp>
        <p:nvSpPr>
          <p:cNvPr id="2" name="מלבן 1"/>
          <p:cNvSpPr/>
          <p:nvPr/>
        </p:nvSpPr>
        <p:spPr>
          <a:xfrm>
            <a:off x="3626947" y="3284862"/>
            <a:ext cx="3618298" cy="461665"/>
          </a:xfrm>
          <a:prstGeom prst="rect">
            <a:avLst/>
          </a:prstGeom>
        </p:spPr>
        <p:txBody>
          <a:bodyPr wrap="none">
            <a:spAutoFit/>
          </a:bodyPr>
          <a:lstStyle/>
          <a:p>
            <a:r>
              <a:rPr lang="he-IL" b="1" dirty="0">
                <a:solidFill>
                  <a:srgbClr val="00B05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הסימולציה המדינית-ביטחונית </a:t>
            </a:r>
          </a:p>
        </p:txBody>
      </p:sp>
      <p:sp>
        <p:nvSpPr>
          <p:cNvPr id="7" name="מלבן 6"/>
          <p:cNvSpPr/>
          <p:nvPr/>
        </p:nvSpPr>
        <p:spPr>
          <a:xfrm>
            <a:off x="1835696" y="4611098"/>
            <a:ext cx="7056784" cy="769441"/>
          </a:xfrm>
          <a:prstGeom prst="rect">
            <a:avLst/>
          </a:prstGeom>
        </p:spPr>
        <p:txBody>
          <a:bodyPr wrap="square">
            <a:spAutoFit/>
          </a:bodyPr>
          <a:lstStyle/>
          <a:p>
            <a:r>
              <a:rPr lang="he-IL" sz="4400" b="1"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לימודי אסטרטגיה</a:t>
            </a:r>
            <a:endParaRPr lang="he-IL" sz="4400" b="1"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Tree>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2" descr="Z:\סרטים ותמונות מודיעיני\תמונות\סמלים ודגלים\דרכון רשות.bmp"/>
          <p:cNvPicPr>
            <a:picLocks noChangeAspect="1" noChangeArrowheads="1"/>
          </p:cNvPicPr>
          <p:nvPr/>
        </p:nvPicPr>
        <p:blipFill>
          <a:blip r:embed="rId2" cstate="print"/>
          <a:srcRect/>
          <a:stretch>
            <a:fillRect/>
          </a:stretch>
        </p:blipFill>
        <p:spPr bwMode="auto">
          <a:xfrm>
            <a:off x="4445415" y="1430778"/>
            <a:ext cx="3321940" cy="4230470"/>
          </a:xfrm>
          <a:prstGeom prst="rect">
            <a:avLst/>
          </a:prstGeom>
          <a:noFill/>
          <a:ln w="9525">
            <a:noFill/>
            <a:miter lim="800000"/>
            <a:headEnd/>
            <a:tailEnd/>
          </a:ln>
          <a:scene3d>
            <a:camera prst="isometricOffAxis2Right"/>
            <a:lightRig rig="threePt" dir="t"/>
          </a:scene3d>
        </p:spPr>
      </p:pic>
      <p:sp>
        <p:nvSpPr>
          <p:cNvPr id="260099" name="TextBox 4"/>
          <p:cNvSpPr txBox="1">
            <a:spLocks noChangeArrowheads="1"/>
          </p:cNvSpPr>
          <p:nvPr/>
        </p:nvSpPr>
        <p:spPr bwMode="auto">
          <a:xfrm>
            <a:off x="1043608" y="1700808"/>
            <a:ext cx="4301505" cy="4278094"/>
          </a:xfrm>
          <a:prstGeom prst="rect">
            <a:avLst/>
          </a:prstGeom>
          <a:noFill/>
          <a:ln w="38100">
            <a:solidFill>
              <a:srgbClr val="226840"/>
            </a:solidFill>
            <a:miter lim="800000"/>
            <a:headEnd/>
            <a:tailEnd/>
          </a:ln>
          <a:extLst>
            <a:ext uri="{909E8E84-426E-40DD-AFC4-6F175D3DCCD1}">
              <a14:hiddenFill xmlns:a14="http://schemas.microsoft.com/office/drawing/2010/main">
                <a:solidFill>
                  <a:srgbClr val="FFFFFF"/>
                </a:solidFill>
              </a14:hiddenFill>
            </a:ext>
          </a:extLst>
        </p:spPr>
        <p:txBody>
          <a:bodyPr wrap="square">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a:lnSpc>
                <a:spcPct val="100000"/>
              </a:lnSpc>
              <a:spcBef>
                <a:spcPct val="0"/>
              </a:spcBef>
              <a:buFontTx/>
              <a:buNone/>
            </a:pPr>
            <a:r>
              <a:rPr lang="he-IL" altLang="he-IL" sz="3200"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יסודות</a:t>
            </a:r>
            <a:r>
              <a:rPr lang="en-US" altLang="he-IL" sz="3200"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 </a:t>
            </a:r>
            <a:r>
              <a:rPr lang="he-IL" altLang="he-IL" sz="3200"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הזהות</a:t>
            </a:r>
            <a:endParaRPr lang="en-US" altLang="he-IL"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a:p>
            <a:pPr algn="r">
              <a:lnSpc>
                <a:spcPct val="100000"/>
              </a:lnSpc>
              <a:spcBef>
                <a:spcPct val="0"/>
              </a:spcBef>
              <a:buFont typeface="Wingdings" panose="05000000000000000000" pitchFamily="2" charset="2"/>
              <a:buChar char="ü"/>
            </a:pPr>
            <a:r>
              <a:rPr lang="he-IL" altLang="he-IL" dirty="0">
                <a:solidFill>
                  <a:srgbClr val="000000"/>
                </a:solidFill>
                <a:latin typeface="Narkisim" panose="020E0502050101010101" pitchFamily="34" charset="-79"/>
                <a:cs typeface="Narkisim" panose="020E0502050101010101" pitchFamily="34" charset="-79"/>
              </a:rPr>
              <a:t>לאומית פלסטינית</a:t>
            </a:r>
          </a:p>
          <a:p>
            <a:pPr algn="r">
              <a:lnSpc>
                <a:spcPct val="100000"/>
              </a:lnSpc>
              <a:spcBef>
                <a:spcPct val="0"/>
              </a:spcBef>
              <a:buFont typeface="Wingdings" panose="05000000000000000000" pitchFamily="2" charset="2"/>
              <a:buChar char="ü"/>
            </a:pPr>
            <a:endParaRPr lang="he-IL" altLang="he-IL" dirty="0">
              <a:solidFill>
                <a:srgbClr val="000000"/>
              </a:solidFill>
              <a:latin typeface="Narkisim" panose="020E0502050101010101" pitchFamily="34" charset="-79"/>
              <a:cs typeface="Narkisim" panose="020E0502050101010101" pitchFamily="34" charset="-79"/>
            </a:endParaRPr>
          </a:p>
          <a:p>
            <a:pPr algn="r">
              <a:lnSpc>
                <a:spcPct val="100000"/>
              </a:lnSpc>
              <a:spcBef>
                <a:spcPct val="0"/>
              </a:spcBef>
              <a:buFont typeface="Wingdings" panose="05000000000000000000" pitchFamily="2" charset="2"/>
              <a:buChar char="ü"/>
            </a:pPr>
            <a:r>
              <a:rPr lang="he-IL" altLang="he-IL" dirty="0" err="1">
                <a:solidFill>
                  <a:srgbClr val="000000"/>
                </a:solidFill>
                <a:latin typeface="Narkisim" panose="020E0502050101010101" pitchFamily="34" charset="-79"/>
                <a:cs typeface="Narkisim" panose="020E0502050101010101" pitchFamily="34" charset="-79"/>
              </a:rPr>
              <a:t>מימד</a:t>
            </a:r>
            <a:r>
              <a:rPr lang="en-US" altLang="he-IL" dirty="0">
                <a:solidFill>
                  <a:srgbClr val="000000"/>
                </a:solidFill>
                <a:latin typeface="Narkisim" panose="020E0502050101010101" pitchFamily="34" charset="-79"/>
                <a:cs typeface="Narkisim" panose="020E0502050101010101" pitchFamily="34" charset="-79"/>
              </a:rPr>
              <a:t> </a:t>
            </a:r>
            <a:r>
              <a:rPr lang="he-IL" altLang="he-IL" dirty="0">
                <a:solidFill>
                  <a:srgbClr val="000000"/>
                </a:solidFill>
                <a:latin typeface="Narkisim" panose="020E0502050101010101" pitchFamily="34" charset="-79"/>
                <a:cs typeface="Narkisim" panose="020E0502050101010101" pitchFamily="34" charset="-79"/>
              </a:rPr>
              <a:t>תת</a:t>
            </a:r>
            <a:r>
              <a:rPr lang="en-US" altLang="he-IL" dirty="0">
                <a:solidFill>
                  <a:srgbClr val="000000"/>
                </a:solidFill>
                <a:latin typeface="Narkisim" panose="020E0502050101010101" pitchFamily="34" charset="-79"/>
                <a:cs typeface="Narkisim" panose="020E0502050101010101" pitchFamily="34" charset="-79"/>
              </a:rPr>
              <a:t>-</a:t>
            </a:r>
            <a:r>
              <a:rPr lang="he-IL" altLang="he-IL" dirty="0">
                <a:solidFill>
                  <a:srgbClr val="000000"/>
                </a:solidFill>
                <a:latin typeface="Narkisim" panose="020E0502050101010101" pitchFamily="34" charset="-79"/>
                <a:cs typeface="Narkisim" panose="020E0502050101010101" pitchFamily="34" charset="-79"/>
              </a:rPr>
              <a:t>לאומי</a:t>
            </a:r>
            <a:r>
              <a:rPr lang="en-US" altLang="he-IL" dirty="0">
                <a:solidFill>
                  <a:srgbClr val="000000"/>
                </a:solidFill>
                <a:latin typeface="Narkisim" panose="020E0502050101010101" pitchFamily="34" charset="-79"/>
                <a:cs typeface="Narkisim" panose="020E0502050101010101" pitchFamily="34" charset="-79"/>
              </a:rPr>
              <a:t>:</a:t>
            </a:r>
          </a:p>
          <a:p>
            <a:pPr lvl="1" algn="r">
              <a:lnSpc>
                <a:spcPct val="100000"/>
              </a:lnSpc>
              <a:spcBef>
                <a:spcPct val="0"/>
              </a:spcBef>
              <a:buFont typeface="Wingdings" panose="05000000000000000000" pitchFamily="2" charset="2"/>
              <a:buChar char="Ø"/>
            </a:pPr>
            <a:r>
              <a:rPr lang="he-IL" altLang="he-IL" dirty="0">
                <a:solidFill>
                  <a:srgbClr val="000000"/>
                </a:solidFill>
                <a:latin typeface="Narkisim" panose="020E0502050101010101" pitchFamily="34" charset="-79"/>
                <a:cs typeface="Narkisim" panose="020E0502050101010101" pitchFamily="34" charset="-79"/>
              </a:rPr>
              <a:t>בן</a:t>
            </a:r>
            <a:r>
              <a:rPr lang="en-US" altLang="he-IL" dirty="0">
                <a:solidFill>
                  <a:srgbClr val="000000"/>
                </a:solidFill>
                <a:latin typeface="Narkisim" panose="020E0502050101010101" pitchFamily="34" charset="-79"/>
                <a:cs typeface="Narkisim" panose="020E0502050101010101" pitchFamily="34" charset="-79"/>
              </a:rPr>
              <a:t> </a:t>
            </a:r>
            <a:r>
              <a:rPr lang="he-IL" altLang="he-IL" dirty="0">
                <a:solidFill>
                  <a:srgbClr val="000000"/>
                </a:solidFill>
                <a:latin typeface="Narkisim" panose="020E0502050101010101" pitchFamily="34" charset="-79"/>
                <a:cs typeface="Narkisim" panose="020E0502050101010101" pitchFamily="34" charset="-79"/>
              </a:rPr>
              <a:t>לזירה</a:t>
            </a:r>
            <a:r>
              <a:rPr lang="en-US" altLang="he-IL" dirty="0">
                <a:solidFill>
                  <a:srgbClr val="000000"/>
                </a:solidFill>
                <a:latin typeface="Narkisim" panose="020E0502050101010101" pitchFamily="34" charset="-79"/>
                <a:cs typeface="Narkisim" panose="020E0502050101010101" pitchFamily="34" charset="-79"/>
              </a:rPr>
              <a:t> </a:t>
            </a:r>
            <a:r>
              <a:rPr lang="he-IL" altLang="he-IL" dirty="0">
                <a:solidFill>
                  <a:srgbClr val="000000"/>
                </a:solidFill>
                <a:latin typeface="Narkisim" panose="020E0502050101010101" pitchFamily="34" charset="-79"/>
                <a:cs typeface="Narkisim" panose="020E0502050101010101" pitchFamily="34" charset="-79"/>
              </a:rPr>
              <a:t>גיאוגרפית</a:t>
            </a:r>
          </a:p>
          <a:p>
            <a:pPr lvl="1" algn="r">
              <a:lnSpc>
                <a:spcPct val="100000"/>
              </a:lnSpc>
              <a:spcBef>
                <a:spcPct val="0"/>
              </a:spcBef>
              <a:buFont typeface="Wingdings" panose="05000000000000000000" pitchFamily="2" charset="2"/>
              <a:buChar char="Ø"/>
            </a:pPr>
            <a:r>
              <a:rPr lang="he-IL" altLang="he-IL" dirty="0">
                <a:solidFill>
                  <a:srgbClr val="000000"/>
                </a:solidFill>
                <a:latin typeface="Narkisim" panose="020E0502050101010101" pitchFamily="34" charset="-79"/>
                <a:cs typeface="Narkisim" panose="020E0502050101010101" pitchFamily="34" charset="-79"/>
              </a:rPr>
              <a:t>בן</a:t>
            </a:r>
            <a:r>
              <a:rPr lang="en-US" altLang="he-IL" dirty="0">
                <a:solidFill>
                  <a:srgbClr val="000000"/>
                </a:solidFill>
                <a:latin typeface="Narkisim" panose="020E0502050101010101" pitchFamily="34" charset="-79"/>
                <a:cs typeface="Narkisim" panose="020E0502050101010101" pitchFamily="34" charset="-79"/>
              </a:rPr>
              <a:t> </a:t>
            </a:r>
            <a:r>
              <a:rPr lang="he-IL" altLang="he-IL" dirty="0">
                <a:solidFill>
                  <a:srgbClr val="000000"/>
                </a:solidFill>
                <a:latin typeface="Narkisim" panose="020E0502050101010101" pitchFamily="34" charset="-79"/>
                <a:cs typeface="Narkisim" panose="020E0502050101010101" pitchFamily="34" charset="-79"/>
              </a:rPr>
              <a:t>למגזר</a:t>
            </a:r>
            <a:r>
              <a:rPr lang="en-US" altLang="he-IL" dirty="0">
                <a:solidFill>
                  <a:srgbClr val="000000"/>
                </a:solidFill>
                <a:latin typeface="Narkisim" panose="020E0502050101010101" pitchFamily="34" charset="-79"/>
                <a:cs typeface="Narkisim" panose="020E0502050101010101" pitchFamily="34" charset="-79"/>
              </a:rPr>
              <a:t> </a:t>
            </a:r>
            <a:r>
              <a:rPr lang="he-IL" altLang="he-IL" dirty="0">
                <a:solidFill>
                  <a:srgbClr val="000000"/>
                </a:solidFill>
                <a:latin typeface="Narkisim" panose="020E0502050101010101" pitchFamily="34" charset="-79"/>
                <a:cs typeface="Narkisim" panose="020E0502050101010101" pitchFamily="34" charset="-79"/>
              </a:rPr>
              <a:t>חברתי</a:t>
            </a:r>
          </a:p>
          <a:p>
            <a:pPr lvl="1" algn="r">
              <a:lnSpc>
                <a:spcPct val="100000"/>
              </a:lnSpc>
              <a:spcBef>
                <a:spcPct val="0"/>
              </a:spcBef>
              <a:buFont typeface="Wingdings" panose="05000000000000000000" pitchFamily="2" charset="2"/>
              <a:buChar char="Ø"/>
            </a:pPr>
            <a:r>
              <a:rPr lang="he-IL" altLang="he-IL" dirty="0">
                <a:solidFill>
                  <a:srgbClr val="000000"/>
                </a:solidFill>
                <a:latin typeface="Narkisim" panose="020E0502050101010101" pitchFamily="34" charset="-79"/>
                <a:cs typeface="Narkisim" panose="020E0502050101010101" pitchFamily="34" charset="-79"/>
              </a:rPr>
              <a:t>חמולה</a:t>
            </a:r>
            <a:r>
              <a:rPr lang="en-US" altLang="he-IL" dirty="0">
                <a:solidFill>
                  <a:srgbClr val="000000"/>
                </a:solidFill>
                <a:latin typeface="Narkisim" panose="020E0502050101010101" pitchFamily="34" charset="-79"/>
                <a:cs typeface="Narkisim" panose="020E0502050101010101" pitchFamily="34" charset="-79"/>
              </a:rPr>
              <a:t>/</a:t>
            </a:r>
            <a:r>
              <a:rPr lang="he-IL" altLang="he-IL" dirty="0">
                <a:solidFill>
                  <a:srgbClr val="000000"/>
                </a:solidFill>
                <a:latin typeface="Narkisim" panose="020E0502050101010101" pitchFamily="34" charset="-79"/>
                <a:cs typeface="Narkisim" panose="020E0502050101010101" pitchFamily="34" charset="-79"/>
              </a:rPr>
              <a:t>שבט</a:t>
            </a:r>
          </a:p>
          <a:p>
            <a:pPr lvl="1" algn="r">
              <a:lnSpc>
                <a:spcPct val="100000"/>
              </a:lnSpc>
              <a:spcBef>
                <a:spcPct val="0"/>
              </a:spcBef>
              <a:buFont typeface="Wingdings" panose="05000000000000000000" pitchFamily="2" charset="2"/>
              <a:buChar char="Ø"/>
            </a:pPr>
            <a:endParaRPr lang="he-IL" altLang="he-IL" dirty="0">
              <a:solidFill>
                <a:srgbClr val="000000"/>
              </a:solidFill>
              <a:latin typeface="Narkisim" panose="020E0502050101010101" pitchFamily="34" charset="-79"/>
              <a:cs typeface="Narkisim" panose="020E0502050101010101" pitchFamily="34" charset="-79"/>
            </a:endParaRPr>
          </a:p>
          <a:p>
            <a:pPr algn="r">
              <a:lnSpc>
                <a:spcPct val="100000"/>
              </a:lnSpc>
              <a:spcBef>
                <a:spcPct val="0"/>
              </a:spcBef>
              <a:buFont typeface="Wingdings" panose="05000000000000000000" pitchFamily="2" charset="2"/>
              <a:buChar char="ü"/>
            </a:pPr>
            <a:r>
              <a:rPr lang="he-IL" altLang="he-IL" dirty="0" err="1">
                <a:solidFill>
                  <a:srgbClr val="000000"/>
                </a:solidFill>
                <a:latin typeface="Narkisim" panose="020E0502050101010101" pitchFamily="34" charset="-79"/>
                <a:cs typeface="Narkisim" panose="020E0502050101010101" pitchFamily="34" charset="-79"/>
              </a:rPr>
              <a:t>מימד</a:t>
            </a:r>
            <a:r>
              <a:rPr lang="en-US" altLang="he-IL" dirty="0">
                <a:solidFill>
                  <a:srgbClr val="000000"/>
                </a:solidFill>
                <a:latin typeface="Narkisim" panose="020E0502050101010101" pitchFamily="34" charset="-79"/>
                <a:cs typeface="Narkisim" panose="020E0502050101010101" pitchFamily="34" charset="-79"/>
              </a:rPr>
              <a:t> </a:t>
            </a:r>
            <a:r>
              <a:rPr lang="he-IL" altLang="he-IL" dirty="0">
                <a:solidFill>
                  <a:srgbClr val="000000"/>
                </a:solidFill>
                <a:latin typeface="Narkisim" panose="020E0502050101010101" pitchFamily="34" charset="-79"/>
                <a:cs typeface="Narkisim" panose="020E0502050101010101" pitchFamily="34" charset="-79"/>
              </a:rPr>
              <a:t>על</a:t>
            </a:r>
            <a:r>
              <a:rPr lang="en-US" altLang="he-IL" dirty="0">
                <a:solidFill>
                  <a:srgbClr val="000000"/>
                </a:solidFill>
                <a:latin typeface="Narkisim" panose="020E0502050101010101" pitchFamily="34" charset="-79"/>
                <a:cs typeface="Narkisim" panose="020E0502050101010101" pitchFamily="34" charset="-79"/>
              </a:rPr>
              <a:t>-</a:t>
            </a:r>
            <a:r>
              <a:rPr lang="he-IL" altLang="he-IL" dirty="0">
                <a:solidFill>
                  <a:srgbClr val="000000"/>
                </a:solidFill>
                <a:latin typeface="Narkisim" panose="020E0502050101010101" pitchFamily="34" charset="-79"/>
                <a:cs typeface="Narkisim" panose="020E0502050101010101" pitchFamily="34" charset="-79"/>
              </a:rPr>
              <a:t>לאומי</a:t>
            </a:r>
            <a:r>
              <a:rPr lang="en-US" altLang="he-IL" dirty="0">
                <a:solidFill>
                  <a:srgbClr val="000000"/>
                </a:solidFill>
                <a:latin typeface="Narkisim" panose="020E0502050101010101" pitchFamily="34" charset="-79"/>
                <a:cs typeface="Narkisim" panose="020E0502050101010101" pitchFamily="34" charset="-79"/>
              </a:rPr>
              <a:t>:</a:t>
            </a:r>
          </a:p>
          <a:p>
            <a:pPr lvl="1" algn="r">
              <a:lnSpc>
                <a:spcPct val="100000"/>
              </a:lnSpc>
              <a:spcBef>
                <a:spcPct val="0"/>
              </a:spcBef>
              <a:buFont typeface="Wingdings" panose="05000000000000000000" pitchFamily="2" charset="2"/>
              <a:buChar char="Ø"/>
            </a:pPr>
            <a:r>
              <a:rPr lang="he-IL" altLang="he-IL" dirty="0">
                <a:solidFill>
                  <a:srgbClr val="000000"/>
                </a:solidFill>
                <a:latin typeface="Narkisim" panose="020E0502050101010101" pitchFamily="34" charset="-79"/>
                <a:cs typeface="Narkisim" panose="020E0502050101010101" pitchFamily="34" charset="-79"/>
              </a:rPr>
              <a:t>בן</a:t>
            </a:r>
            <a:r>
              <a:rPr lang="en-US" altLang="he-IL" dirty="0">
                <a:solidFill>
                  <a:srgbClr val="000000"/>
                </a:solidFill>
                <a:latin typeface="Narkisim" panose="020E0502050101010101" pitchFamily="34" charset="-79"/>
                <a:cs typeface="Narkisim" panose="020E0502050101010101" pitchFamily="34" charset="-79"/>
              </a:rPr>
              <a:t> </a:t>
            </a:r>
            <a:r>
              <a:rPr lang="he-IL" altLang="he-IL" dirty="0">
                <a:solidFill>
                  <a:srgbClr val="000000"/>
                </a:solidFill>
                <a:latin typeface="Narkisim" panose="020E0502050101010101" pitchFamily="34" charset="-79"/>
                <a:cs typeface="Narkisim" panose="020E0502050101010101" pitchFamily="34" charset="-79"/>
              </a:rPr>
              <a:t>הלאום</a:t>
            </a:r>
            <a:r>
              <a:rPr lang="en-US" altLang="he-IL" dirty="0">
                <a:solidFill>
                  <a:srgbClr val="000000"/>
                </a:solidFill>
                <a:latin typeface="Narkisim" panose="020E0502050101010101" pitchFamily="34" charset="-79"/>
                <a:cs typeface="Narkisim" panose="020E0502050101010101" pitchFamily="34" charset="-79"/>
              </a:rPr>
              <a:t> </a:t>
            </a:r>
            <a:r>
              <a:rPr lang="he-IL" altLang="he-IL" dirty="0">
                <a:solidFill>
                  <a:srgbClr val="000000"/>
                </a:solidFill>
                <a:latin typeface="Narkisim" panose="020E0502050101010101" pitchFamily="34" charset="-79"/>
                <a:cs typeface="Narkisim" panose="020E0502050101010101" pitchFamily="34" charset="-79"/>
              </a:rPr>
              <a:t>הערבי</a:t>
            </a:r>
          </a:p>
          <a:p>
            <a:pPr lvl="1" algn="r">
              <a:lnSpc>
                <a:spcPct val="100000"/>
              </a:lnSpc>
              <a:spcBef>
                <a:spcPct val="0"/>
              </a:spcBef>
              <a:buFont typeface="Wingdings" panose="05000000000000000000" pitchFamily="2" charset="2"/>
              <a:buChar char="Ø"/>
            </a:pPr>
            <a:r>
              <a:rPr lang="he-IL" altLang="he-IL" dirty="0">
                <a:solidFill>
                  <a:srgbClr val="000000"/>
                </a:solidFill>
                <a:latin typeface="Narkisim" panose="020E0502050101010101" pitchFamily="34" charset="-79"/>
                <a:cs typeface="Narkisim" panose="020E0502050101010101" pitchFamily="34" charset="-79"/>
              </a:rPr>
              <a:t>בן</a:t>
            </a:r>
            <a:r>
              <a:rPr lang="en-US" altLang="he-IL" dirty="0">
                <a:solidFill>
                  <a:srgbClr val="000000"/>
                </a:solidFill>
                <a:latin typeface="Narkisim" panose="020E0502050101010101" pitchFamily="34" charset="-79"/>
                <a:cs typeface="Narkisim" panose="020E0502050101010101" pitchFamily="34" charset="-79"/>
              </a:rPr>
              <a:t> </a:t>
            </a:r>
            <a:r>
              <a:rPr lang="he-IL" altLang="he-IL" dirty="0">
                <a:solidFill>
                  <a:srgbClr val="000000"/>
                </a:solidFill>
                <a:latin typeface="Narkisim" panose="020E0502050101010101" pitchFamily="34" charset="-79"/>
                <a:cs typeface="Narkisim" panose="020E0502050101010101" pitchFamily="34" charset="-79"/>
              </a:rPr>
              <a:t>המרחב</a:t>
            </a:r>
            <a:r>
              <a:rPr lang="en-US" altLang="he-IL" dirty="0">
                <a:solidFill>
                  <a:srgbClr val="000000"/>
                </a:solidFill>
                <a:latin typeface="Narkisim" panose="020E0502050101010101" pitchFamily="34" charset="-79"/>
                <a:cs typeface="Narkisim" panose="020E0502050101010101" pitchFamily="34" charset="-79"/>
              </a:rPr>
              <a:t> </a:t>
            </a:r>
            <a:r>
              <a:rPr lang="he-IL" altLang="he-IL" dirty="0">
                <a:solidFill>
                  <a:srgbClr val="000000"/>
                </a:solidFill>
                <a:latin typeface="Narkisim" panose="020E0502050101010101" pitchFamily="34" charset="-79"/>
                <a:cs typeface="Narkisim" panose="020E0502050101010101" pitchFamily="34" charset="-79"/>
              </a:rPr>
              <a:t>המוסלמי</a:t>
            </a:r>
            <a:endParaRPr lang="en-US" altLang="he-IL" dirty="0">
              <a:solidFill>
                <a:srgbClr val="000000"/>
              </a:solidFill>
              <a:latin typeface="Narkisim" panose="020E0502050101010101" pitchFamily="34" charset="-79"/>
              <a:cs typeface="Narkisim" panose="020E0502050101010101" pitchFamily="34" charset="-79"/>
            </a:endParaRPr>
          </a:p>
        </p:txBody>
      </p:sp>
      <p:sp>
        <p:nvSpPr>
          <p:cNvPr id="260100" name="מלבן 3"/>
          <p:cNvSpPr>
            <a:spLocks noChangeArrowheads="1"/>
          </p:cNvSpPr>
          <p:nvPr/>
        </p:nvSpPr>
        <p:spPr bwMode="auto">
          <a:xfrm>
            <a:off x="1956541" y="503238"/>
            <a:ext cx="5230920" cy="6617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p>
            <a:pPr defTabSz="685983" rtl="1" fontAlgn="auto">
              <a:lnSpc>
                <a:spcPct val="90000"/>
              </a:lnSpc>
              <a:spcAft>
                <a:spcPts val="0"/>
              </a:spcAft>
            </a:pPr>
            <a:r>
              <a:rPr lang="he-IL" altLang="he-IL" sz="4000" b="1" cap="all" dirty="0">
                <a:solidFill>
                  <a:srgbClr val="0070C0"/>
                </a:solidFill>
                <a:effectLst>
                  <a:outerShdw blurRad="38100" dist="38100" dir="2700000" algn="tl">
                    <a:srgbClr val="000000">
                      <a:alpha val="43137"/>
                    </a:srgbClr>
                  </a:outerShdw>
                </a:effectLst>
                <a:latin typeface="Narkisim" panose="020E0502050101010101" pitchFamily="34" charset="-79"/>
                <a:ea typeface="+mj-ea"/>
                <a:cs typeface="Narkisim" panose="020E0502050101010101" pitchFamily="34" charset="-79"/>
              </a:rPr>
              <a:t>"תעודת הזהות הפלסטינית</a:t>
            </a:r>
            <a:r>
              <a:rPr lang="en-US" altLang="he-IL" sz="4000" b="1" cap="all" dirty="0">
                <a:solidFill>
                  <a:srgbClr val="0070C0"/>
                </a:solidFill>
                <a:effectLst>
                  <a:outerShdw blurRad="38100" dist="38100" dir="2700000" algn="tl">
                    <a:srgbClr val="000000">
                      <a:alpha val="43137"/>
                    </a:srgbClr>
                  </a:outerShdw>
                </a:effectLst>
                <a:latin typeface="Narkisim" panose="020E0502050101010101" pitchFamily="34" charset="-79"/>
                <a:ea typeface="+mj-ea"/>
                <a:cs typeface="Narkisim" panose="020E0502050101010101" pitchFamily="34" charset="-79"/>
              </a:rPr>
              <a:t>"</a:t>
            </a:r>
          </a:p>
        </p:txBody>
      </p:sp>
      <p:pic>
        <p:nvPicPr>
          <p:cNvPr id="3" name="תמונה 2"/>
          <p:cNvPicPr>
            <a:picLocks noChangeAspect="1"/>
          </p:cNvPicPr>
          <p:nvPr/>
        </p:nvPicPr>
        <p:blipFill>
          <a:blip r:embed="rId3"/>
          <a:stretch>
            <a:fillRect/>
          </a:stretch>
        </p:blipFill>
        <p:spPr>
          <a:xfrm>
            <a:off x="395536" y="5725270"/>
            <a:ext cx="8183838" cy="1808186"/>
          </a:xfrm>
          <a:prstGeom prst="rect">
            <a:avLst/>
          </a:prstGeom>
        </p:spPr>
      </p:pic>
    </p:spTree>
    <p:extLst>
      <p:ext uri="{BB962C8B-B14F-4D97-AF65-F5344CB8AC3E}">
        <p14:creationId xmlns:p14="http://schemas.microsoft.com/office/powerpoint/2010/main" val="1965580643"/>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7826" name="Rectangle 38"/>
          <p:cNvSpPr>
            <a:spLocks noChangeArrowheads="1"/>
          </p:cNvSpPr>
          <p:nvPr/>
        </p:nvSpPr>
        <p:spPr bwMode="auto">
          <a:xfrm>
            <a:off x="438150" y="1382713"/>
            <a:ext cx="2481263" cy="461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eaLnBrk="1" hangingPunct="1">
              <a:lnSpc>
                <a:spcPct val="100000"/>
              </a:lnSpc>
              <a:spcBef>
                <a:spcPct val="0"/>
              </a:spcBef>
              <a:buFontTx/>
              <a:buNone/>
            </a:pPr>
            <a:r>
              <a:rPr lang="he-IL" altLang="he-IL">
                <a:solidFill>
                  <a:srgbClr val="000000"/>
                </a:solidFill>
              </a:rPr>
              <a:t>רשות</a:t>
            </a:r>
            <a:endParaRPr lang="en-US" altLang="he-IL">
              <a:solidFill>
                <a:srgbClr val="000000"/>
              </a:solidFill>
            </a:endParaRPr>
          </a:p>
        </p:txBody>
      </p:sp>
      <p:sp>
        <p:nvSpPr>
          <p:cNvPr id="77827" name="Rectangle 39"/>
          <p:cNvSpPr>
            <a:spLocks noChangeArrowheads="1"/>
          </p:cNvSpPr>
          <p:nvPr/>
        </p:nvSpPr>
        <p:spPr bwMode="auto">
          <a:xfrm>
            <a:off x="6267450" y="1382713"/>
            <a:ext cx="2481263" cy="461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eaLnBrk="1" hangingPunct="1">
              <a:lnSpc>
                <a:spcPct val="100000"/>
              </a:lnSpc>
              <a:spcBef>
                <a:spcPct val="0"/>
              </a:spcBef>
              <a:buFontTx/>
              <a:buNone/>
            </a:pPr>
            <a:r>
              <a:rPr lang="he-IL" altLang="he-IL">
                <a:solidFill>
                  <a:srgbClr val="000000"/>
                </a:solidFill>
              </a:rPr>
              <a:t>אש"פ</a:t>
            </a:r>
            <a:endParaRPr lang="en-US" altLang="he-IL">
              <a:solidFill>
                <a:srgbClr val="000000"/>
              </a:solidFill>
            </a:endParaRPr>
          </a:p>
        </p:txBody>
      </p:sp>
      <p:pic>
        <p:nvPicPr>
          <p:cNvPr id="77828" name="Picture 57" descr="סמל%20הרשות"/>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187450" y="1912938"/>
            <a:ext cx="935038" cy="1069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7829" name="Picture 58" descr="סמל%20הפתח"/>
          <p:cNvPicPr>
            <a:picLocks noChangeAspect="1" noChangeArrowheads="1"/>
          </p:cNvPicPr>
          <p:nvPr/>
        </p:nvPicPr>
        <p:blipFill>
          <a:blip r:embed="rId5" cstate="print">
            <a:clrChange>
              <a:clrFrom>
                <a:srgbClr val="FEFEFE"/>
              </a:clrFrom>
              <a:clrTo>
                <a:srgbClr val="FEFEFE">
                  <a:alpha val="0"/>
                </a:srgbClr>
              </a:clrTo>
            </a:clrChange>
            <a:extLst>
              <a:ext uri="{28A0092B-C50C-407E-A947-70E740481C1C}">
                <a14:useLocalDpi xmlns:a14="http://schemas.microsoft.com/office/drawing/2010/main" val="0"/>
              </a:ext>
            </a:extLst>
          </a:blip>
          <a:srcRect/>
          <a:stretch>
            <a:fillRect/>
          </a:stretch>
        </p:blipFill>
        <p:spPr bwMode="auto">
          <a:xfrm>
            <a:off x="3960813" y="2044700"/>
            <a:ext cx="1331912" cy="965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aphicFrame>
        <p:nvGraphicFramePr>
          <p:cNvPr id="77830" name="Object 2"/>
          <p:cNvGraphicFramePr>
            <a:graphicFrameLocks noChangeAspect="1"/>
          </p:cNvGraphicFramePr>
          <p:nvPr/>
        </p:nvGraphicFramePr>
        <p:xfrm>
          <a:off x="7059613" y="1989138"/>
          <a:ext cx="911225" cy="1020762"/>
        </p:xfrm>
        <a:graphic>
          <a:graphicData uri="http://schemas.openxmlformats.org/presentationml/2006/ole">
            <mc:AlternateContent xmlns:mc="http://schemas.openxmlformats.org/markup-compatibility/2006">
              <mc:Choice xmlns:v="urn:schemas-microsoft-com:vml" Requires="v">
                <p:oleObj spid="_x0000_s9272" name="Image" r:id="rId6" imgW="3377778" imgH="3784127" progId="">
                  <p:embed/>
                </p:oleObj>
              </mc:Choice>
              <mc:Fallback>
                <p:oleObj name="Image" r:id="rId6" imgW="3377778" imgH="3784127" progId="">
                  <p:embed/>
                  <p:pic>
                    <p:nvPicPr>
                      <p:cNvPr id="0" name=""/>
                      <p:cNvPicPr>
                        <a:picLocks noChangeAspect="1" noChangeArrowheads="1"/>
                      </p:cNvPicPr>
                      <p:nvPr/>
                    </p:nvPicPr>
                    <p:blipFill>
                      <a:blip r:embed="rId7">
                        <a:clrChange>
                          <a:clrFrom>
                            <a:srgbClr val="FEFEFE"/>
                          </a:clrFrom>
                          <a:clrTo>
                            <a:srgbClr val="FEFEFE">
                              <a:alpha val="0"/>
                            </a:srgbClr>
                          </a:clrTo>
                        </a:clrChange>
                        <a:extLst>
                          <a:ext uri="{28A0092B-C50C-407E-A947-70E740481C1C}">
                            <a14:useLocalDpi xmlns:a14="http://schemas.microsoft.com/office/drawing/2010/main" val="0"/>
                          </a:ext>
                        </a:extLst>
                      </a:blip>
                      <a:srcRect/>
                      <a:stretch>
                        <a:fillRect/>
                      </a:stretch>
                    </p:blipFill>
                    <p:spPr bwMode="auto">
                      <a:xfrm>
                        <a:off x="7059613" y="1989138"/>
                        <a:ext cx="911225" cy="10207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oleObj>
              </mc:Fallback>
            </mc:AlternateContent>
          </a:graphicData>
        </a:graphic>
      </p:graphicFrame>
      <p:sp>
        <p:nvSpPr>
          <p:cNvPr id="77831" name="AutoShape 63">
            <a:hlinkClick r:id="" action="ppaction://hlinkshowjump?jump=nextslide" highlightClick="1"/>
          </p:cNvPr>
          <p:cNvSpPr>
            <a:spLocks noChangeArrowheads="1"/>
          </p:cNvSpPr>
          <p:nvPr/>
        </p:nvSpPr>
        <p:spPr bwMode="auto">
          <a:xfrm>
            <a:off x="6483350" y="1792288"/>
            <a:ext cx="1657350" cy="504825"/>
          </a:xfrm>
          <a:prstGeom prst="actionButtonBlank">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nchor="ct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r" eaLnBrk="1" hangingPunct="1">
              <a:lnSpc>
                <a:spcPct val="100000"/>
              </a:lnSpc>
              <a:spcBef>
                <a:spcPct val="0"/>
              </a:spcBef>
              <a:buFontTx/>
              <a:buNone/>
            </a:pPr>
            <a:endParaRPr lang="he-IL" altLang="he-IL" sz="1800" b="0">
              <a:solidFill>
                <a:srgbClr val="000000"/>
              </a:solidFill>
            </a:endParaRPr>
          </a:p>
        </p:txBody>
      </p:sp>
      <p:sp>
        <p:nvSpPr>
          <p:cNvPr id="77832" name="AutoShape 64">
            <a:hlinkClick r:id="rId8" action="ppaction://hlinksldjump" highlightClick="1"/>
          </p:cNvPr>
          <p:cNvSpPr>
            <a:spLocks noChangeArrowheads="1"/>
          </p:cNvSpPr>
          <p:nvPr/>
        </p:nvSpPr>
        <p:spPr bwMode="auto">
          <a:xfrm>
            <a:off x="3887788" y="1485900"/>
            <a:ext cx="1296987" cy="360363"/>
          </a:xfrm>
          <a:prstGeom prst="actionButtonBlank">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nchor="ct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r" eaLnBrk="1" hangingPunct="1">
              <a:lnSpc>
                <a:spcPct val="100000"/>
              </a:lnSpc>
              <a:spcBef>
                <a:spcPct val="0"/>
              </a:spcBef>
              <a:buFontTx/>
              <a:buNone/>
            </a:pPr>
            <a:endParaRPr lang="he-IL" altLang="he-IL" sz="1800" b="0">
              <a:solidFill>
                <a:srgbClr val="000000"/>
              </a:solidFill>
            </a:endParaRPr>
          </a:p>
        </p:txBody>
      </p:sp>
      <p:sp>
        <p:nvSpPr>
          <p:cNvPr id="77833" name="AutoShape 65">
            <a:hlinkClick r:id="rId9" action="ppaction://hlinksldjump" highlightClick="1"/>
          </p:cNvPr>
          <p:cNvSpPr>
            <a:spLocks noChangeArrowheads="1"/>
          </p:cNvSpPr>
          <p:nvPr/>
        </p:nvSpPr>
        <p:spPr bwMode="auto">
          <a:xfrm>
            <a:off x="1260475" y="1863725"/>
            <a:ext cx="1511300" cy="433388"/>
          </a:xfrm>
          <a:prstGeom prst="actionButtonBlank">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nchor="ct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r" eaLnBrk="1" hangingPunct="1">
              <a:lnSpc>
                <a:spcPct val="100000"/>
              </a:lnSpc>
              <a:spcBef>
                <a:spcPct val="0"/>
              </a:spcBef>
              <a:buFontTx/>
              <a:buNone/>
            </a:pPr>
            <a:endParaRPr lang="he-IL" altLang="he-IL" sz="1800" b="0">
              <a:solidFill>
                <a:srgbClr val="000000"/>
              </a:solidFill>
            </a:endParaRPr>
          </a:p>
        </p:txBody>
      </p:sp>
      <p:sp>
        <p:nvSpPr>
          <p:cNvPr id="77834" name="Rectangle 2"/>
          <p:cNvSpPr>
            <a:spLocks noChangeArrowheads="1"/>
          </p:cNvSpPr>
          <p:nvPr/>
        </p:nvSpPr>
        <p:spPr bwMode="auto">
          <a:xfrm>
            <a:off x="6192838" y="3387725"/>
            <a:ext cx="2700337" cy="2432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defTabSz="2571750"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defTabSz="2571750"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defTabSz="2571750"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defTabSz="2571750"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defTabSz="2571750"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defTabSz="2571750"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defTabSz="2571750"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defTabSz="2571750"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defTabSz="2571750"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eaLnBrk="1" hangingPunct="1">
              <a:lnSpc>
                <a:spcPct val="100000"/>
              </a:lnSpc>
              <a:spcBef>
                <a:spcPct val="30000"/>
              </a:spcBef>
              <a:spcAft>
                <a:spcPts val="1200"/>
              </a:spcAft>
              <a:buFontTx/>
              <a:buNone/>
            </a:pPr>
            <a:r>
              <a:rPr lang="he-IL" altLang="he-IL" sz="2000">
                <a:solidFill>
                  <a:srgbClr val="000000"/>
                </a:solidFill>
              </a:rPr>
              <a:t>ייצוג העם הפלסטיני כולו (כולל בפזורה)</a:t>
            </a:r>
          </a:p>
          <a:p>
            <a:pPr algn="ctr" eaLnBrk="1" hangingPunct="1">
              <a:lnSpc>
                <a:spcPct val="100000"/>
              </a:lnSpc>
              <a:spcBef>
                <a:spcPct val="30000"/>
              </a:spcBef>
              <a:spcAft>
                <a:spcPts val="1200"/>
              </a:spcAft>
              <a:buFontTx/>
              <a:buNone/>
            </a:pPr>
            <a:r>
              <a:rPr lang="he-IL" altLang="he-IL" sz="2000">
                <a:solidFill>
                  <a:srgbClr val="000000"/>
                </a:solidFill>
              </a:rPr>
              <a:t>אין ייצוג לפלגים האסלאמיים</a:t>
            </a:r>
          </a:p>
          <a:p>
            <a:pPr algn="ctr" eaLnBrk="1" hangingPunct="1">
              <a:lnSpc>
                <a:spcPct val="100000"/>
              </a:lnSpc>
              <a:spcBef>
                <a:spcPct val="30000"/>
              </a:spcBef>
              <a:spcAft>
                <a:spcPts val="1200"/>
              </a:spcAft>
              <a:buFontTx/>
              <a:buNone/>
            </a:pPr>
            <a:r>
              <a:rPr lang="he-IL" altLang="he-IL" sz="2000">
                <a:solidFill>
                  <a:srgbClr val="000000"/>
                </a:solidFill>
              </a:rPr>
              <a:t>מקור הסמכות לתהליך המדיני (ולרשות)</a:t>
            </a:r>
            <a:endParaRPr lang="he-IL" altLang="he-IL" sz="2000" b="0">
              <a:solidFill>
                <a:srgbClr val="000000"/>
              </a:solidFill>
            </a:endParaRPr>
          </a:p>
        </p:txBody>
      </p:sp>
      <p:sp>
        <p:nvSpPr>
          <p:cNvPr id="77835" name="Rectangle 39"/>
          <p:cNvSpPr>
            <a:spLocks noChangeArrowheads="1"/>
          </p:cNvSpPr>
          <p:nvPr/>
        </p:nvSpPr>
        <p:spPr bwMode="auto">
          <a:xfrm>
            <a:off x="3386138" y="1400175"/>
            <a:ext cx="2481262" cy="4603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eaLnBrk="1" hangingPunct="1">
              <a:lnSpc>
                <a:spcPct val="100000"/>
              </a:lnSpc>
              <a:spcBef>
                <a:spcPct val="0"/>
              </a:spcBef>
              <a:buFontTx/>
              <a:buNone/>
            </a:pPr>
            <a:r>
              <a:rPr lang="he-IL" altLang="he-IL">
                <a:solidFill>
                  <a:srgbClr val="000000"/>
                </a:solidFill>
              </a:rPr>
              <a:t>פתח</a:t>
            </a:r>
            <a:endParaRPr lang="en-US" altLang="he-IL">
              <a:solidFill>
                <a:srgbClr val="000000"/>
              </a:solidFill>
            </a:endParaRPr>
          </a:p>
        </p:txBody>
      </p:sp>
      <p:sp>
        <p:nvSpPr>
          <p:cNvPr id="77836" name="Rectangle 2"/>
          <p:cNvSpPr>
            <a:spLocks noChangeArrowheads="1"/>
          </p:cNvSpPr>
          <p:nvPr/>
        </p:nvSpPr>
        <p:spPr bwMode="auto">
          <a:xfrm>
            <a:off x="3367088" y="3429000"/>
            <a:ext cx="2698750" cy="24923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defTabSz="2571750"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defTabSz="2571750"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defTabSz="2571750"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defTabSz="2571750"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defTabSz="2571750"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defTabSz="2571750"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defTabSz="2571750"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defTabSz="2571750"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defTabSz="2571750"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eaLnBrk="1" hangingPunct="1">
              <a:lnSpc>
                <a:spcPct val="100000"/>
              </a:lnSpc>
              <a:spcBef>
                <a:spcPct val="30000"/>
              </a:spcBef>
              <a:spcAft>
                <a:spcPts val="1200"/>
              </a:spcAft>
              <a:buFontTx/>
              <a:buNone/>
            </a:pPr>
            <a:r>
              <a:rPr lang="he-IL" altLang="he-IL" sz="2000">
                <a:solidFill>
                  <a:srgbClr val="000000"/>
                </a:solidFill>
              </a:rPr>
              <a:t>מפלגת השלטון</a:t>
            </a:r>
          </a:p>
          <a:p>
            <a:pPr algn="ctr" eaLnBrk="1" hangingPunct="1">
              <a:lnSpc>
                <a:spcPct val="100000"/>
              </a:lnSpc>
              <a:spcBef>
                <a:spcPct val="30000"/>
              </a:spcBef>
              <a:spcAft>
                <a:spcPts val="1200"/>
              </a:spcAft>
              <a:buFontTx/>
              <a:buNone/>
            </a:pPr>
            <a:r>
              <a:rPr lang="he-IL" altLang="he-IL" sz="2000">
                <a:solidFill>
                  <a:srgbClr val="000000"/>
                </a:solidFill>
              </a:rPr>
              <a:t>סובלת מחולשות בסיסיות מובנות ("שטח" לא מתפקד; סכסוכים ופלגנות היסטורית; התנוונות וקיפאון)</a:t>
            </a:r>
            <a:endParaRPr lang="he-IL" altLang="he-IL" sz="2000" b="0">
              <a:solidFill>
                <a:srgbClr val="000000"/>
              </a:solidFill>
            </a:endParaRPr>
          </a:p>
        </p:txBody>
      </p:sp>
      <p:sp>
        <p:nvSpPr>
          <p:cNvPr id="77837" name="Rectangle 2"/>
          <p:cNvSpPr>
            <a:spLocks noChangeArrowheads="1"/>
          </p:cNvSpPr>
          <p:nvPr/>
        </p:nvSpPr>
        <p:spPr bwMode="auto">
          <a:xfrm>
            <a:off x="438150" y="3478213"/>
            <a:ext cx="2698750" cy="18764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defTabSz="2571750"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defTabSz="2571750"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defTabSz="2571750"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defTabSz="2571750"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defTabSz="2571750"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defTabSz="2571750"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defTabSz="2571750"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defTabSz="2571750"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defTabSz="2571750"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eaLnBrk="1" hangingPunct="1">
              <a:lnSpc>
                <a:spcPct val="100000"/>
              </a:lnSpc>
              <a:spcBef>
                <a:spcPct val="30000"/>
              </a:spcBef>
              <a:spcAft>
                <a:spcPts val="1200"/>
              </a:spcAft>
              <a:buFontTx/>
              <a:buNone/>
            </a:pPr>
            <a:r>
              <a:rPr lang="he-IL" altLang="he-IL" sz="2000">
                <a:solidFill>
                  <a:srgbClr val="000000"/>
                </a:solidFill>
              </a:rPr>
              <a:t>גוף השלטון הפלסטיני בשטחים</a:t>
            </a:r>
          </a:p>
          <a:p>
            <a:pPr algn="ctr" eaLnBrk="1" hangingPunct="1">
              <a:lnSpc>
                <a:spcPct val="100000"/>
              </a:lnSpc>
              <a:spcBef>
                <a:spcPct val="30000"/>
              </a:spcBef>
              <a:spcAft>
                <a:spcPts val="1200"/>
              </a:spcAft>
              <a:buFontTx/>
              <a:buNone/>
            </a:pPr>
            <a:r>
              <a:rPr lang="he-IL" altLang="he-IL" sz="2000">
                <a:solidFill>
                  <a:srgbClr val="000000"/>
                </a:solidFill>
              </a:rPr>
              <a:t>עליית הרשות כגוף המוביל, על חשבון אש"ף</a:t>
            </a:r>
          </a:p>
        </p:txBody>
      </p:sp>
      <p:sp>
        <p:nvSpPr>
          <p:cNvPr id="14" name="Title 5"/>
          <p:cNvSpPr txBox="1">
            <a:spLocks/>
          </p:cNvSpPr>
          <p:nvPr/>
        </p:nvSpPr>
        <p:spPr>
          <a:xfrm>
            <a:off x="1042988" y="225425"/>
            <a:ext cx="7705725" cy="863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fontScale="97500"/>
          </a:bodyPr>
          <a:lstStyle>
            <a:lvl1pPr algn="r" rtl="1" eaLnBrk="1" fontAlgn="base" hangingPunct="1">
              <a:spcBef>
                <a:spcPct val="0"/>
              </a:spcBef>
              <a:spcAft>
                <a:spcPct val="0"/>
              </a:spcAft>
              <a:defRPr sz="3200">
                <a:solidFill>
                  <a:schemeClr val="tx1"/>
                </a:solidFill>
                <a:latin typeface="+mj-lt"/>
                <a:ea typeface="+mj-ea"/>
                <a:cs typeface="+mj-cs"/>
              </a:defRPr>
            </a:lvl1pPr>
            <a:lvl2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2pPr>
            <a:lvl3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3pPr>
            <a:lvl4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4pPr>
            <a:lvl5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5pPr>
            <a:lvl6pPr marL="4572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6pPr>
            <a:lvl7pPr marL="9144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7pPr>
            <a:lvl8pPr marL="13716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8pPr>
            <a:lvl9pPr marL="18288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9pPr>
          </a:lstStyle>
          <a:p>
            <a:pPr algn="ctr" defTabSz="685983">
              <a:lnSpc>
                <a:spcPct val="90000"/>
              </a:lnSpc>
            </a:pPr>
            <a:r>
              <a:rPr lang="he-IL" altLang="he-IL" sz="4000" b="1" kern="0" cap="all"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את מי אנו מייצגים ?</a:t>
            </a:r>
            <a:r>
              <a:rPr lang="en-US" altLang="he-IL" sz="4000" b="1" kern="0" cap="all"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 </a:t>
            </a:r>
            <a:endParaRPr lang="he-IL" altLang="he-IL" sz="4000" b="1" kern="0" cap="all"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Tree>
    <p:extLst>
      <p:ext uri="{BB962C8B-B14F-4D97-AF65-F5344CB8AC3E}">
        <p14:creationId xmlns:p14="http://schemas.microsoft.com/office/powerpoint/2010/main" val="1526079029"/>
      </p:ext>
    </p:extLst>
  </p:cSld>
  <p:clrMapOvr>
    <a:masterClrMapping/>
  </p:clrMapOvr>
  <p:transition/>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794" name="Title 5"/>
          <p:cNvSpPr>
            <a:spLocks noGrp="1"/>
          </p:cNvSpPr>
          <p:nvPr>
            <p:ph type="title"/>
          </p:nvPr>
        </p:nvSpPr>
        <p:spPr>
          <a:xfrm>
            <a:off x="457200" y="-459432"/>
            <a:ext cx="8229600" cy="1143000"/>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p>
            <a:pPr algn="ctr" defTabSz="685983"/>
            <a:r>
              <a:rPr lang="he-IL" altLang="he-IL" sz="4000" b="1" cap="all">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מטריצת המשפיעים המערכתיים</a:t>
            </a:r>
          </a:p>
        </p:txBody>
      </p:sp>
      <p:sp>
        <p:nvSpPr>
          <p:cNvPr id="33795" name="TextBox 6"/>
          <p:cNvSpPr txBox="1">
            <a:spLocks noChangeArrowheads="1"/>
          </p:cNvSpPr>
          <p:nvPr/>
        </p:nvSpPr>
        <p:spPr bwMode="auto">
          <a:xfrm>
            <a:off x="161925" y="8078788"/>
            <a:ext cx="8720138" cy="461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eaLnBrk="1" hangingPunct="1">
              <a:lnSpc>
                <a:spcPct val="100000"/>
              </a:lnSpc>
              <a:spcBef>
                <a:spcPct val="0"/>
              </a:spcBef>
              <a:buFontTx/>
              <a:buNone/>
            </a:pPr>
            <a:endParaRPr lang="en-US" altLang="he-IL">
              <a:solidFill>
                <a:srgbClr val="000000"/>
              </a:solidFill>
              <a:latin typeface="Narkisim" panose="020E0502050101010101" pitchFamily="34" charset="-79"/>
              <a:cs typeface="Narkisim" panose="020E0502050101010101" pitchFamily="34" charset="-79"/>
            </a:endParaRPr>
          </a:p>
        </p:txBody>
      </p:sp>
      <p:graphicFrame>
        <p:nvGraphicFramePr>
          <p:cNvPr id="14" name="דיאגרמה 13"/>
          <p:cNvGraphicFramePr/>
          <p:nvPr>
            <p:extLst>
              <p:ext uri="{D42A27DB-BD31-4B8C-83A1-F6EECF244321}">
                <p14:modId xmlns:p14="http://schemas.microsoft.com/office/powerpoint/2010/main" val="1676652923"/>
              </p:ext>
            </p:extLst>
          </p:nvPr>
        </p:nvGraphicFramePr>
        <p:xfrm>
          <a:off x="0" y="1080120"/>
          <a:ext cx="9144000" cy="580526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2577066404"/>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147" name="Picture 3"/>
          <p:cNvPicPr>
            <a:picLocks noChangeAspect="1" noChangeArrowheads="1"/>
          </p:cNvPicPr>
          <p:nvPr/>
        </p:nvPicPr>
        <p:blipFill>
          <a:blip r:embed="rId2">
            <a:extLst>
              <a:ext uri="{28A0092B-C50C-407E-A947-70E740481C1C}">
                <a14:useLocalDpi xmlns:a14="http://schemas.microsoft.com/office/drawing/2010/main" val="0"/>
              </a:ext>
            </a:extLst>
          </a:blip>
          <a:srcRect l="1567" t="18810" r="13240" b="47665"/>
          <a:stretch>
            <a:fillRect/>
          </a:stretch>
        </p:blipFill>
        <p:spPr bwMode="auto">
          <a:xfrm>
            <a:off x="2051050" y="4554538"/>
            <a:ext cx="3286125" cy="2303462"/>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6148" name="Picture 2" descr="http://de-inet.services.idf/PicServer2/pic/102014/95778/666.jpg"/>
          <p:cNvPicPr>
            <a:picLocks noChangeAspect="1" noChangeArrowheads="1"/>
          </p:cNvPicPr>
          <p:nvPr/>
        </p:nvPicPr>
        <p:blipFill>
          <a:blip r:embed="rId3">
            <a:extLst>
              <a:ext uri="{28A0092B-C50C-407E-A947-70E740481C1C}">
                <a14:useLocalDpi xmlns:a14="http://schemas.microsoft.com/office/drawing/2010/main" val="0"/>
              </a:ext>
            </a:extLst>
          </a:blip>
          <a:srcRect l="25066" t="33949" r="47354" b="1137"/>
          <a:stretch>
            <a:fillRect/>
          </a:stretch>
        </p:blipFill>
        <p:spPr bwMode="auto">
          <a:xfrm>
            <a:off x="0" y="4554538"/>
            <a:ext cx="2019300" cy="2295525"/>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6149" name="Picture 5" descr="http://de-inet.services.idf/PicServer2/pic/072014/78024/abu14.jpg"/>
          <p:cNvPicPr>
            <a:picLocks noChangeAspect="1" noChangeArrowheads="1"/>
          </p:cNvPicPr>
          <p:nvPr/>
        </p:nvPicPr>
        <p:blipFill>
          <a:blip r:embed="rId4">
            <a:extLst>
              <a:ext uri="{28A0092B-C50C-407E-A947-70E740481C1C}">
                <a14:useLocalDpi xmlns:a14="http://schemas.microsoft.com/office/drawing/2010/main" val="0"/>
              </a:ext>
            </a:extLst>
          </a:blip>
          <a:srcRect l="28699" t="2173" r="35899" b="1825"/>
          <a:stretch>
            <a:fillRect/>
          </a:stretch>
        </p:blipFill>
        <p:spPr bwMode="auto">
          <a:xfrm>
            <a:off x="3446463" y="0"/>
            <a:ext cx="1800225" cy="2736850"/>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6150" name="Picture 2" descr="http://de-inet.services.idf/PicServer2/pic/082014/87305/d6.jpg"/>
          <p:cNvPicPr>
            <a:picLocks noChangeAspect="1" noChangeArrowheads="1"/>
          </p:cNvPicPr>
          <p:nvPr/>
        </p:nvPicPr>
        <p:blipFill>
          <a:blip r:embed="rId5">
            <a:extLst>
              <a:ext uri="{28A0092B-C50C-407E-A947-70E740481C1C}">
                <a14:useLocalDpi xmlns:a14="http://schemas.microsoft.com/office/drawing/2010/main" val="0"/>
              </a:ext>
            </a:extLst>
          </a:blip>
          <a:srcRect l="45949" t="33028" r="33917" b="15936"/>
          <a:stretch>
            <a:fillRect/>
          </a:stretch>
        </p:blipFill>
        <p:spPr bwMode="auto">
          <a:xfrm>
            <a:off x="1484313" y="0"/>
            <a:ext cx="1917700" cy="2736850"/>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6151" name="תמונה 18"/>
          <p:cNvPicPr>
            <a:picLocks noChangeAspect="1"/>
          </p:cNvPicPr>
          <p:nvPr/>
        </p:nvPicPr>
        <p:blipFill>
          <a:blip r:embed="rId6">
            <a:extLst>
              <a:ext uri="{28A0092B-C50C-407E-A947-70E740481C1C}">
                <a14:useLocalDpi xmlns:a14="http://schemas.microsoft.com/office/drawing/2010/main" val="0"/>
              </a:ext>
            </a:extLst>
          </a:blip>
          <a:srcRect l="25880" t="2420" r="4582" b="4893"/>
          <a:stretch>
            <a:fillRect/>
          </a:stretch>
        </p:blipFill>
        <p:spPr bwMode="auto">
          <a:xfrm>
            <a:off x="7227888" y="4554538"/>
            <a:ext cx="1917700" cy="2303462"/>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6152" name="Picture 2" descr="http://cache.daylife.com/imageserve/0ena4qY4QC7oM/439x.jpg"/>
          <p:cNvPicPr>
            <a:picLocks noChangeAspect="1" noChangeArrowheads="1"/>
          </p:cNvPicPr>
          <p:nvPr/>
        </p:nvPicPr>
        <p:blipFill>
          <a:blip r:embed="rId7">
            <a:extLst>
              <a:ext uri="{28A0092B-C50C-407E-A947-70E740481C1C}">
                <a14:useLocalDpi xmlns:a14="http://schemas.microsoft.com/office/drawing/2010/main" val="0"/>
              </a:ext>
            </a:extLst>
          </a:blip>
          <a:srcRect t="4860" r="404" b="-331"/>
          <a:stretch>
            <a:fillRect/>
          </a:stretch>
        </p:blipFill>
        <p:spPr bwMode="auto">
          <a:xfrm>
            <a:off x="5246688" y="0"/>
            <a:ext cx="1943100" cy="2754313"/>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pic>
      <p:pic>
        <p:nvPicPr>
          <p:cNvPr id="6153" name="Picture 2" descr="http://abujomaa.files.wordpress.com/2012/07/arafat.jpg"/>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19050" y="0"/>
            <a:ext cx="1711325" cy="2754313"/>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6154" name="Picture 2" descr="C:\Users\Administrator\Desktop\imagesCACLT3OW.jpg"/>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7137400" y="0"/>
            <a:ext cx="1979613" cy="2754313"/>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6155" name="Picture 6" descr="http://www.rawabi.ps/newgallery/images/20130128092810.jpg"/>
          <p:cNvPicPr>
            <a:picLocks noChangeAspect="1" noChangeArrowheads="1"/>
          </p:cNvPicPr>
          <p:nvPr/>
        </p:nvPicPr>
        <p:blipFill>
          <a:blip r:embed="rId10">
            <a:extLst>
              <a:ext uri="{28A0092B-C50C-407E-A947-70E740481C1C}">
                <a14:useLocalDpi xmlns:a14="http://schemas.microsoft.com/office/drawing/2010/main" val="0"/>
              </a:ext>
            </a:extLst>
          </a:blip>
          <a:srcRect l="11703" r="8337"/>
          <a:stretch>
            <a:fillRect/>
          </a:stretch>
        </p:blipFill>
        <p:spPr bwMode="auto">
          <a:xfrm>
            <a:off x="5337175" y="4554538"/>
            <a:ext cx="1979613" cy="2303462"/>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sp>
        <p:nvSpPr>
          <p:cNvPr id="2" name="מלבן 1"/>
          <p:cNvSpPr/>
          <p:nvPr/>
        </p:nvSpPr>
        <p:spPr>
          <a:xfrm>
            <a:off x="1601103" y="2924944"/>
            <a:ext cx="5769529" cy="1200329"/>
          </a:xfrm>
          <a:prstGeom prst="rect">
            <a:avLst/>
          </a:prstGeom>
        </p:spPr>
        <p:txBody>
          <a:bodyPr wrap="none">
            <a:spAutoFit/>
          </a:bodyPr>
          <a:lstStyle/>
          <a:p>
            <a:r>
              <a:rPr lang="he-IL" sz="7200" b="1" cap="all"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מעצבים מרכזיים</a:t>
            </a:r>
          </a:p>
        </p:txBody>
      </p:sp>
    </p:spTree>
    <p:extLst>
      <p:ext uri="{BB962C8B-B14F-4D97-AF65-F5344CB8AC3E}">
        <p14:creationId xmlns:p14="http://schemas.microsoft.com/office/powerpoint/2010/main" val="3544762107"/>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bg>
      <p:bgPr>
        <a:blipFill dpi="0" rotWithShape="0">
          <a:blip r:embed="rId4"/>
          <a:srcRect/>
          <a:stretch>
            <a:fillRect/>
          </a:stretch>
        </a:blipFill>
        <a:effectLst/>
      </p:bgPr>
    </p:bg>
    <p:spTree>
      <p:nvGrpSpPr>
        <p:cNvPr id="1" name=""/>
        <p:cNvGrpSpPr/>
        <p:nvPr/>
      </p:nvGrpSpPr>
      <p:grpSpPr>
        <a:xfrm>
          <a:off x="0" y="0"/>
          <a:ext cx="0" cy="0"/>
          <a:chOff x="0" y="0"/>
          <a:chExt cx="0" cy="0"/>
        </a:xfrm>
      </p:grpSpPr>
      <p:pic>
        <p:nvPicPr>
          <p:cNvPr id="19458" name="Picture 5" descr="C:\Users\Administrator\Desktop\15.jp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98425" y="3608388"/>
            <a:ext cx="4295775" cy="2655887"/>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19459" name="Picture 2" descr="http://www.haaretz.com/polopoly_fs/1.426002.1335177514!/image/1793892528.jpg_gen/derivatives/landscape_295/1793892528.jpg"/>
          <p:cNvPicPr>
            <a:picLocks noChangeAspect="1" noChangeArrowheads="1"/>
          </p:cNvPicPr>
          <p:nvPr/>
        </p:nvPicPr>
        <p:blipFill>
          <a:blip r:embed="rId6">
            <a:extLst>
              <a:ext uri="{28A0092B-C50C-407E-A947-70E740481C1C}">
                <a14:useLocalDpi xmlns:a14="http://schemas.microsoft.com/office/drawing/2010/main" val="0"/>
              </a:ext>
            </a:extLst>
          </a:blip>
          <a:srcRect b="14929"/>
          <a:stretch>
            <a:fillRect/>
          </a:stretch>
        </p:blipFill>
        <p:spPr bwMode="auto">
          <a:xfrm>
            <a:off x="4762500" y="3605213"/>
            <a:ext cx="4152900" cy="2620962"/>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19460" name="Picture 2" descr="http://zainurrashid.com/wp-content/uploads/2011/06/mashaal-abbas.jpg"/>
          <p:cNvPicPr>
            <a:picLocks noChangeAspect="1" noChangeArrowheads="1"/>
          </p:cNvPicPr>
          <p:nvPr/>
        </p:nvPicPr>
        <p:blipFill>
          <a:blip r:embed="rId7">
            <a:extLst>
              <a:ext uri="{28A0092B-C50C-407E-A947-70E740481C1C}">
                <a14:useLocalDpi xmlns:a14="http://schemas.microsoft.com/office/drawing/2010/main" val="0"/>
              </a:ext>
            </a:extLst>
          </a:blip>
          <a:srcRect l="14371" r="10587" b="4791"/>
          <a:stretch>
            <a:fillRect/>
          </a:stretch>
        </p:blipFill>
        <p:spPr bwMode="auto">
          <a:xfrm>
            <a:off x="2504727" y="568325"/>
            <a:ext cx="4227513" cy="2638425"/>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pic>
      <p:sp>
        <p:nvSpPr>
          <p:cNvPr id="19461" name="Text Placeholder 143"/>
          <p:cNvSpPr>
            <a:spLocks noGrp="1"/>
          </p:cNvSpPr>
          <p:nvPr>
            <p:ph type="body" sz="quarter" idx="15"/>
          </p:nvPr>
        </p:nvSpPr>
        <p:spPr>
          <a:xfrm>
            <a:off x="4743450" y="5562600"/>
            <a:ext cx="4187825" cy="663575"/>
          </a:xfrm>
          <a:solidFill>
            <a:schemeClr val="tx1"/>
          </a:solidFill>
          <a:ln w="9525">
            <a:noFill/>
            <a:miter lim="800000"/>
            <a:headEnd/>
            <a:tailEnd/>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none" anchor="ctr"/>
          <a:lstStyle/>
          <a:p>
            <a:pPr>
              <a:spcBef>
                <a:spcPct val="0"/>
              </a:spcBef>
            </a:pPr>
            <a:r>
              <a:rPr lang="he-IL" altLang="he-IL" sz="3600" b="1" kern="1200">
                <a:solidFill>
                  <a:srgbClr val="FFFFFF"/>
                </a:solidFill>
                <a:latin typeface="Narkisim" panose="020E0502050101010101" pitchFamily="34" charset="-79"/>
                <a:cs typeface="Narkisim" panose="020E0502050101010101" pitchFamily="34" charset="-79"/>
              </a:rPr>
              <a:t>איו"ש</a:t>
            </a:r>
          </a:p>
        </p:txBody>
      </p:sp>
      <p:sp>
        <p:nvSpPr>
          <p:cNvPr id="19462" name="Text Placeholder 55"/>
          <p:cNvSpPr>
            <a:spLocks noGrp="1"/>
          </p:cNvSpPr>
          <p:nvPr>
            <p:ph type="body" sz="quarter" idx="17"/>
          </p:nvPr>
        </p:nvSpPr>
        <p:spPr>
          <a:xfrm>
            <a:off x="2514252" y="2543175"/>
            <a:ext cx="4176713" cy="663575"/>
          </a:xfrm>
          <a:solidFill>
            <a:schemeClr val="tx1"/>
          </a:solidFill>
          <a:ln w="9525">
            <a:noFill/>
            <a:miter lim="800000"/>
            <a:headEnd/>
            <a:tailEnd/>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none" anchor="ctr"/>
          <a:lstStyle/>
          <a:p>
            <a:pPr>
              <a:spcBef>
                <a:spcPct val="0"/>
              </a:spcBef>
            </a:pPr>
            <a:r>
              <a:rPr lang="he-IL" altLang="he-IL" sz="3600" b="1" kern="1200" dirty="0">
                <a:solidFill>
                  <a:srgbClr val="FFFFFF"/>
                </a:solidFill>
                <a:latin typeface="Narkisim" panose="020E0502050101010101" pitchFamily="34" charset="-79"/>
                <a:cs typeface="Narkisim" panose="020E0502050101010101" pitchFamily="34" charset="-79"/>
              </a:rPr>
              <a:t>רש"פ/</a:t>
            </a:r>
            <a:r>
              <a:rPr lang="he-IL" altLang="he-IL" sz="3600" b="1" kern="1200" dirty="0" err="1">
                <a:solidFill>
                  <a:srgbClr val="FFFFFF"/>
                </a:solidFill>
                <a:latin typeface="Narkisim" panose="020E0502050101010101" pitchFamily="34" charset="-79"/>
                <a:cs typeface="Narkisim" panose="020E0502050101010101" pitchFamily="34" charset="-79"/>
              </a:rPr>
              <a:t>חמא"ס</a:t>
            </a:r>
            <a:endParaRPr lang="he-IL" altLang="he-IL" sz="3600" b="1" kern="1200" dirty="0">
              <a:solidFill>
                <a:srgbClr val="FFFFFF"/>
              </a:solidFill>
              <a:latin typeface="Narkisim" panose="020E0502050101010101" pitchFamily="34" charset="-79"/>
              <a:cs typeface="Narkisim" panose="020E0502050101010101" pitchFamily="34" charset="-79"/>
            </a:endParaRPr>
          </a:p>
        </p:txBody>
      </p:sp>
      <p:sp>
        <p:nvSpPr>
          <p:cNvPr id="19463" name="Text Placeholder 144"/>
          <p:cNvSpPr>
            <a:spLocks noGrp="1"/>
          </p:cNvSpPr>
          <p:nvPr>
            <p:ph type="body" sz="quarter" idx="19"/>
          </p:nvPr>
        </p:nvSpPr>
        <p:spPr>
          <a:xfrm>
            <a:off x="114300" y="5505450"/>
            <a:ext cx="4319588" cy="741363"/>
          </a:xfrm>
          <a:solidFill>
            <a:schemeClr val="tx1"/>
          </a:solidFill>
          <a:ln w="9525">
            <a:noFill/>
            <a:miter lim="800000"/>
            <a:headEnd/>
            <a:tailEnd/>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none" anchor="ctr"/>
          <a:lstStyle/>
          <a:p>
            <a:pPr>
              <a:spcBef>
                <a:spcPct val="0"/>
              </a:spcBef>
            </a:pPr>
            <a:r>
              <a:rPr lang="he-IL" altLang="he-IL" sz="3600" b="1" kern="1200">
                <a:solidFill>
                  <a:srgbClr val="FFFFFF"/>
                </a:solidFill>
                <a:latin typeface="Narkisim" panose="020E0502050101010101" pitchFamily="34" charset="-79"/>
                <a:cs typeface="Narkisim" panose="020E0502050101010101" pitchFamily="34" charset="-79"/>
              </a:rPr>
              <a:t>רצועת עזה</a:t>
            </a:r>
          </a:p>
        </p:txBody>
      </p:sp>
      <p:pic>
        <p:nvPicPr>
          <p:cNvPr id="14" name="מציין מיקום של תמונה מקוונת 1"/>
          <p:cNvPicPr>
            <a:picLocks noChangeAspect="1"/>
          </p:cNvPicPr>
          <p:nvPr/>
        </p:nvPicPr>
        <p:blipFill>
          <a:blip r:embed="rId8">
            <a:extLst>
              <a:ext uri="{28A0092B-C50C-407E-A947-70E740481C1C}">
                <a14:useLocalDpi xmlns:a14="http://schemas.microsoft.com/office/drawing/2010/main" val="0"/>
              </a:ext>
            </a:extLst>
          </a:blip>
          <a:stretch>
            <a:fillRect/>
          </a:stretch>
        </p:blipFill>
        <p:spPr bwMode="auto">
          <a:xfrm>
            <a:off x="18132" y="1556792"/>
            <a:ext cx="2299618" cy="152822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5" name="Picture 2" descr="C:\Users\Administrator\Desktop\imagesCACLT3OW.jpg"/>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6837362" y="1357819"/>
            <a:ext cx="1944687" cy="1727200"/>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662128613"/>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bg>
      <p:bgPr>
        <a:blipFill dpi="0" rotWithShape="0">
          <a:blip r:embed="rId4"/>
          <a:srcRect/>
          <a:stretch>
            <a:fillRect/>
          </a:stretch>
        </a:blipFill>
        <a:effectLst/>
      </p:bgPr>
    </p:bg>
    <p:spTree>
      <p:nvGrpSpPr>
        <p:cNvPr id="1" name=""/>
        <p:cNvGrpSpPr/>
        <p:nvPr/>
      </p:nvGrpSpPr>
      <p:grpSpPr>
        <a:xfrm>
          <a:off x="0" y="0"/>
          <a:ext cx="0" cy="0"/>
          <a:chOff x="0" y="0"/>
          <a:chExt cx="0" cy="0"/>
        </a:xfrm>
      </p:grpSpPr>
      <p:sp>
        <p:nvSpPr>
          <p:cNvPr id="52226" name="Title 5"/>
          <p:cNvSpPr>
            <a:spLocks noGrp="1"/>
          </p:cNvSpPr>
          <p:nvPr>
            <p:ph type="title"/>
          </p:nvPr>
        </p:nvSpPr>
        <p:spPr>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fontScale="90000"/>
          </a:bodyPr>
          <a:lstStyle/>
          <a:p>
            <a:pPr algn="ctr" defTabSz="685983">
              <a:lnSpc>
                <a:spcPct val="90000"/>
              </a:lnSpc>
            </a:pPr>
            <a:r>
              <a:rPr lang="he-IL" altLang="he-IL" sz="4000" b="1" cap="all"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פיצול גיאוגרפי, מהותי, דתי, תפיסתי, פוליטי</a:t>
            </a:r>
            <a:endParaRPr lang="he-IL" altLang="he-IL" sz="4000" b="1" cap="all"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
        <p:nvSpPr>
          <p:cNvPr id="52227" name="TextBox 6"/>
          <p:cNvSpPr txBox="1">
            <a:spLocks noChangeArrowheads="1"/>
          </p:cNvSpPr>
          <p:nvPr/>
        </p:nvSpPr>
        <p:spPr bwMode="auto">
          <a:xfrm>
            <a:off x="161925" y="5013176"/>
            <a:ext cx="8720138" cy="1200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nSpc>
                <a:spcPct val="100000"/>
              </a:lnSpc>
              <a:spcBef>
                <a:spcPct val="0"/>
              </a:spcBef>
              <a:buFontTx/>
              <a:buNone/>
            </a:pPr>
            <a:r>
              <a:rPr lang="he-IL" altLang="he-IL" dirty="0">
                <a:solidFill>
                  <a:srgbClr val="000000"/>
                </a:solidFill>
                <a:latin typeface="Narkisim" panose="020E0502050101010101" pitchFamily="34" charset="-79"/>
                <a:cs typeface="Narkisim" panose="020E0502050101010101" pitchFamily="34" charset="-79"/>
              </a:rPr>
              <a:t>עם פלסטיני אחד; מאז 2007, שתי ישויות נפרדות (טריטוריאלית ואידיאולוגית); שלושה "מאבקים": מול ישראל ("שחרור פלסטין"), פנים-פלסטיני (פתח-חמאס) ואזורי (מחנות).</a:t>
            </a:r>
            <a:endParaRPr lang="en-US" altLang="he-IL" dirty="0">
              <a:solidFill>
                <a:srgbClr val="000000"/>
              </a:solidFill>
              <a:latin typeface="Narkisim" panose="020E0502050101010101" pitchFamily="34" charset="-79"/>
              <a:cs typeface="Narkisim" panose="020E0502050101010101" pitchFamily="34" charset="-79"/>
            </a:endParaRPr>
          </a:p>
        </p:txBody>
      </p:sp>
      <p:pic>
        <p:nvPicPr>
          <p:cNvPr id="52228" name="Picture 9" descr="מציאות הבידול"/>
          <p:cNvPicPr>
            <a:picLocks noChangeAspect="1" noChangeArrowheads="1"/>
          </p:cNvPicPr>
          <p:nvPr/>
        </p:nvPicPr>
        <p:blipFill>
          <a:blip r:embed="rId5">
            <a:extLst>
              <a:ext uri="{28A0092B-C50C-407E-A947-70E740481C1C}">
                <a14:useLocalDpi xmlns:a14="http://schemas.microsoft.com/office/drawing/2010/main" val="0"/>
              </a:ext>
            </a:extLst>
          </a:blip>
          <a:srcRect l="2151" t="1276" r="3249" b="11626"/>
          <a:stretch>
            <a:fillRect/>
          </a:stretch>
        </p:blipFill>
        <p:spPr bwMode="auto">
          <a:xfrm>
            <a:off x="5327352" y="1196752"/>
            <a:ext cx="3853159" cy="3816424"/>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6" name="Picture 2"/>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5497" y="1196752"/>
            <a:ext cx="3096344" cy="381642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TextBox 4"/>
          <p:cNvSpPr txBox="1">
            <a:spLocks noChangeArrowheads="1"/>
          </p:cNvSpPr>
          <p:nvPr/>
        </p:nvSpPr>
        <p:spPr bwMode="auto">
          <a:xfrm>
            <a:off x="2951818" y="2187575"/>
            <a:ext cx="2195513"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a:lnSpc>
                <a:spcPct val="100000"/>
              </a:lnSpc>
              <a:spcBef>
                <a:spcPct val="0"/>
              </a:spcBef>
              <a:buFontTx/>
              <a:buNone/>
            </a:pPr>
            <a:r>
              <a:rPr lang="he-IL" altLang="he-IL" sz="2200" dirty="0" smtClean="0">
                <a:solidFill>
                  <a:srgbClr val="000000"/>
                </a:solidFill>
                <a:latin typeface="Narkisim" panose="020E0502050101010101" pitchFamily="34" charset="-79"/>
                <a:cs typeface="Narkisim" panose="020E0502050101010101" pitchFamily="34" charset="-79"/>
              </a:rPr>
              <a:t>שתי </a:t>
            </a:r>
            <a:r>
              <a:rPr lang="he-IL" altLang="he-IL" sz="2200" dirty="0">
                <a:solidFill>
                  <a:srgbClr val="000000"/>
                </a:solidFill>
                <a:latin typeface="Narkisim" panose="020E0502050101010101" pitchFamily="34" charset="-79"/>
                <a:cs typeface="Narkisim" panose="020E0502050101010101" pitchFamily="34" charset="-79"/>
              </a:rPr>
              <a:t>מדינות </a:t>
            </a:r>
            <a:endParaRPr lang="he-IL" altLang="he-IL" sz="2200" dirty="0" smtClean="0">
              <a:solidFill>
                <a:srgbClr val="000000"/>
              </a:solidFill>
              <a:latin typeface="Narkisim" panose="020E0502050101010101" pitchFamily="34" charset="-79"/>
              <a:cs typeface="Narkisim" panose="020E0502050101010101" pitchFamily="34" charset="-79"/>
            </a:endParaRPr>
          </a:p>
          <a:p>
            <a:pPr algn="ctr">
              <a:lnSpc>
                <a:spcPct val="100000"/>
              </a:lnSpc>
              <a:spcBef>
                <a:spcPct val="0"/>
              </a:spcBef>
              <a:buFontTx/>
              <a:buNone/>
            </a:pPr>
            <a:r>
              <a:rPr lang="he-IL" altLang="he-IL" sz="2200" dirty="0" smtClean="0">
                <a:solidFill>
                  <a:srgbClr val="000000"/>
                </a:solidFill>
                <a:latin typeface="Narkisim" panose="020E0502050101010101" pitchFamily="34" charset="-79"/>
                <a:cs typeface="Narkisim" panose="020E0502050101010101" pitchFamily="34" charset="-79"/>
              </a:rPr>
              <a:t>לעם אחד?</a:t>
            </a:r>
            <a:endParaRPr lang="he-IL" altLang="he-IL" sz="2200" dirty="0">
              <a:solidFill>
                <a:srgbClr val="000000"/>
              </a:solidFill>
              <a:latin typeface="Narkisim" panose="020E0502050101010101" pitchFamily="34" charset="-79"/>
              <a:cs typeface="Narkisim" panose="020E0502050101010101" pitchFamily="34" charset="-79"/>
            </a:endParaRPr>
          </a:p>
        </p:txBody>
      </p:sp>
      <p:sp>
        <p:nvSpPr>
          <p:cNvPr id="8" name="TextBox 4"/>
          <p:cNvSpPr txBox="1">
            <a:spLocks noChangeArrowheads="1"/>
          </p:cNvSpPr>
          <p:nvPr/>
        </p:nvSpPr>
        <p:spPr bwMode="auto">
          <a:xfrm>
            <a:off x="2951819" y="4221088"/>
            <a:ext cx="2195513"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a:lnSpc>
                <a:spcPct val="100000"/>
              </a:lnSpc>
              <a:spcBef>
                <a:spcPct val="0"/>
              </a:spcBef>
              <a:buFontTx/>
              <a:buNone/>
            </a:pPr>
            <a:r>
              <a:rPr lang="he-IL" altLang="he-IL" sz="2200" dirty="0" smtClean="0">
                <a:solidFill>
                  <a:srgbClr val="000000"/>
                </a:solidFill>
                <a:latin typeface="Narkisim" panose="020E0502050101010101" pitchFamily="34" charset="-79"/>
                <a:cs typeface="Narkisim" panose="020E0502050101010101" pitchFamily="34" charset="-79"/>
              </a:rPr>
              <a:t>"שלוש מדינות </a:t>
            </a:r>
          </a:p>
          <a:p>
            <a:pPr algn="ctr">
              <a:lnSpc>
                <a:spcPct val="100000"/>
              </a:lnSpc>
              <a:spcBef>
                <a:spcPct val="0"/>
              </a:spcBef>
              <a:buFontTx/>
              <a:buNone/>
            </a:pPr>
            <a:r>
              <a:rPr lang="he-IL" altLang="he-IL" sz="2200" dirty="0" smtClean="0">
                <a:solidFill>
                  <a:srgbClr val="000000"/>
                </a:solidFill>
                <a:latin typeface="Narkisim" panose="020E0502050101010101" pitchFamily="34" charset="-79"/>
                <a:cs typeface="Narkisim" panose="020E0502050101010101" pitchFamily="34" charset="-79"/>
              </a:rPr>
              <a:t>לשני עמים</a:t>
            </a:r>
            <a:r>
              <a:rPr lang="en-US" altLang="he-IL" sz="2200" dirty="0" smtClean="0">
                <a:solidFill>
                  <a:srgbClr val="000000"/>
                </a:solidFill>
                <a:latin typeface="Narkisim" panose="020E0502050101010101" pitchFamily="34" charset="-79"/>
                <a:cs typeface="Narkisim" panose="020E0502050101010101" pitchFamily="34" charset="-79"/>
              </a:rPr>
              <a:t> </a:t>
            </a:r>
            <a:r>
              <a:rPr lang="he-IL" altLang="he-IL" sz="2200" dirty="0" smtClean="0">
                <a:solidFill>
                  <a:srgbClr val="000000"/>
                </a:solidFill>
                <a:latin typeface="Narkisim" panose="020E0502050101010101" pitchFamily="34" charset="-79"/>
                <a:cs typeface="Narkisim" panose="020E0502050101010101" pitchFamily="34" charset="-79"/>
              </a:rPr>
              <a:t>? </a:t>
            </a:r>
            <a:endParaRPr lang="he-IL" altLang="he-IL" sz="2200" dirty="0">
              <a:solidFill>
                <a:srgbClr val="000000"/>
              </a:solidFill>
              <a:latin typeface="Narkisim" panose="020E0502050101010101" pitchFamily="34" charset="-79"/>
              <a:cs typeface="Narkisim" panose="020E0502050101010101" pitchFamily="34" charset="-79"/>
            </a:endParaRPr>
          </a:p>
        </p:txBody>
      </p:sp>
      <p:sp>
        <p:nvSpPr>
          <p:cNvPr id="9" name="TextBox 4"/>
          <p:cNvSpPr txBox="1">
            <a:spLocks noChangeArrowheads="1"/>
          </p:cNvSpPr>
          <p:nvPr/>
        </p:nvSpPr>
        <p:spPr bwMode="auto">
          <a:xfrm>
            <a:off x="2987824" y="1268760"/>
            <a:ext cx="2195513"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a:lnSpc>
                <a:spcPct val="100000"/>
              </a:lnSpc>
              <a:spcBef>
                <a:spcPct val="0"/>
              </a:spcBef>
              <a:buFontTx/>
              <a:buNone/>
            </a:pPr>
            <a:r>
              <a:rPr lang="he-IL" altLang="he-IL" sz="2200" dirty="0" smtClean="0">
                <a:solidFill>
                  <a:srgbClr val="000000"/>
                </a:solidFill>
                <a:latin typeface="Narkisim" panose="020E0502050101010101" pitchFamily="34" charset="-79"/>
                <a:cs typeface="Narkisim" panose="020E0502050101010101" pitchFamily="34" charset="-79"/>
              </a:rPr>
              <a:t>שתי מדינות </a:t>
            </a:r>
          </a:p>
          <a:p>
            <a:pPr algn="ctr">
              <a:lnSpc>
                <a:spcPct val="100000"/>
              </a:lnSpc>
              <a:spcBef>
                <a:spcPct val="0"/>
              </a:spcBef>
              <a:buFontTx/>
              <a:buNone/>
            </a:pPr>
            <a:r>
              <a:rPr lang="he-IL" altLang="he-IL" sz="2200" dirty="0" smtClean="0">
                <a:solidFill>
                  <a:srgbClr val="000000"/>
                </a:solidFill>
                <a:latin typeface="Narkisim" panose="020E0502050101010101" pitchFamily="34" charset="-79"/>
                <a:cs typeface="Narkisim" panose="020E0502050101010101" pitchFamily="34" charset="-79"/>
              </a:rPr>
              <a:t>לשני עמים</a:t>
            </a:r>
            <a:endParaRPr lang="he-IL" altLang="he-IL" sz="2200" dirty="0">
              <a:solidFill>
                <a:srgbClr val="000000"/>
              </a:solidFill>
              <a:latin typeface="Narkisim" panose="020E0502050101010101" pitchFamily="34" charset="-79"/>
              <a:cs typeface="Narkisim" panose="020E0502050101010101" pitchFamily="34" charset="-79"/>
            </a:endParaRPr>
          </a:p>
        </p:txBody>
      </p:sp>
      <p:sp>
        <p:nvSpPr>
          <p:cNvPr id="10" name="TextBox 4"/>
          <p:cNvSpPr txBox="1">
            <a:spLocks noChangeArrowheads="1"/>
          </p:cNvSpPr>
          <p:nvPr/>
        </p:nvSpPr>
        <p:spPr bwMode="auto">
          <a:xfrm>
            <a:off x="2987824" y="3163615"/>
            <a:ext cx="2451255" cy="7694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a:lnSpc>
                <a:spcPct val="100000"/>
              </a:lnSpc>
              <a:spcBef>
                <a:spcPct val="0"/>
              </a:spcBef>
              <a:buFontTx/>
              <a:buNone/>
            </a:pPr>
            <a:r>
              <a:rPr lang="he-IL" altLang="he-IL" sz="2200" dirty="0" smtClean="0">
                <a:solidFill>
                  <a:srgbClr val="000000"/>
                </a:solidFill>
                <a:latin typeface="Narkisim" panose="020E0502050101010101" pitchFamily="34" charset="-79"/>
                <a:cs typeface="Narkisim" panose="020E0502050101010101" pitchFamily="34" charset="-79"/>
              </a:rPr>
              <a:t>מדינה דו-לאומית מהנהר ועד הים ? </a:t>
            </a:r>
            <a:endParaRPr lang="he-IL" altLang="he-IL" sz="2200" dirty="0">
              <a:solidFill>
                <a:srgbClr val="000000"/>
              </a:solidFill>
              <a:latin typeface="Narkisim" panose="020E0502050101010101" pitchFamily="34" charset="-79"/>
              <a:cs typeface="Narkisim" panose="020E0502050101010101" pitchFamily="34" charset="-79"/>
            </a:endParaRPr>
          </a:p>
        </p:txBody>
      </p:sp>
      <p:sp>
        <p:nvSpPr>
          <p:cNvPr id="2" name="TextBox 1"/>
          <p:cNvSpPr txBox="1"/>
          <p:nvPr/>
        </p:nvSpPr>
        <p:spPr>
          <a:xfrm>
            <a:off x="0" y="6220270"/>
            <a:ext cx="9396349" cy="523220"/>
          </a:xfrm>
          <a:prstGeom prst="rect">
            <a:avLst/>
          </a:prstGeom>
          <a:noFill/>
        </p:spPr>
        <p:txBody>
          <a:bodyPr wrap="square" rtlCol="1">
            <a:spAutoFit/>
          </a:bodyPr>
          <a:lstStyle/>
          <a:p>
            <a:r>
              <a:rPr lang="he-IL" sz="2800" b="1" dirty="0" smtClean="0">
                <a:solidFill>
                  <a:srgbClr val="FF0000"/>
                </a:solidFill>
              </a:rPr>
              <a:t>בתכלית האסטרטגית שלנו כרגע – מדינה אחת לכל הפלסטינים</a:t>
            </a:r>
            <a:endParaRPr lang="he-IL" sz="2800" b="1" dirty="0">
              <a:solidFill>
                <a:srgbClr val="FF0000"/>
              </a:solidFill>
            </a:endParaRPr>
          </a:p>
        </p:txBody>
      </p:sp>
    </p:spTree>
    <p:extLst>
      <p:ext uri="{BB962C8B-B14F-4D97-AF65-F5344CB8AC3E}">
        <p14:creationId xmlns:p14="http://schemas.microsoft.com/office/powerpoint/2010/main" val="3898854426"/>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bg>
      <p:bgPr>
        <a:blipFill dpi="0" rotWithShape="0">
          <a:blip r:embed="rId4"/>
          <a:srcRect/>
          <a:stretch>
            <a:fillRect/>
          </a:stretch>
        </a:blipFill>
        <a:effectLst/>
      </p:bgPr>
    </p:bg>
    <p:spTree>
      <p:nvGrpSpPr>
        <p:cNvPr id="1" name=""/>
        <p:cNvGrpSpPr/>
        <p:nvPr/>
      </p:nvGrpSpPr>
      <p:grpSpPr>
        <a:xfrm>
          <a:off x="0" y="0"/>
          <a:ext cx="0" cy="0"/>
          <a:chOff x="0" y="0"/>
          <a:chExt cx="0" cy="0"/>
        </a:xfrm>
      </p:grpSpPr>
      <p:pic>
        <p:nvPicPr>
          <p:cNvPr id="19458" name="Picture 208" descr="http://www.maannews.net/images/PhotoViewer/197880.jpg"/>
          <p:cNvPicPr preferRelativeResize="0">
            <a:picLocks noChangeArrowheads="1"/>
          </p:cNvPicPr>
          <p:nvPr/>
        </p:nvPicPr>
        <p:blipFill>
          <a:blip r:embed="rId5" cstate="print"/>
          <a:srcRect l="4814" t="2843" r="30634"/>
          <a:stretch>
            <a:fillRect/>
          </a:stretch>
        </p:blipFill>
        <p:spPr bwMode="auto">
          <a:xfrm>
            <a:off x="158750" y="1268760"/>
            <a:ext cx="2809875" cy="2822575"/>
          </a:xfrm>
          <a:prstGeom prst="rect">
            <a:avLst/>
          </a:prstGeom>
          <a:noFill/>
          <a:ln w="9525">
            <a:noFill/>
            <a:miter lim="800000"/>
            <a:headEnd/>
            <a:tailEnd/>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pic>
      <p:sp>
        <p:nvSpPr>
          <p:cNvPr id="54275" name="Title 5"/>
          <p:cNvSpPr>
            <a:spLocks noGrp="1"/>
          </p:cNvSpPr>
          <p:nvPr>
            <p:ph type="title"/>
          </p:nvPr>
        </p:nvSpPr>
        <p:spPr>
          <a:xfrm>
            <a:off x="899592" y="45120"/>
            <a:ext cx="7705725" cy="863600"/>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p>
            <a:pPr algn="ctr" defTabSz="685983">
              <a:lnSpc>
                <a:spcPct val="90000"/>
              </a:lnSpc>
            </a:pPr>
            <a:r>
              <a:rPr lang="he-IL" altLang="he-IL" sz="4000" b="1" cap="all"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a:t>
            </a:r>
            <a:r>
              <a:rPr lang="he-IL" altLang="he-IL" sz="4000" b="1" cap="all"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רעיונות מסדרים" לניהול "המאבק"</a:t>
            </a:r>
          </a:p>
        </p:txBody>
      </p:sp>
      <p:pic>
        <p:nvPicPr>
          <p:cNvPr id="19460" name="Picture 4" descr="http://c481901.r1.cf2.rackcdn.com/wp-content/uploads/2010/09/aaaaa0903-Obama-US-Mideast-Talks_full_600.gif"/>
          <p:cNvPicPr>
            <a:picLocks noChangeAspect="1" noChangeArrowheads="1"/>
          </p:cNvPicPr>
          <p:nvPr/>
        </p:nvPicPr>
        <p:blipFill>
          <a:blip r:embed="rId6" cstate="print"/>
          <a:srcRect l="2013" r="3905"/>
          <a:stretch>
            <a:fillRect/>
          </a:stretch>
        </p:blipFill>
        <p:spPr bwMode="auto">
          <a:xfrm>
            <a:off x="6127750" y="1268760"/>
            <a:ext cx="2844800" cy="2801938"/>
          </a:xfrm>
          <a:prstGeom prst="rect">
            <a:avLst/>
          </a:prstGeom>
          <a:noFill/>
          <a:ln w="9525">
            <a:noFill/>
            <a:miter lim="800000"/>
            <a:headEnd/>
            <a:tailEnd/>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pic>
      <p:sp>
        <p:nvSpPr>
          <p:cNvPr id="19461" name="Rectangle 11"/>
          <p:cNvSpPr>
            <a:spLocks noChangeArrowheads="1"/>
          </p:cNvSpPr>
          <p:nvPr/>
        </p:nvSpPr>
        <p:spPr bwMode="auto">
          <a:xfrm>
            <a:off x="6127750" y="3791570"/>
            <a:ext cx="2835275" cy="717550"/>
          </a:xfrm>
          <a:prstGeom prst="rect">
            <a:avLst/>
          </a:prstGeom>
          <a:solidFill>
            <a:schemeClr val="tx1"/>
          </a:solidFill>
          <a:ln w="9525">
            <a:noFill/>
            <a:miter lim="800000"/>
            <a:headEnd/>
            <a:tailEnd/>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none" anchor="ctr"/>
          <a:lstStyle/>
          <a:p>
            <a:pPr rtl="1"/>
            <a:r>
              <a:rPr lang="he-IL" sz="3600" b="1" dirty="0">
                <a:solidFill>
                  <a:srgbClr val="FFFFFF"/>
                </a:solidFill>
                <a:latin typeface="Narkisim" panose="020E0502050101010101" pitchFamily="34" charset="-79"/>
                <a:cs typeface="Narkisim" panose="020E0502050101010101" pitchFamily="34" charset="-79"/>
              </a:rPr>
              <a:t>הרעיון </a:t>
            </a:r>
            <a:r>
              <a:rPr lang="he-IL" sz="3600" b="1" dirty="0" err="1">
                <a:solidFill>
                  <a:srgbClr val="FFFFFF"/>
                </a:solidFill>
                <a:latin typeface="Narkisim" panose="020E0502050101010101" pitchFamily="34" charset="-79"/>
                <a:cs typeface="Narkisim" panose="020E0502050101010101" pitchFamily="34" charset="-79"/>
              </a:rPr>
              <a:t>ההסדרי</a:t>
            </a:r>
            <a:endParaRPr lang="en-US" sz="3600" b="1" dirty="0">
              <a:solidFill>
                <a:srgbClr val="FFFFFF"/>
              </a:solidFill>
              <a:latin typeface="Narkisim" panose="020E0502050101010101" pitchFamily="34" charset="-79"/>
              <a:cs typeface="Narkisim" panose="020E0502050101010101" pitchFamily="34" charset="-79"/>
            </a:endParaRPr>
          </a:p>
        </p:txBody>
      </p:sp>
      <p:sp>
        <p:nvSpPr>
          <p:cNvPr id="19462" name="Rectangle 13"/>
          <p:cNvSpPr>
            <a:spLocks noChangeArrowheads="1"/>
          </p:cNvSpPr>
          <p:nvPr/>
        </p:nvSpPr>
        <p:spPr bwMode="auto">
          <a:xfrm>
            <a:off x="158750" y="3789040"/>
            <a:ext cx="2809875" cy="660400"/>
          </a:xfrm>
          <a:prstGeom prst="rect">
            <a:avLst/>
          </a:prstGeom>
          <a:solidFill>
            <a:schemeClr val="tx1"/>
          </a:solidFill>
          <a:ln w="9525">
            <a:noFill/>
            <a:miter lim="800000"/>
            <a:headEnd/>
            <a:tailEnd/>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none" anchor="ctr"/>
          <a:lstStyle/>
          <a:p>
            <a:pPr rtl="1"/>
            <a:r>
              <a:rPr lang="he-IL" sz="3600" b="1" dirty="0">
                <a:solidFill>
                  <a:srgbClr val="FFFFFF"/>
                </a:solidFill>
                <a:latin typeface="Narkisim" panose="020E0502050101010101" pitchFamily="34" charset="-79"/>
                <a:cs typeface="Narkisim" panose="020E0502050101010101" pitchFamily="34" charset="-79"/>
              </a:rPr>
              <a:t>המאבק המזוין</a:t>
            </a:r>
            <a:endParaRPr lang="en-US" sz="3600" b="1" dirty="0">
              <a:solidFill>
                <a:srgbClr val="FFFFFF"/>
              </a:solidFill>
              <a:latin typeface="Narkisim" panose="020E0502050101010101" pitchFamily="34" charset="-79"/>
              <a:cs typeface="Narkisim" panose="020E0502050101010101" pitchFamily="34" charset="-79"/>
            </a:endParaRPr>
          </a:p>
        </p:txBody>
      </p:sp>
      <p:pic>
        <p:nvPicPr>
          <p:cNvPr id="19463" name="תמונה 1" descr="530827_544816305528678_2007758329_n"/>
          <p:cNvPicPr>
            <a:picLocks noGrp="1" noChangeAspect="1"/>
          </p:cNvPicPr>
          <p:nvPr isPhoto="1"/>
        </p:nvPicPr>
        <p:blipFill>
          <a:blip r:embed="rId7" cstate="print"/>
          <a:srcRect l="22021"/>
          <a:stretch>
            <a:fillRect/>
          </a:stretch>
        </p:blipFill>
        <p:spPr bwMode="auto">
          <a:xfrm>
            <a:off x="3146425" y="1268760"/>
            <a:ext cx="2847975" cy="2801938"/>
          </a:xfrm>
          <a:prstGeom prst="rect">
            <a:avLst/>
          </a:prstGeom>
          <a:noFill/>
          <a:ln w="9525">
            <a:noFill/>
            <a:miter lim="800000"/>
            <a:headEnd/>
            <a:tailEnd/>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pic>
      <p:sp>
        <p:nvSpPr>
          <p:cNvPr id="19464" name="Rectangle 11"/>
          <p:cNvSpPr>
            <a:spLocks noChangeArrowheads="1"/>
          </p:cNvSpPr>
          <p:nvPr/>
        </p:nvSpPr>
        <p:spPr bwMode="auto">
          <a:xfrm>
            <a:off x="3159125" y="3789040"/>
            <a:ext cx="2835275" cy="717550"/>
          </a:xfrm>
          <a:prstGeom prst="rect">
            <a:avLst/>
          </a:prstGeom>
          <a:solidFill>
            <a:schemeClr val="tx1"/>
          </a:solidFill>
          <a:ln w="9525">
            <a:noFill/>
            <a:miter lim="800000"/>
            <a:headEnd/>
            <a:tailEnd/>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none" anchor="ctr"/>
          <a:lstStyle/>
          <a:p>
            <a:pPr rtl="1"/>
            <a:r>
              <a:rPr lang="he-IL" sz="3600" b="1" dirty="0">
                <a:solidFill>
                  <a:srgbClr val="FFFFFF"/>
                </a:solidFill>
                <a:latin typeface="Narkisim" panose="020E0502050101010101" pitchFamily="34" charset="-79"/>
                <a:cs typeface="Narkisim" panose="020E0502050101010101" pitchFamily="34" charset="-79"/>
              </a:rPr>
              <a:t>הרעיון העממי</a:t>
            </a:r>
            <a:endParaRPr lang="en-US" sz="3600" b="1" dirty="0">
              <a:solidFill>
                <a:srgbClr val="FFFFFF"/>
              </a:solidFill>
              <a:latin typeface="Narkisim" panose="020E0502050101010101" pitchFamily="34" charset="-79"/>
              <a:cs typeface="Narkisim" panose="020E0502050101010101" pitchFamily="34" charset="-79"/>
            </a:endParaRPr>
          </a:p>
        </p:txBody>
      </p:sp>
      <p:pic>
        <p:nvPicPr>
          <p:cNvPr id="9" name="Picture 4" descr="http://graphics8.nytimes.com/images/2007/11/27/world/27prexy2-600.jpg"/>
          <p:cNvPicPr>
            <a:picLocks noChangeAspect="1" noChangeArrowheads="1"/>
          </p:cNvPicPr>
          <p:nvPr/>
        </p:nvPicPr>
        <p:blipFill>
          <a:blip r:embed="rId8">
            <a:extLst>
              <a:ext uri="{28A0092B-C50C-407E-A947-70E740481C1C}">
                <a14:useLocalDpi xmlns:a14="http://schemas.microsoft.com/office/drawing/2010/main" val="0"/>
              </a:ext>
            </a:extLst>
          </a:blip>
          <a:srcRect l="4710" r="3645"/>
          <a:stretch>
            <a:fillRect/>
          </a:stretch>
        </p:blipFill>
        <p:spPr bwMode="auto">
          <a:xfrm>
            <a:off x="6165278" y="4567287"/>
            <a:ext cx="2943225" cy="1837153"/>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pic>
      <p:sp>
        <p:nvSpPr>
          <p:cNvPr id="10" name="Text Placeholder 55"/>
          <p:cNvSpPr txBox="1">
            <a:spLocks/>
          </p:cNvSpPr>
          <p:nvPr/>
        </p:nvSpPr>
        <p:spPr bwMode="auto">
          <a:xfrm>
            <a:off x="6165279" y="6237312"/>
            <a:ext cx="2943225" cy="600075"/>
          </a:xfrm>
          <a:prstGeom prst="rect">
            <a:avLst/>
          </a:prstGeom>
          <a:solidFill>
            <a:schemeClr val="tx1"/>
          </a:solidFill>
          <a:ln w="9525">
            <a:noFill/>
            <a:miter lim="800000"/>
            <a:headEnd/>
            <a:tailEnd/>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none" anchor="ctr"/>
          <a:lstStyle>
            <a:defPPr>
              <a:defRPr lang="en-US"/>
            </a:defPPr>
            <a:lvl1pPr rtl="1">
              <a:defRPr sz="3600" b="1">
                <a:solidFill>
                  <a:srgbClr val="FFFFFF"/>
                </a:solidFill>
                <a:latin typeface="Narkisim" panose="020E0502050101010101" pitchFamily="34" charset="-79"/>
                <a:cs typeface="Narkisim" panose="020E0502050101010101" pitchFamily="34" charset="-79"/>
              </a:defRPr>
            </a:lvl1pPr>
          </a:lstStyle>
          <a:p>
            <a:r>
              <a:rPr lang="he-IL" dirty="0"/>
              <a:t>התהליך המדיני </a:t>
            </a:r>
          </a:p>
        </p:txBody>
      </p:sp>
      <p:pic>
        <p:nvPicPr>
          <p:cNvPr id="11" name="Picture 2"/>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3022503" y="4704506"/>
            <a:ext cx="3051920" cy="1847799"/>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pic>
      <p:sp>
        <p:nvSpPr>
          <p:cNvPr id="12" name="Text Placeholder 55"/>
          <p:cNvSpPr txBox="1">
            <a:spLocks/>
          </p:cNvSpPr>
          <p:nvPr/>
        </p:nvSpPr>
        <p:spPr>
          <a:xfrm>
            <a:off x="2968625" y="6381328"/>
            <a:ext cx="3016672" cy="411977"/>
          </a:xfrm>
          <a:prstGeom prst="rect">
            <a:avLst/>
          </a:prstGeom>
          <a:solidFill>
            <a:schemeClr val="tx1"/>
          </a:solidFill>
          <a:ln w="9525">
            <a:noFill/>
            <a:miter lim="800000"/>
            <a:headEnd/>
            <a:tailEnd/>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none" anchor="ctr"/>
          <a:lstStyle>
            <a:defPPr>
              <a:defRPr lang="en-US"/>
            </a:defPPr>
            <a:lvl1pPr rtl="1">
              <a:defRPr sz="3600" b="1">
                <a:solidFill>
                  <a:srgbClr val="FFFFFF"/>
                </a:solidFill>
                <a:latin typeface="Narkisim" panose="020E0502050101010101" pitchFamily="34" charset="-79"/>
                <a:cs typeface="Narkisim" panose="020E0502050101010101" pitchFamily="34" charset="-79"/>
              </a:defRPr>
            </a:lvl1pPr>
          </a:lstStyle>
          <a:p>
            <a:r>
              <a:rPr lang="he-IL" dirty="0"/>
              <a:t>הבנייה מלמטה</a:t>
            </a:r>
          </a:p>
        </p:txBody>
      </p:sp>
      <p:pic>
        <p:nvPicPr>
          <p:cNvPr id="13" name="Picture 2" descr="Palestinian president Mahmoud Abbas holds up a copy of the letter seeking statehood he had just delivered to United Nations secretary general Ban Ki-moon (Segar/Courtesy Reuters)."/>
          <p:cNvPicPr>
            <a:picLocks noChangeAspect="1" noChangeArrowheads="1"/>
          </p:cNvPicPr>
          <p:nvPr/>
        </p:nvPicPr>
        <p:blipFill>
          <a:blip r:embed="rId10">
            <a:extLst>
              <a:ext uri="{28A0092B-C50C-407E-A947-70E740481C1C}">
                <a14:useLocalDpi xmlns:a14="http://schemas.microsoft.com/office/drawing/2010/main" val="0"/>
              </a:ext>
            </a:extLst>
          </a:blip>
          <a:srcRect t="3333" b="13306"/>
          <a:stretch>
            <a:fillRect/>
          </a:stretch>
        </p:blipFill>
        <p:spPr bwMode="auto">
          <a:xfrm>
            <a:off x="35497" y="4653136"/>
            <a:ext cx="2946013" cy="1838356"/>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pic>
      <p:sp>
        <p:nvSpPr>
          <p:cNvPr id="14" name="Text Placeholder 55"/>
          <p:cNvSpPr txBox="1">
            <a:spLocks/>
          </p:cNvSpPr>
          <p:nvPr/>
        </p:nvSpPr>
        <p:spPr>
          <a:xfrm>
            <a:off x="0" y="6384572"/>
            <a:ext cx="2788643" cy="466961"/>
          </a:xfrm>
          <a:prstGeom prst="rect">
            <a:avLst/>
          </a:prstGeom>
          <a:solidFill>
            <a:schemeClr val="tx1"/>
          </a:solidFill>
          <a:ln w="9525">
            <a:noFill/>
            <a:miter lim="800000"/>
            <a:headEnd/>
            <a:tailEnd/>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txBody>
          <a:bodyPr wrap="none" anchor="ctr"/>
          <a:lstStyle>
            <a:defPPr>
              <a:defRPr lang="en-US"/>
            </a:defPPr>
            <a:lvl1pPr rtl="1">
              <a:defRPr sz="3600" b="1">
                <a:solidFill>
                  <a:srgbClr val="FFFFFF"/>
                </a:solidFill>
                <a:latin typeface="Narkisim" panose="020E0502050101010101" pitchFamily="34" charset="-79"/>
                <a:cs typeface="Narkisim" panose="020E0502050101010101" pitchFamily="34" charset="-79"/>
              </a:defRPr>
            </a:lvl1pPr>
          </a:lstStyle>
          <a:p>
            <a:r>
              <a:rPr lang="he-IL" dirty="0"/>
              <a:t>מאמץ </a:t>
            </a:r>
            <a:r>
              <a:rPr lang="he-IL" dirty="0" err="1"/>
              <a:t>הבינאום</a:t>
            </a:r>
            <a:endParaRPr lang="he-IL" dirty="0"/>
          </a:p>
        </p:txBody>
      </p:sp>
    </p:spTree>
    <p:extLst>
      <p:ext uri="{BB962C8B-B14F-4D97-AF65-F5344CB8AC3E}">
        <p14:creationId xmlns:p14="http://schemas.microsoft.com/office/powerpoint/2010/main" val="764873724"/>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5875" name="TextBox 6"/>
          <p:cNvSpPr txBox="1">
            <a:spLocks noChangeArrowheads="1"/>
          </p:cNvSpPr>
          <p:nvPr/>
        </p:nvSpPr>
        <p:spPr bwMode="auto">
          <a:xfrm>
            <a:off x="161925" y="8078788"/>
            <a:ext cx="8720138" cy="461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eaLnBrk="1" hangingPunct="1">
              <a:lnSpc>
                <a:spcPct val="100000"/>
              </a:lnSpc>
              <a:spcBef>
                <a:spcPct val="0"/>
              </a:spcBef>
              <a:buFontTx/>
              <a:buNone/>
            </a:pPr>
            <a:endParaRPr lang="en-US" altLang="he-IL">
              <a:solidFill>
                <a:srgbClr val="000000"/>
              </a:solidFill>
            </a:endParaRPr>
          </a:p>
        </p:txBody>
      </p:sp>
      <p:graphicFrame>
        <p:nvGraphicFramePr>
          <p:cNvPr id="5" name="דיאגרמה 4"/>
          <p:cNvGraphicFramePr/>
          <p:nvPr>
            <p:extLst>
              <p:ext uri="{D42A27DB-BD31-4B8C-83A1-F6EECF244321}">
                <p14:modId xmlns:p14="http://schemas.microsoft.com/office/powerpoint/2010/main" val="3674457914"/>
              </p:ext>
            </p:extLst>
          </p:nvPr>
        </p:nvGraphicFramePr>
        <p:xfrm>
          <a:off x="539552" y="404664"/>
          <a:ext cx="7920880" cy="626469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5868029"/>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7922" name="Title 5"/>
          <p:cNvSpPr>
            <a:spLocks noGrp="1"/>
          </p:cNvSpPr>
          <p:nvPr>
            <p:ph type="title"/>
          </p:nvPr>
        </p:nvSpPr>
        <p:spPr>
          <a:xfrm>
            <a:off x="457200" y="-171450"/>
            <a:ext cx="8229600" cy="1143000"/>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p>
            <a:pPr algn="ctr" defTabSz="685983"/>
            <a:r>
              <a:rPr lang="he-IL" altLang="he-IL" sz="4000" b="1" cap="all"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אתגרים, מושגים </a:t>
            </a:r>
            <a:r>
              <a:rPr lang="he-IL" altLang="he-IL" sz="4000" b="1" cap="all"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ותפיסות</a:t>
            </a:r>
          </a:p>
        </p:txBody>
      </p:sp>
      <p:sp>
        <p:nvSpPr>
          <p:cNvPr id="337923" name="TextBox 6"/>
          <p:cNvSpPr txBox="1">
            <a:spLocks noChangeArrowheads="1"/>
          </p:cNvSpPr>
          <p:nvPr/>
        </p:nvSpPr>
        <p:spPr bwMode="auto">
          <a:xfrm>
            <a:off x="161925" y="8078788"/>
            <a:ext cx="8720138" cy="461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eaLnBrk="1" hangingPunct="1">
              <a:lnSpc>
                <a:spcPct val="100000"/>
              </a:lnSpc>
              <a:spcBef>
                <a:spcPct val="0"/>
              </a:spcBef>
              <a:buFontTx/>
              <a:buNone/>
            </a:pPr>
            <a:endParaRPr lang="en-US" altLang="he-IL">
              <a:solidFill>
                <a:srgbClr val="000000"/>
              </a:solidFill>
            </a:endParaRPr>
          </a:p>
        </p:txBody>
      </p:sp>
      <p:graphicFrame>
        <p:nvGraphicFramePr>
          <p:cNvPr id="5" name="דיאגרמה 4"/>
          <p:cNvGraphicFramePr/>
          <p:nvPr>
            <p:extLst>
              <p:ext uri="{D42A27DB-BD31-4B8C-83A1-F6EECF244321}">
                <p14:modId xmlns:p14="http://schemas.microsoft.com/office/powerpoint/2010/main" val="3929952843"/>
              </p:ext>
            </p:extLst>
          </p:nvPr>
        </p:nvGraphicFramePr>
        <p:xfrm>
          <a:off x="683568" y="836712"/>
          <a:ext cx="7920880" cy="583264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896195523"/>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30754" name="TextBox 4"/>
          <p:cNvSpPr txBox="1">
            <a:spLocks noChangeArrowheads="1"/>
          </p:cNvSpPr>
          <p:nvPr/>
        </p:nvSpPr>
        <p:spPr bwMode="auto">
          <a:xfrm>
            <a:off x="1214438" y="908050"/>
            <a:ext cx="6786562" cy="60478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defPPr>
              <a:defRPr lang="en-US"/>
            </a:defPPr>
            <a:lvl1pPr defTabSz="685983" rtl="1" eaLnBrk="1" fontAlgn="auto" hangingPunct="1">
              <a:lnSpc>
                <a:spcPct val="90000"/>
              </a:lnSpc>
              <a:spcAft>
                <a:spcPts val="0"/>
              </a:spcAft>
              <a:defRPr sz="3600" b="1" cap="all">
                <a:solidFill>
                  <a:srgbClr val="0070C0"/>
                </a:solidFill>
                <a:effectLst>
                  <a:outerShdw blurRad="38100" dist="38100" dir="2700000" algn="tl">
                    <a:srgbClr val="000000">
                      <a:alpha val="43137"/>
                    </a:srgbClr>
                  </a:outerShdw>
                </a:effectLst>
                <a:latin typeface="Narkisim" panose="020E0502050101010101" pitchFamily="34" charset="-79"/>
                <a:ea typeface="+mj-ea"/>
                <a:cs typeface="Narkisim" panose="020E0502050101010101" pitchFamily="34" charset="-79"/>
              </a:defRPr>
            </a:lvl1pPr>
            <a:lvl2pPr algn="r" rtl="1" eaLnBrk="1" hangingPunct="1">
              <a:defRPr sz="3200">
                <a:latin typeface="Century Schoolbook" pitchFamily="18" charset="0"/>
              </a:defRPr>
            </a:lvl2pPr>
            <a:lvl3pPr algn="r" rtl="1" eaLnBrk="1" hangingPunct="1">
              <a:defRPr sz="3200">
                <a:latin typeface="Century Schoolbook" pitchFamily="18" charset="0"/>
              </a:defRPr>
            </a:lvl3pPr>
            <a:lvl4pPr algn="r" rtl="1" eaLnBrk="1" hangingPunct="1">
              <a:defRPr sz="3200">
                <a:latin typeface="Century Schoolbook" pitchFamily="18" charset="0"/>
              </a:defRPr>
            </a:lvl4pPr>
            <a:lvl5pPr algn="r" rtl="1" eaLnBrk="1" hangingPunct="1">
              <a:defRPr sz="3200">
                <a:latin typeface="Century Schoolbook" pitchFamily="18" charset="0"/>
              </a:defRPr>
            </a:lvl5pPr>
            <a:lvl6pPr marL="457200" algn="r" rtl="1" fontAlgn="base">
              <a:spcBef>
                <a:spcPct val="0"/>
              </a:spcBef>
              <a:spcAft>
                <a:spcPct val="0"/>
              </a:spcAft>
              <a:defRPr sz="3200">
                <a:latin typeface="Century Schoolbook" pitchFamily="18" charset="0"/>
              </a:defRPr>
            </a:lvl6pPr>
            <a:lvl7pPr marL="914400" algn="r" rtl="1" fontAlgn="base">
              <a:spcBef>
                <a:spcPct val="0"/>
              </a:spcBef>
              <a:spcAft>
                <a:spcPct val="0"/>
              </a:spcAft>
              <a:defRPr sz="3200">
                <a:latin typeface="Century Schoolbook" pitchFamily="18" charset="0"/>
              </a:defRPr>
            </a:lvl7pPr>
            <a:lvl8pPr marL="1371600" algn="r" rtl="1" fontAlgn="base">
              <a:spcBef>
                <a:spcPct val="0"/>
              </a:spcBef>
              <a:spcAft>
                <a:spcPct val="0"/>
              </a:spcAft>
              <a:defRPr sz="3200">
                <a:latin typeface="Century Schoolbook" pitchFamily="18" charset="0"/>
              </a:defRPr>
            </a:lvl8pPr>
            <a:lvl9pPr marL="1828800" algn="r" rtl="1" fontAlgn="base">
              <a:spcBef>
                <a:spcPct val="0"/>
              </a:spcBef>
              <a:spcAft>
                <a:spcPct val="0"/>
              </a:spcAft>
              <a:defRPr sz="3200">
                <a:latin typeface="Century Schoolbook" pitchFamily="18" charset="0"/>
              </a:defRPr>
            </a:lvl9pPr>
          </a:lstStyle>
          <a:p>
            <a:r>
              <a:rPr lang="he-IL" altLang="he-IL" dirty="0"/>
              <a:t>מבט לעתיד ומשמעויות לישראל</a:t>
            </a:r>
            <a:endParaRPr lang="en-US" altLang="he-IL" dirty="0"/>
          </a:p>
        </p:txBody>
      </p:sp>
      <p:pic>
        <p:nvPicPr>
          <p:cNvPr id="330755" name="תמונה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212850" y="1989138"/>
            <a:ext cx="6788150" cy="36655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30756" name="מלבן 1"/>
          <p:cNvSpPr>
            <a:spLocks noChangeArrowheads="1"/>
          </p:cNvSpPr>
          <p:nvPr/>
        </p:nvSpPr>
        <p:spPr bwMode="auto">
          <a:xfrm>
            <a:off x="2051050" y="5678488"/>
            <a:ext cx="4608513" cy="287337"/>
          </a:xfrm>
          <a:prstGeom prst="rect">
            <a:avLst/>
          </a:prstGeom>
          <a:noFill/>
          <a:ln w="25400" algn="ctr">
            <a:solidFill>
              <a:schemeClr val="tx1"/>
            </a:solidFill>
            <a:miter lim="800000"/>
            <a:headEnd/>
            <a:tailEnd/>
          </a:ln>
          <a:extLst>
            <a:ext uri="{909E8E84-426E-40DD-AFC4-6F175D3DCCD1}">
              <a14:hiddenFill xmlns:a14="http://schemas.microsoft.com/office/drawing/2010/main">
                <a:solidFill>
                  <a:srgbClr val="FFFFFF"/>
                </a:solidFill>
              </a14:hiddenFill>
            </a:ext>
          </a:extLst>
        </p:spPr>
        <p:txBody>
          <a:bodyPr anchor="ct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eaLnBrk="1" hangingPunct="1">
              <a:lnSpc>
                <a:spcPct val="100000"/>
              </a:lnSpc>
              <a:spcBef>
                <a:spcPct val="0"/>
              </a:spcBef>
              <a:buFontTx/>
              <a:buNone/>
            </a:pPr>
            <a:r>
              <a:rPr lang="he-IL" altLang="he-IL" sz="1800">
                <a:latin typeface="Guttman Hatzvi" panose="02010401010101010101" pitchFamily="2" charset="-79"/>
              </a:rPr>
              <a:t>האנתפאדה הראשונה.. השניה... השלישית</a:t>
            </a:r>
            <a:endParaRPr lang="en-US" altLang="he-IL" sz="1800">
              <a:latin typeface="Guttman Hatzvi" panose="02010401010101010101" pitchFamily="2" charset="-79"/>
            </a:endParaRPr>
          </a:p>
        </p:txBody>
      </p:sp>
    </p:spTree>
    <p:extLst>
      <p:ext uri="{BB962C8B-B14F-4D97-AF65-F5344CB8AC3E}">
        <p14:creationId xmlns:p14="http://schemas.microsoft.com/office/powerpoint/2010/main" val="2414165645"/>
      </p:ext>
    </p:extLst>
  </p:cSld>
  <p:clrMapOvr>
    <a:masterClrMapping/>
  </p:clrMapOvr>
  <mc:AlternateContent xmlns:mc="http://schemas.openxmlformats.org/markup-compatibility/2006">
    <mc:Choice xmlns:p14="http://schemas.microsoft.com/office/powerpoint/2010/main" Requires="p14">
      <p:transition spd="slow" p14:dur="2000"/>
    </mc:Choice>
    <mc:Fallback>
      <p:transition spd="slow"/>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p:cNvSpPr>
            <a:spLocks noGrp="1"/>
          </p:cNvSpPr>
          <p:nvPr>
            <p:ph type="title"/>
          </p:nvPr>
        </p:nvSpPr>
        <p:spPr>
          <a:xfrm>
            <a:off x="1042988" y="225425"/>
            <a:ext cx="7705725" cy="683295"/>
          </a:xfrm>
        </p:spPr>
        <p:txBody>
          <a:bodyPr/>
          <a:lstStyle/>
          <a:p>
            <a:pPr algn="ctr"/>
            <a:r>
              <a:rPr lang="he-IL" sz="4000" b="1"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רקע/כללי/מבוא</a:t>
            </a:r>
            <a:endParaRPr lang="he-IL" sz="4000" b="1"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
        <p:nvSpPr>
          <p:cNvPr id="3" name="מציין מיקום תוכן 2"/>
          <p:cNvSpPr>
            <a:spLocks noGrp="1"/>
          </p:cNvSpPr>
          <p:nvPr>
            <p:ph idx="1"/>
          </p:nvPr>
        </p:nvSpPr>
        <p:spPr>
          <a:xfrm>
            <a:off x="395536" y="1196752"/>
            <a:ext cx="8353177" cy="5544616"/>
          </a:xfrm>
        </p:spPr>
        <p:txBody>
          <a:bodyPr/>
          <a:lstStyle/>
          <a:p>
            <a:pPr lvl="1"/>
            <a:r>
              <a:rPr lang="he-IL" sz="3200" dirty="0">
                <a:latin typeface="Narkisim" panose="020E0502050101010101" pitchFamily="34" charset="-79"/>
                <a:cs typeface="Narkisim" panose="020E0502050101010101" pitchFamily="34" charset="-79"/>
              </a:rPr>
              <a:t>סימולציה </a:t>
            </a:r>
            <a:r>
              <a:rPr lang="he-IL" sz="3200" dirty="0" smtClean="0">
                <a:latin typeface="Narkisim" panose="020E0502050101010101" pitchFamily="34" charset="-79"/>
                <a:cs typeface="Narkisim" panose="020E0502050101010101" pitchFamily="34" charset="-79"/>
              </a:rPr>
              <a:t>מדינית-ביטחונית. </a:t>
            </a:r>
          </a:p>
          <a:p>
            <a:pPr lvl="1"/>
            <a:r>
              <a:rPr lang="he-IL" sz="3200" dirty="0" smtClean="0">
                <a:latin typeface="Narkisim" panose="020E0502050101010101" pitchFamily="34" charset="-79"/>
                <a:cs typeface="Narkisim" panose="020E0502050101010101" pitchFamily="34" charset="-79"/>
              </a:rPr>
              <a:t>קורס </a:t>
            </a:r>
            <a:r>
              <a:rPr lang="he-IL" sz="3200" dirty="0">
                <a:latin typeface="Narkisim" panose="020E0502050101010101" pitchFamily="34" charset="-79"/>
                <a:cs typeface="Narkisim" panose="020E0502050101010101" pitchFamily="34" charset="-79"/>
              </a:rPr>
              <a:t>באסטרטגיה. </a:t>
            </a:r>
            <a:endParaRPr lang="en-US" sz="2800" dirty="0">
              <a:latin typeface="Narkisim" panose="020E0502050101010101" pitchFamily="34" charset="-79"/>
              <a:cs typeface="Narkisim" panose="020E0502050101010101" pitchFamily="34" charset="-79"/>
            </a:endParaRPr>
          </a:p>
          <a:p>
            <a:pPr lvl="1"/>
            <a:r>
              <a:rPr lang="he-IL" sz="3200" dirty="0" smtClean="0">
                <a:latin typeface="Narkisim" panose="020E0502050101010101" pitchFamily="34" charset="-79"/>
                <a:cs typeface="Narkisim" panose="020E0502050101010101" pitchFamily="34" charset="-79"/>
              </a:rPr>
              <a:t>התרגיל </a:t>
            </a:r>
            <a:r>
              <a:rPr lang="he-IL" sz="3200" dirty="0">
                <a:latin typeface="Narkisim" panose="020E0502050101010101" pitchFamily="34" charset="-79"/>
                <a:cs typeface="Narkisim" panose="020E0502050101010101" pitchFamily="34" charset="-79"/>
              </a:rPr>
              <a:t>השנתי המרכזי </a:t>
            </a:r>
            <a:r>
              <a:rPr lang="he-IL" sz="2400" dirty="0" smtClean="0">
                <a:latin typeface="Narkisim" panose="020E0502050101010101" pitchFamily="34" charset="-79"/>
                <a:cs typeface="Narkisim" panose="020E0502050101010101" pitchFamily="34" charset="-79"/>
              </a:rPr>
              <a:t>(והמשמעותי ביותר). </a:t>
            </a:r>
            <a:endParaRPr lang="en-US" sz="2800" dirty="0">
              <a:latin typeface="Narkisim" panose="020E0502050101010101" pitchFamily="34" charset="-79"/>
              <a:cs typeface="Narkisim" panose="020E0502050101010101" pitchFamily="34" charset="-79"/>
            </a:endParaRPr>
          </a:p>
          <a:p>
            <a:pPr lvl="1"/>
            <a:r>
              <a:rPr lang="he-IL" sz="3200" dirty="0">
                <a:latin typeface="Narkisim" panose="020E0502050101010101" pitchFamily="34" charset="-79"/>
                <a:cs typeface="Narkisim" panose="020E0502050101010101" pitchFamily="34" charset="-79"/>
              </a:rPr>
              <a:t>הסכסוך </a:t>
            </a:r>
            <a:r>
              <a:rPr lang="he-IL" sz="3200" dirty="0" smtClean="0">
                <a:latin typeface="Narkisim" panose="020E0502050101010101" pitchFamily="34" charset="-79"/>
                <a:cs typeface="Narkisim" panose="020E0502050101010101" pitchFamily="34" charset="-79"/>
              </a:rPr>
              <a:t>הישראלי-פלשתיני </a:t>
            </a:r>
            <a:r>
              <a:rPr lang="he-IL" sz="3200" dirty="0">
                <a:latin typeface="Narkisim" panose="020E0502050101010101" pitchFamily="34" charset="-79"/>
                <a:cs typeface="Narkisim" panose="020E0502050101010101" pitchFamily="34" charset="-79"/>
              </a:rPr>
              <a:t>במוקד הסימולציה </a:t>
            </a:r>
            <a:r>
              <a:rPr lang="he-IL" sz="3200" dirty="0" smtClean="0">
                <a:latin typeface="Narkisim" panose="020E0502050101010101" pitchFamily="34" charset="-79"/>
                <a:cs typeface="Narkisim" panose="020E0502050101010101" pitchFamily="34" charset="-79"/>
              </a:rPr>
              <a:t>ולכן </a:t>
            </a:r>
            <a:r>
              <a:rPr lang="he-IL" sz="3200" dirty="0">
                <a:latin typeface="Narkisim" panose="020E0502050101010101" pitchFamily="34" charset="-79"/>
                <a:cs typeface="Narkisim" panose="020E0502050101010101" pitchFamily="34" charset="-79"/>
              </a:rPr>
              <a:t>חשיבות צוות הרש"פ והבנת הרשות, </a:t>
            </a:r>
            <a:r>
              <a:rPr lang="he-IL" sz="3200" dirty="0" smtClean="0">
                <a:latin typeface="Narkisim" panose="020E0502050101010101" pitchFamily="34" charset="-79"/>
                <a:cs typeface="Narkisim" panose="020E0502050101010101" pitchFamily="34" charset="-79"/>
              </a:rPr>
              <a:t>השחקנים, המערכת והסיטואציה. </a:t>
            </a:r>
          </a:p>
          <a:p>
            <a:pPr marL="457200" lvl="1" indent="0">
              <a:buNone/>
            </a:pPr>
            <a:r>
              <a:rPr lang="he-IL" sz="3200" dirty="0" smtClean="0">
                <a:latin typeface="Narkisim" panose="020E0502050101010101" pitchFamily="34" charset="-79"/>
                <a:cs typeface="Narkisim" panose="020E0502050101010101" pitchFamily="34" charset="-79"/>
              </a:rPr>
              <a:t>נקודות למחשבה, לפני שיוצאים לדרך:</a:t>
            </a:r>
          </a:p>
          <a:p>
            <a:pPr lvl="2">
              <a:buFont typeface="Wingdings" panose="05000000000000000000" pitchFamily="2" charset="2"/>
              <a:buChar char="q"/>
            </a:pPr>
            <a:r>
              <a:rPr lang="he-IL" sz="2400" dirty="0" smtClean="0">
                <a:latin typeface="Narkisim" panose="020E0502050101010101" pitchFamily="34" charset="-79"/>
                <a:cs typeface="Narkisim" panose="020E0502050101010101" pitchFamily="34" charset="-79"/>
              </a:rPr>
              <a:t>האם הסכסוך </a:t>
            </a:r>
            <a:r>
              <a:rPr lang="he-IL" sz="2400" dirty="0">
                <a:latin typeface="Narkisim" panose="020E0502050101010101" pitchFamily="34" charset="-79"/>
                <a:cs typeface="Narkisim" panose="020E0502050101010101" pitchFamily="34" charset="-79"/>
              </a:rPr>
              <a:t>במוקד הסכסוך </a:t>
            </a:r>
            <a:r>
              <a:rPr lang="he-IL" sz="2400" dirty="0" smtClean="0">
                <a:latin typeface="Narkisim" panose="020E0502050101010101" pitchFamily="34" charset="-79"/>
                <a:cs typeface="Narkisim" panose="020E0502050101010101" pitchFamily="34" charset="-79"/>
              </a:rPr>
              <a:t>העולמי והוא זה שמניע את הכול?</a:t>
            </a:r>
          </a:p>
          <a:p>
            <a:pPr lvl="2">
              <a:buFont typeface="Wingdings" panose="05000000000000000000" pitchFamily="2" charset="2"/>
              <a:buChar char="q"/>
            </a:pPr>
            <a:r>
              <a:rPr lang="he-IL" sz="2400" dirty="0" smtClean="0">
                <a:latin typeface="Narkisim" panose="020E0502050101010101" pitchFamily="34" charset="-79"/>
                <a:cs typeface="Narkisim" panose="020E0502050101010101" pitchFamily="34" charset="-79"/>
              </a:rPr>
              <a:t>האם פתרון הסכסוך, יביא לפתרון הסכסוך במזרח התיכון?</a:t>
            </a:r>
          </a:p>
          <a:p>
            <a:pPr lvl="2">
              <a:buFont typeface="Wingdings" panose="05000000000000000000" pitchFamily="2" charset="2"/>
              <a:buChar char="q"/>
            </a:pPr>
            <a:r>
              <a:rPr lang="he-IL" sz="2400" dirty="0" smtClean="0">
                <a:latin typeface="Narkisim" panose="020E0502050101010101" pitchFamily="34" charset="-79"/>
                <a:cs typeface="Narkisim" panose="020E0502050101010101" pitchFamily="34" charset="-79"/>
              </a:rPr>
              <a:t>האם ישראל יכולה להתקיים ללא הפתרון של הסכסוך?</a:t>
            </a:r>
          </a:p>
          <a:p>
            <a:pPr lvl="2">
              <a:buFont typeface="Wingdings" panose="05000000000000000000" pitchFamily="2" charset="2"/>
              <a:buChar char="q"/>
            </a:pPr>
            <a:endParaRPr lang="en-US" sz="2400" dirty="0">
              <a:latin typeface="Narkisim" panose="020E0502050101010101" pitchFamily="34" charset="-79"/>
              <a:cs typeface="Narkisim" panose="020E0502050101010101" pitchFamily="34" charset="-79"/>
            </a:endParaRPr>
          </a:p>
          <a:p>
            <a:endParaRPr lang="he-IL" sz="3600" dirty="0">
              <a:latin typeface="Narkisim" panose="020E0502050101010101" pitchFamily="34" charset="-79"/>
              <a:cs typeface="Narkisim" panose="020E0502050101010101" pitchFamily="34" charset="-79"/>
            </a:endParaRPr>
          </a:p>
        </p:txBody>
      </p:sp>
      <p:pic>
        <p:nvPicPr>
          <p:cNvPr id="4" name="מציין מיקום של תמונה מקוונת 1"/>
          <p:cNvPicPr>
            <a:picLocks noChangeAspect="1"/>
          </p:cNvPicPr>
          <p:nvPr/>
        </p:nvPicPr>
        <p:blipFill>
          <a:blip r:embed="rId3">
            <a:extLst>
              <a:ext uri="{28A0092B-C50C-407E-A947-70E740481C1C}">
                <a14:useLocalDpi xmlns:a14="http://schemas.microsoft.com/office/drawing/2010/main" val="0"/>
              </a:ext>
            </a:extLst>
          </a:blip>
          <a:stretch>
            <a:fillRect/>
          </a:stretch>
        </p:blipFill>
        <p:spPr bwMode="auto">
          <a:xfrm>
            <a:off x="7609954" y="27980"/>
            <a:ext cx="1504950" cy="10001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182796679"/>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bg>
      <p:bgPr>
        <a:blipFill dpi="0" rotWithShape="0">
          <a:blip r:embed="rId4"/>
          <a:srcRect/>
          <a:stretch>
            <a:fillRect/>
          </a:stretch>
        </a:blipFill>
        <a:effectLst/>
      </p:bgPr>
    </p:bg>
    <p:spTree>
      <p:nvGrpSpPr>
        <p:cNvPr id="1" name=""/>
        <p:cNvGrpSpPr/>
        <p:nvPr/>
      </p:nvGrpSpPr>
      <p:grpSpPr>
        <a:xfrm>
          <a:off x="0" y="0"/>
          <a:ext cx="0" cy="0"/>
          <a:chOff x="0" y="0"/>
          <a:chExt cx="0" cy="0"/>
        </a:xfrm>
      </p:grpSpPr>
      <p:pic>
        <p:nvPicPr>
          <p:cNvPr id="79874" name="Picture 2" descr="http://2.bp.blogspot.com/_Nvqzpq9ZfEg/TIO7-aADExI/AAAAAAAAFVc/p3zFhb3gFcI/s1600/angry+abbas.jpg"/>
          <p:cNvPicPr>
            <a:picLocks noChangeAspect="1" noChangeArrowheads="1"/>
          </p:cNvPicPr>
          <p:nvPr/>
        </p:nvPicPr>
        <p:blipFill>
          <a:blip r:embed="rId5" cstate="print">
            <a:extLst>
              <a:ext uri="{28A0092B-C50C-407E-A947-70E740481C1C}">
                <a14:useLocalDpi xmlns:a14="http://schemas.microsoft.com/office/drawing/2010/main" val="0"/>
              </a:ext>
            </a:extLst>
          </a:blip>
          <a:srcRect l="3374" r="5687"/>
          <a:stretch>
            <a:fillRect/>
          </a:stretch>
        </p:blipFill>
        <p:spPr bwMode="auto">
          <a:xfrm>
            <a:off x="4742967" y="768825"/>
            <a:ext cx="4365625" cy="3282453"/>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sp>
        <p:nvSpPr>
          <p:cNvPr id="6" name="Title 5"/>
          <p:cNvSpPr txBox="1">
            <a:spLocks/>
          </p:cNvSpPr>
          <p:nvPr/>
        </p:nvSpPr>
        <p:spPr>
          <a:xfrm>
            <a:off x="755576" y="44624"/>
            <a:ext cx="7705725" cy="6273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lnSpcReduction="10000"/>
          </a:bodyPr>
          <a:lstStyle>
            <a:lvl1pPr algn="r" defTabSz="685800" rtl="1" eaLnBrk="1" latinLnBrk="0" hangingPunct="1">
              <a:lnSpc>
                <a:spcPct val="90000"/>
              </a:lnSpc>
              <a:spcBef>
                <a:spcPct val="0"/>
              </a:spcBef>
              <a:buNone/>
              <a:defRPr sz="3300" kern="1200">
                <a:solidFill>
                  <a:schemeClr val="tx1"/>
                </a:solidFill>
                <a:latin typeface="+mj-lt"/>
                <a:ea typeface="+mj-ea"/>
                <a:cs typeface="+mj-cs"/>
              </a:defRPr>
            </a:lvl1pPr>
          </a:lstStyle>
          <a:p>
            <a:pPr algn="ctr" defTabSz="685983" fontAlgn="auto">
              <a:spcAft>
                <a:spcPts val="0"/>
              </a:spcAft>
            </a:pPr>
            <a:r>
              <a:rPr lang="he-IL" altLang="he-IL" sz="4000" b="1" cap="all"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מנהיגות</a:t>
            </a:r>
            <a:endParaRPr lang="he-IL" altLang="he-IL" sz="4000" b="1" cap="all"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
        <p:nvSpPr>
          <p:cNvPr id="7" name="Rectangle 2"/>
          <p:cNvSpPr>
            <a:spLocks noChangeArrowheads="1"/>
          </p:cNvSpPr>
          <p:nvPr/>
        </p:nvSpPr>
        <p:spPr bwMode="auto">
          <a:xfrm>
            <a:off x="4742967" y="4077072"/>
            <a:ext cx="4437545" cy="28623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nchor="ct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nSpc>
                <a:spcPct val="100000"/>
              </a:lnSpc>
              <a:spcBef>
                <a:spcPct val="0"/>
              </a:spcBef>
              <a:buFontTx/>
              <a:buNone/>
            </a:pPr>
            <a:r>
              <a:rPr lang="he-IL" altLang="he-IL" sz="2000" dirty="0">
                <a:solidFill>
                  <a:srgbClr val="000000"/>
                </a:solidFill>
              </a:rPr>
              <a:t>" ... מטרתנו היא שתי מדינות - ישראל ופלסטין - שתחיינה זו לצד זו בשלום ובביטחון... מטרתנו היא קץ לכיבוש שראשיתו בשנת 1967 </a:t>
            </a:r>
            <a:r>
              <a:rPr lang="he-IL" altLang="he-IL" sz="2000" dirty="0" err="1">
                <a:solidFill>
                  <a:srgbClr val="000000"/>
                </a:solidFill>
              </a:rPr>
              <a:t>ושבצילו</a:t>
            </a:r>
            <a:r>
              <a:rPr lang="he-IL" altLang="he-IL" sz="2000" dirty="0">
                <a:solidFill>
                  <a:srgbClr val="000000"/>
                </a:solidFill>
              </a:rPr>
              <a:t> חי העם הפלסטיני בסבל כבד. יחד עם זאת, אין אנו מתעלמים מסבלותיהם של היהודים במרוצת ההיסטוריה. הגיעה העת להביא קץ לסבל הזה כולו ... "</a:t>
            </a:r>
            <a:endParaRPr lang="he-IL" altLang="he-IL" sz="2000" dirty="0">
              <a:solidFill>
                <a:srgbClr val="000000"/>
              </a:solidFill>
              <a:latin typeface="Guttman Hatzvi" panose="02010401010101010101" pitchFamily="2" charset="-79"/>
            </a:endParaRPr>
          </a:p>
        </p:txBody>
      </p:sp>
      <p:sp>
        <p:nvSpPr>
          <p:cNvPr id="9" name="TextBox 8"/>
          <p:cNvSpPr txBox="1"/>
          <p:nvPr/>
        </p:nvSpPr>
        <p:spPr>
          <a:xfrm>
            <a:off x="179512" y="4221088"/>
            <a:ext cx="3961135" cy="224676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defPPr>
              <a:defRPr lang="en-US"/>
            </a:defPPr>
            <a:lvl1pPr algn="just" defTabSz="2571750" rtl="1" eaLnBrk="1" hangingPunct="1">
              <a:lnSpc>
                <a:spcPct val="100000"/>
              </a:lnSpc>
              <a:spcBef>
                <a:spcPct val="30000"/>
              </a:spcBef>
              <a:spcAft>
                <a:spcPts val="1200"/>
              </a:spcAft>
              <a:buFontTx/>
              <a:buNone/>
              <a:defRPr sz="2000" b="1">
                <a:solidFill>
                  <a:srgbClr val="000000"/>
                </a:solidFill>
                <a:latin typeface="Arial" panose="020B0604020202020204" pitchFamily="34" charset="0"/>
                <a:cs typeface="Guttman Hatzvi" panose="02010401010101010101" pitchFamily="2" charset="-79"/>
              </a:defRPr>
            </a:lvl1pPr>
            <a:lvl2pPr marL="742950" indent="-285750" algn="just" defTabSz="2571750" rtl="1">
              <a:lnSpc>
                <a:spcPct val="90000"/>
              </a:lnSpc>
              <a:spcBef>
                <a:spcPct val="20000"/>
              </a:spcBef>
              <a:buChar char="–"/>
              <a:defRPr b="1">
                <a:latin typeface="Arial" panose="020B0604020202020204" pitchFamily="34" charset="0"/>
                <a:cs typeface="Guttman Hatzvi" panose="02010401010101010101" pitchFamily="2" charset="-79"/>
              </a:defRPr>
            </a:lvl2pPr>
            <a:lvl3pPr marL="1143000" indent="-228600" algn="just" defTabSz="2571750" rtl="1">
              <a:lnSpc>
                <a:spcPct val="90000"/>
              </a:lnSpc>
              <a:spcBef>
                <a:spcPct val="20000"/>
              </a:spcBef>
              <a:buChar char="•"/>
              <a:defRPr b="1">
                <a:latin typeface="Arial" panose="020B0604020202020204" pitchFamily="34" charset="0"/>
                <a:cs typeface="Guttman Hatzvi" panose="02010401010101010101" pitchFamily="2" charset="-79"/>
              </a:defRPr>
            </a:lvl3pPr>
            <a:lvl4pPr marL="1600200" indent="-228600" algn="just" defTabSz="2571750" rtl="1">
              <a:lnSpc>
                <a:spcPct val="90000"/>
              </a:lnSpc>
              <a:spcBef>
                <a:spcPct val="20000"/>
              </a:spcBef>
              <a:buChar char="–"/>
              <a:defRPr b="1">
                <a:latin typeface="Arial" panose="020B0604020202020204" pitchFamily="34" charset="0"/>
                <a:cs typeface="Guttman Hatzvi" panose="02010401010101010101" pitchFamily="2" charset="-79"/>
              </a:defRPr>
            </a:lvl4pPr>
            <a:lvl5pPr marL="2057400" indent="-228600" algn="just" defTabSz="2571750" rtl="1">
              <a:lnSpc>
                <a:spcPct val="90000"/>
              </a:lnSpc>
              <a:spcBef>
                <a:spcPct val="20000"/>
              </a:spcBef>
              <a:buChar char="»"/>
              <a:defRPr b="1">
                <a:latin typeface="Arial" panose="020B0604020202020204" pitchFamily="34" charset="0"/>
                <a:cs typeface="Guttman Hatzvi" panose="02010401010101010101" pitchFamily="2" charset="-79"/>
              </a:defRPr>
            </a:lvl5pPr>
            <a:lvl6pPr marL="2514600" indent="-228600" algn="just" defTabSz="2571750" eaLnBrk="0" fontAlgn="base" hangingPunct="0">
              <a:lnSpc>
                <a:spcPct val="90000"/>
              </a:lnSpc>
              <a:spcBef>
                <a:spcPct val="20000"/>
              </a:spcBef>
              <a:spcAft>
                <a:spcPct val="0"/>
              </a:spcAft>
              <a:buChar char="»"/>
              <a:defRPr b="1">
                <a:latin typeface="Arial" panose="020B0604020202020204" pitchFamily="34" charset="0"/>
                <a:cs typeface="Guttman Hatzvi" panose="02010401010101010101" pitchFamily="2" charset="-79"/>
              </a:defRPr>
            </a:lvl6pPr>
            <a:lvl7pPr marL="2971800" indent="-228600" algn="just" defTabSz="2571750" eaLnBrk="0" fontAlgn="base" hangingPunct="0">
              <a:lnSpc>
                <a:spcPct val="90000"/>
              </a:lnSpc>
              <a:spcBef>
                <a:spcPct val="20000"/>
              </a:spcBef>
              <a:spcAft>
                <a:spcPct val="0"/>
              </a:spcAft>
              <a:buChar char="»"/>
              <a:defRPr b="1">
                <a:latin typeface="Arial" panose="020B0604020202020204" pitchFamily="34" charset="0"/>
                <a:cs typeface="Guttman Hatzvi" panose="02010401010101010101" pitchFamily="2" charset="-79"/>
              </a:defRPr>
            </a:lvl7pPr>
            <a:lvl8pPr marL="3429000" indent="-228600" algn="just" defTabSz="2571750" eaLnBrk="0" fontAlgn="base" hangingPunct="0">
              <a:lnSpc>
                <a:spcPct val="90000"/>
              </a:lnSpc>
              <a:spcBef>
                <a:spcPct val="20000"/>
              </a:spcBef>
              <a:spcAft>
                <a:spcPct val="0"/>
              </a:spcAft>
              <a:buChar char="»"/>
              <a:defRPr b="1">
                <a:latin typeface="Arial" panose="020B0604020202020204" pitchFamily="34" charset="0"/>
                <a:cs typeface="Guttman Hatzvi" panose="02010401010101010101" pitchFamily="2" charset="-79"/>
              </a:defRPr>
            </a:lvl8pPr>
            <a:lvl9pPr marL="3886200" indent="-228600" algn="just" defTabSz="2571750" eaLnBrk="0" fontAlgn="base" hangingPunct="0">
              <a:lnSpc>
                <a:spcPct val="90000"/>
              </a:lnSpc>
              <a:spcBef>
                <a:spcPct val="20000"/>
              </a:spcBef>
              <a:spcAft>
                <a:spcPct val="0"/>
              </a:spcAft>
              <a:buChar char="»"/>
              <a:defRPr b="1">
                <a:latin typeface="Arial" panose="020B0604020202020204" pitchFamily="34" charset="0"/>
                <a:cs typeface="Guttman Hatzvi" panose="02010401010101010101" pitchFamily="2" charset="-79"/>
              </a:defRPr>
            </a:lvl9pPr>
          </a:lstStyle>
          <a:p>
            <a:r>
              <a:rPr lang="he-IL" dirty="0" err="1"/>
              <a:t>ראה"מ</a:t>
            </a:r>
            <a:r>
              <a:rPr lang="he-IL" dirty="0"/>
              <a:t> לשעבר </a:t>
            </a:r>
            <a:r>
              <a:rPr lang="he-IL" dirty="0" err="1"/>
              <a:t>פיאצ</a:t>
            </a:r>
            <a:r>
              <a:rPr lang="he-IL" dirty="0"/>
              <a:t>' "ארז" באוגוסט 2009 את תהליכי "הבנייה מלמטה" לכדי חזון ותכנית מדינית (מדינה "דה פקטו" בתוך שנתיים); </a:t>
            </a:r>
            <a:r>
              <a:rPr lang="he-IL" dirty="0" err="1"/>
              <a:t>המימד</a:t>
            </a:r>
            <a:r>
              <a:rPr lang="he-IL" dirty="0"/>
              <a:t> האישי של </a:t>
            </a:r>
            <a:r>
              <a:rPr lang="he-IL" dirty="0" err="1"/>
              <a:t>פיאצ</a:t>
            </a:r>
            <a:r>
              <a:rPr lang="he-IL" dirty="0"/>
              <a:t>' כמחולל מרכזי (ה"דרך השלישית" הפלסטינית ? )</a:t>
            </a:r>
          </a:p>
        </p:txBody>
      </p:sp>
      <p:pic>
        <p:nvPicPr>
          <p:cNvPr id="10" name="Picture 4" descr="http://upload.wikimedia.org/wikipedia/commons/5/55/Salam_Fayyad_World_Economic_Forum_2013.jpg"/>
          <p:cNvPicPr>
            <a:picLocks noChangeAspect="1" noChangeArrowheads="1"/>
          </p:cNvPicPr>
          <p:nvPr/>
        </p:nvPicPr>
        <p:blipFill>
          <a:blip r:embed="rId6" cstate="print">
            <a:extLst>
              <a:ext uri="{28A0092B-C50C-407E-A947-70E740481C1C}">
                <a14:useLocalDpi xmlns:a14="http://schemas.microsoft.com/office/drawing/2010/main" val="0"/>
              </a:ext>
            </a:extLst>
          </a:blip>
          <a:srcRect l="15253" r="8482"/>
          <a:stretch>
            <a:fillRect/>
          </a:stretch>
        </p:blipFill>
        <p:spPr bwMode="auto">
          <a:xfrm>
            <a:off x="323528" y="850140"/>
            <a:ext cx="3942656" cy="3140809"/>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357099515"/>
      </p:ext>
    </p:extLst>
  </p:cSld>
  <p:clrMapOvr>
    <a:overrideClrMapping bg1="lt1" tx1="dk1" bg2="lt2" tx2="dk2" accent1="accent1" accent2="accent2" accent3="accent3" accent4="accent4" accent5="accent5" accent6="accent6" hlink="hlink" folHlink="folHlink"/>
  </p:clrMapOvr>
  <p:transition/>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bg>
      <p:bgPr>
        <a:blipFill dpi="0" rotWithShape="0">
          <a:blip r:embed="rId4"/>
          <a:srcRect/>
          <a:stretch>
            <a:fillRect/>
          </a:stretch>
        </a:blipFill>
        <a:effectLst/>
      </p:bgPr>
    </p:bg>
    <p:spTree>
      <p:nvGrpSpPr>
        <p:cNvPr id="1" name=""/>
        <p:cNvGrpSpPr/>
        <p:nvPr/>
      </p:nvGrpSpPr>
      <p:grpSpPr>
        <a:xfrm>
          <a:off x="0" y="0"/>
          <a:ext cx="0" cy="0"/>
          <a:chOff x="0" y="0"/>
          <a:chExt cx="0" cy="0"/>
        </a:xfrm>
      </p:grpSpPr>
      <p:sp>
        <p:nvSpPr>
          <p:cNvPr id="160770" name="כותרת 1"/>
          <p:cNvSpPr>
            <a:spLocks noGrp="1"/>
          </p:cNvSpPr>
          <p:nvPr>
            <p:ph type="title"/>
          </p:nvPr>
        </p:nvSpPr>
        <p:spPr>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p>
            <a:pPr algn="ctr" defTabSz="685983" fontAlgn="auto">
              <a:lnSpc>
                <a:spcPct val="90000"/>
              </a:lnSpc>
              <a:spcAft>
                <a:spcPts val="0"/>
              </a:spcAft>
            </a:pPr>
            <a:r>
              <a:rPr lang="he-IL" altLang="he-IL" sz="4000" b="1" kern="1200" cap="all"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מנהיגי חמאס</a:t>
            </a:r>
            <a:endParaRPr lang="he-IL" altLang="he-IL" sz="4000" b="1" kern="1200" cap="all"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pic>
        <p:nvPicPr>
          <p:cNvPr id="160771" name="Picture 6" descr="http://2.bp.blogspot.com/_4ls2Qirqb0Y/SWzhe0w89HI/AAAAAAAABH8/P4ux4h7x4xA/S1600-R/haniya.jpg"/>
          <p:cNvPicPr>
            <a:picLocks noChangeAspect="1" noChangeArrowheads="1"/>
          </p:cNvPicPr>
          <p:nvPr/>
        </p:nvPicPr>
        <p:blipFill>
          <a:blip r:embed="rId5">
            <a:extLst>
              <a:ext uri="{28A0092B-C50C-407E-A947-70E740481C1C}">
                <a14:useLocalDpi xmlns:a14="http://schemas.microsoft.com/office/drawing/2010/main" val="0"/>
              </a:ext>
            </a:extLst>
          </a:blip>
          <a:srcRect l="32149" t="22153" r="10265" b="29973"/>
          <a:stretch>
            <a:fillRect/>
          </a:stretch>
        </p:blipFill>
        <p:spPr bwMode="auto">
          <a:xfrm>
            <a:off x="4706938" y="1854200"/>
            <a:ext cx="4265612" cy="2835275"/>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10" name="Picture 4"/>
          <p:cNvPicPr>
            <a:picLocks noChangeArrowheads="1"/>
          </p:cNvPicPr>
          <p:nvPr/>
        </p:nvPicPr>
        <p:blipFill>
          <a:blip r:embed="rId6" cstate="print"/>
          <a:srcRect b="7535"/>
          <a:stretch>
            <a:fillRect/>
          </a:stretch>
        </p:blipFill>
        <p:spPr bwMode="auto">
          <a:xfrm>
            <a:off x="161924" y="1877219"/>
            <a:ext cx="4365625" cy="2812256"/>
          </a:xfrm>
          <a:prstGeom prst="rect">
            <a:avLst/>
          </a:prstGeom>
          <a:noFill/>
          <a:ln>
            <a:solidFill>
              <a:schemeClr val="tx1"/>
            </a:solidFill>
          </a:ln>
          <a:scene3d>
            <a:camera prst="orthographicFront">
              <a:rot lat="0" lon="10800000" rev="0"/>
            </a:camera>
            <a:lightRig rig="threePt" dir="t"/>
          </a:scene3d>
        </p:spPr>
      </p:pic>
      <p:sp>
        <p:nvSpPr>
          <p:cNvPr id="160773" name="Rectangle 5"/>
          <p:cNvSpPr>
            <a:spLocks noChangeArrowheads="1"/>
          </p:cNvSpPr>
          <p:nvPr/>
        </p:nvSpPr>
        <p:spPr bwMode="auto">
          <a:xfrm>
            <a:off x="161925" y="5162550"/>
            <a:ext cx="8804275" cy="1200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nSpc>
                <a:spcPct val="100000"/>
              </a:lnSpc>
              <a:spcBef>
                <a:spcPct val="0"/>
              </a:spcBef>
              <a:buFontTx/>
              <a:buNone/>
            </a:pPr>
            <a:r>
              <a:rPr lang="he-IL" altLang="he-IL">
                <a:solidFill>
                  <a:srgbClr val="000000"/>
                </a:solidFill>
              </a:rPr>
              <a:t>הנהגת ה"חוץ" נחלשת (עזיבת סוריה), אך משעל משמר מעמדו; דומיננטיות גוברת של הנהגת הרצועה ועצמאות בניהולה; מעורבות גוברת של הזרוע הצבאית בקבלת החלטות ובהנהגה</a:t>
            </a:r>
          </a:p>
        </p:txBody>
      </p:sp>
      <p:sp>
        <p:nvSpPr>
          <p:cNvPr id="6" name="TextBox 9"/>
          <p:cNvSpPr txBox="1">
            <a:spLocks noChangeArrowheads="1"/>
          </p:cNvSpPr>
          <p:nvPr/>
        </p:nvSpPr>
        <p:spPr bwMode="auto">
          <a:xfrm>
            <a:off x="6012160" y="1331118"/>
            <a:ext cx="1800225" cy="461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a:lnSpc>
                <a:spcPct val="100000"/>
              </a:lnSpc>
              <a:spcBef>
                <a:spcPct val="0"/>
              </a:spcBef>
              <a:buFontTx/>
              <a:buNone/>
            </a:pPr>
            <a:r>
              <a:rPr lang="he-IL" altLang="he-IL" dirty="0" smtClean="0">
                <a:solidFill>
                  <a:prstClr val="black"/>
                </a:solidFill>
              </a:rPr>
              <a:t>הנייה</a:t>
            </a:r>
            <a:endParaRPr lang="he-IL" altLang="he-IL" dirty="0">
              <a:solidFill>
                <a:prstClr val="black"/>
              </a:solidFill>
            </a:endParaRPr>
          </a:p>
        </p:txBody>
      </p:sp>
      <p:sp>
        <p:nvSpPr>
          <p:cNvPr id="7" name="TextBox 9"/>
          <p:cNvSpPr txBox="1">
            <a:spLocks noChangeArrowheads="1"/>
          </p:cNvSpPr>
          <p:nvPr/>
        </p:nvSpPr>
        <p:spPr bwMode="auto">
          <a:xfrm>
            <a:off x="1331640" y="1350963"/>
            <a:ext cx="1800225" cy="461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a:lnSpc>
                <a:spcPct val="100000"/>
              </a:lnSpc>
              <a:spcBef>
                <a:spcPct val="0"/>
              </a:spcBef>
              <a:buFontTx/>
              <a:buNone/>
            </a:pPr>
            <a:r>
              <a:rPr lang="he-IL" altLang="he-IL" dirty="0" smtClean="0">
                <a:solidFill>
                  <a:prstClr val="black"/>
                </a:solidFill>
              </a:rPr>
              <a:t>משעל</a:t>
            </a:r>
            <a:endParaRPr lang="he-IL" altLang="he-IL" dirty="0">
              <a:solidFill>
                <a:prstClr val="black"/>
              </a:solidFill>
            </a:endParaRPr>
          </a:p>
        </p:txBody>
      </p:sp>
    </p:spTree>
    <p:extLst>
      <p:ext uri="{BB962C8B-B14F-4D97-AF65-F5344CB8AC3E}">
        <p14:creationId xmlns:p14="http://schemas.microsoft.com/office/powerpoint/2010/main" val="169660885"/>
      </p:ext>
    </p:extLst>
  </p:cSld>
  <p:clrMapOvr>
    <a:overrideClrMapping bg1="lt1" tx1="dk1" bg2="lt2" tx2="dk2" accent1="accent1" accent2="accent2" accent3="accent3" accent4="accent4" accent5="accent5" accent6="accent6" hlink="hlink" folHlink="folHlink"/>
  </p:clrMapOvr>
  <p:transition/>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bg>
      <p:bgPr>
        <a:blipFill dpi="0" rotWithShape="0">
          <a:blip r:embed="rId4"/>
          <a:srcRect/>
          <a:stretch>
            <a:fillRect/>
          </a:stretch>
        </a:blipFill>
        <a:effectLst/>
      </p:bgPr>
    </p:bg>
    <p:spTree>
      <p:nvGrpSpPr>
        <p:cNvPr id="1" name=""/>
        <p:cNvGrpSpPr/>
        <p:nvPr/>
      </p:nvGrpSpPr>
      <p:grpSpPr>
        <a:xfrm>
          <a:off x="0" y="0"/>
          <a:ext cx="0" cy="0"/>
          <a:chOff x="0" y="0"/>
          <a:chExt cx="0" cy="0"/>
        </a:xfrm>
      </p:grpSpPr>
      <p:sp>
        <p:nvSpPr>
          <p:cNvPr id="2" name="TextBox 1"/>
          <p:cNvSpPr txBox="1"/>
          <p:nvPr/>
        </p:nvSpPr>
        <p:spPr>
          <a:xfrm>
            <a:off x="206375" y="5108575"/>
            <a:ext cx="8731250" cy="461963"/>
          </a:xfrm>
          <a:prstGeom prst="rect">
            <a:avLst/>
          </a:prstGeom>
          <a:noFill/>
        </p:spPr>
        <p:txBody>
          <a:bodyPr rtlCol="1">
            <a:spAutoFit/>
          </a:bodyPr>
          <a:lstStyle/>
          <a:p>
            <a:pPr algn="just" rtl="1">
              <a:defRPr/>
            </a:pPr>
            <a:endParaRPr lang="he-IL">
              <a:solidFill>
                <a:prstClr val="black"/>
              </a:solidFill>
              <a:cs typeface="Arial" panose="020B0604020202020204" pitchFamily="34" charset="0"/>
            </a:endParaRPr>
          </a:p>
        </p:txBody>
      </p:sp>
      <p:sp>
        <p:nvSpPr>
          <p:cNvPr id="125955" name="כותרת 4"/>
          <p:cNvSpPr>
            <a:spLocks noGrp="1"/>
          </p:cNvSpPr>
          <p:nvPr>
            <p:ph type="title"/>
          </p:nvPr>
        </p:nvSpPr>
        <p:spPr>
          <a:xfrm>
            <a:off x="548828" y="-162272"/>
            <a:ext cx="8775700" cy="1143000"/>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p>
            <a:pPr algn="ctr" defTabSz="685983" fontAlgn="auto">
              <a:lnSpc>
                <a:spcPct val="90000"/>
              </a:lnSpc>
              <a:spcAft>
                <a:spcPts val="0"/>
              </a:spcAft>
            </a:pPr>
            <a:r>
              <a:rPr lang="he-IL" altLang="he-IL" sz="4000" b="1" kern="1200" cap="all"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היום שאחרי</a:t>
            </a:r>
            <a:r>
              <a:rPr lang="he-IL" altLang="he-IL" sz="4000" b="1" kern="1200" cap="all"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 </a:t>
            </a:r>
            <a:r>
              <a:rPr lang="he-IL" altLang="he-IL" sz="4000" b="1" kern="1200" cap="all"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מנהיגים פוטנציאלים ברש"פ</a:t>
            </a:r>
          </a:p>
        </p:txBody>
      </p:sp>
      <p:sp>
        <p:nvSpPr>
          <p:cNvPr id="125956" name="TextBox 16"/>
          <p:cNvSpPr txBox="1">
            <a:spLocks noChangeArrowheads="1"/>
          </p:cNvSpPr>
          <p:nvPr/>
        </p:nvSpPr>
        <p:spPr bwMode="auto">
          <a:xfrm>
            <a:off x="161925" y="5162550"/>
            <a:ext cx="8775700" cy="11461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buFontTx/>
              <a:buNone/>
            </a:pPr>
            <a:r>
              <a:rPr lang="he-IL" altLang="he-IL" dirty="0">
                <a:solidFill>
                  <a:prstClr val="black"/>
                </a:solidFill>
              </a:rPr>
              <a:t>אין "יורש" מוסכם; סוגיית "הירושה" תלויה בנסיבות ההסתלקות; אפשרות להנהגה משולבת; </a:t>
            </a:r>
            <a:r>
              <a:rPr lang="he-IL" altLang="he-IL" dirty="0" smtClean="0">
                <a:solidFill>
                  <a:prstClr val="black"/>
                </a:solidFill>
              </a:rPr>
              <a:t>אפשרות </a:t>
            </a:r>
            <a:r>
              <a:rPr lang="he-IL" altLang="he-IL" dirty="0">
                <a:solidFill>
                  <a:prstClr val="black"/>
                </a:solidFill>
              </a:rPr>
              <a:t>לערעור </a:t>
            </a:r>
            <a:r>
              <a:rPr lang="he-IL" altLang="he-IL" dirty="0" smtClean="0">
                <a:solidFill>
                  <a:prstClr val="black"/>
                </a:solidFill>
              </a:rPr>
              <a:t>היציבות; </a:t>
            </a:r>
          </a:p>
          <a:p>
            <a:pPr algn="ctr">
              <a:buFontTx/>
              <a:buNone/>
            </a:pPr>
            <a:r>
              <a:rPr lang="he-IL" altLang="he-IL" sz="3200" dirty="0" smtClean="0">
                <a:solidFill>
                  <a:srgbClr val="FF0000"/>
                </a:solidFill>
                <a:effectLst>
                  <a:outerShdw blurRad="38100" dist="38100" dir="2700000" algn="tl">
                    <a:srgbClr val="000000">
                      <a:alpha val="43137"/>
                    </a:srgbClr>
                  </a:outerShdw>
                </a:effectLst>
              </a:rPr>
              <a:t>קרב </a:t>
            </a:r>
            <a:r>
              <a:rPr lang="he-IL" altLang="he-IL" sz="3200" dirty="0">
                <a:solidFill>
                  <a:srgbClr val="FF0000"/>
                </a:solidFill>
                <a:effectLst>
                  <a:outerShdw blurRad="38100" dist="38100" dir="2700000" algn="tl">
                    <a:srgbClr val="000000">
                      <a:alpha val="43137"/>
                    </a:srgbClr>
                  </a:outerShdw>
                </a:effectLst>
              </a:rPr>
              <a:t>ירושה, בחירות, חמאס </a:t>
            </a:r>
            <a:r>
              <a:rPr lang="he-IL" altLang="he-IL" sz="3200" dirty="0" smtClean="0">
                <a:solidFill>
                  <a:srgbClr val="FF0000"/>
                </a:solidFill>
                <a:effectLst>
                  <a:outerShdw blurRad="38100" dist="38100" dir="2700000" algn="tl">
                    <a:srgbClr val="000000">
                      <a:alpha val="43137"/>
                    </a:srgbClr>
                  </a:outerShdw>
                </a:effectLst>
              </a:rPr>
              <a:t>?</a:t>
            </a:r>
            <a:endParaRPr lang="en-US" altLang="he-IL" sz="3200" dirty="0">
              <a:solidFill>
                <a:srgbClr val="FF0000"/>
              </a:solidFill>
              <a:effectLst>
                <a:outerShdw blurRad="38100" dist="38100" dir="2700000" algn="tl">
                  <a:srgbClr val="000000">
                    <a:alpha val="43137"/>
                  </a:srgbClr>
                </a:outerShdw>
              </a:effectLst>
            </a:endParaRPr>
          </a:p>
        </p:txBody>
      </p:sp>
      <p:pic>
        <p:nvPicPr>
          <p:cNvPr id="125957" name="Picture 118" descr="חסין אלשיח"/>
          <p:cNvPicPr>
            <a:picLocks noChangeArrowheads="1"/>
          </p:cNvPicPr>
          <p:nvPr/>
        </p:nvPicPr>
        <p:blipFill>
          <a:blip r:embed="rId5">
            <a:extLst>
              <a:ext uri="{28A0092B-C50C-407E-A947-70E740481C1C}">
                <a14:useLocalDpi xmlns:a14="http://schemas.microsoft.com/office/drawing/2010/main" val="0"/>
              </a:ext>
            </a:extLst>
          </a:blip>
          <a:srcRect l="15031" r="15031"/>
          <a:stretch>
            <a:fillRect/>
          </a:stretch>
        </p:blipFill>
        <p:spPr bwMode="auto">
          <a:xfrm>
            <a:off x="4687888" y="2382838"/>
            <a:ext cx="1258887" cy="1800225"/>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125958" name="Picture 6" descr="מרואן"/>
          <p:cNvPicPr>
            <a:picLocks noChangeArrowheads="1"/>
          </p:cNvPicPr>
          <p:nvPr/>
        </p:nvPicPr>
        <p:blipFill>
          <a:blip r:embed="rId6">
            <a:extLst>
              <a:ext uri="{28A0092B-C50C-407E-A947-70E740481C1C}">
                <a14:useLocalDpi xmlns:a14="http://schemas.microsoft.com/office/drawing/2010/main" val="0"/>
              </a:ext>
            </a:extLst>
          </a:blip>
          <a:srcRect l="15031" r="15031"/>
          <a:stretch>
            <a:fillRect/>
          </a:stretch>
        </p:blipFill>
        <p:spPr bwMode="auto">
          <a:xfrm>
            <a:off x="6197600" y="2382838"/>
            <a:ext cx="1258888" cy="1800225"/>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125959" name="Picture 9"/>
          <p:cNvPicPr>
            <a:picLocks noChangeArrowheads="1"/>
          </p:cNvPicPr>
          <p:nvPr/>
        </p:nvPicPr>
        <p:blipFill>
          <a:blip r:embed="rId7">
            <a:extLst>
              <a:ext uri="{28A0092B-C50C-407E-A947-70E740481C1C}">
                <a14:useLocalDpi xmlns:a14="http://schemas.microsoft.com/office/drawing/2010/main" val="0"/>
              </a:ext>
            </a:extLst>
          </a:blip>
          <a:srcRect l="20979" r="9084"/>
          <a:stretch>
            <a:fillRect/>
          </a:stretch>
        </p:blipFill>
        <p:spPr bwMode="auto">
          <a:xfrm>
            <a:off x="7705725" y="2382838"/>
            <a:ext cx="1258888" cy="1800225"/>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sp>
        <p:nvSpPr>
          <p:cNvPr id="125960" name="TextBox 9"/>
          <p:cNvSpPr txBox="1">
            <a:spLocks noChangeArrowheads="1"/>
          </p:cNvSpPr>
          <p:nvPr/>
        </p:nvSpPr>
        <p:spPr bwMode="auto">
          <a:xfrm>
            <a:off x="7407275" y="4241800"/>
            <a:ext cx="1800225" cy="461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a:lnSpc>
                <a:spcPct val="100000"/>
              </a:lnSpc>
              <a:spcBef>
                <a:spcPct val="0"/>
              </a:spcBef>
              <a:buFontTx/>
              <a:buNone/>
            </a:pPr>
            <a:r>
              <a:rPr lang="he-IL" altLang="he-IL" dirty="0" err="1">
                <a:solidFill>
                  <a:prstClr val="black"/>
                </a:solidFill>
              </a:rPr>
              <a:t>חמדאללה</a:t>
            </a:r>
            <a:endParaRPr lang="he-IL" altLang="he-IL" dirty="0">
              <a:solidFill>
                <a:prstClr val="black"/>
              </a:solidFill>
            </a:endParaRPr>
          </a:p>
        </p:txBody>
      </p:sp>
      <p:sp>
        <p:nvSpPr>
          <p:cNvPr id="125961" name="TextBox 10"/>
          <p:cNvSpPr txBox="1">
            <a:spLocks noChangeArrowheads="1"/>
          </p:cNvSpPr>
          <p:nvPr/>
        </p:nvSpPr>
        <p:spPr bwMode="auto">
          <a:xfrm>
            <a:off x="2906713" y="4241800"/>
            <a:ext cx="1800225" cy="461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a:lnSpc>
                <a:spcPct val="100000"/>
              </a:lnSpc>
              <a:spcBef>
                <a:spcPct val="0"/>
              </a:spcBef>
              <a:buFontTx/>
              <a:buNone/>
            </a:pPr>
            <a:r>
              <a:rPr lang="he-IL" altLang="he-IL">
                <a:solidFill>
                  <a:prstClr val="black"/>
                </a:solidFill>
              </a:rPr>
              <a:t>רג</a:t>
            </a:r>
            <a:r>
              <a:rPr lang="en-US" altLang="he-IL">
                <a:solidFill>
                  <a:prstClr val="black"/>
                </a:solidFill>
              </a:rPr>
              <a:t>'</a:t>
            </a:r>
            <a:r>
              <a:rPr lang="he-IL" altLang="he-IL">
                <a:solidFill>
                  <a:prstClr val="black"/>
                </a:solidFill>
              </a:rPr>
              <a:t>וב</a:t>
            </a:r>
          </a:p>
        </p:txBody>
      </p:sp>
      <p:sp>
        <p:nvSpPr>
          <p:cNvPr id="125962" name="TextBox 11"/>
          <p:cNvSpPr txBox="1">
            <a:spLocks noChangeArrowheads="1"/>
          </p:cNvSpPr>
          <p:nvPr/>
        </p:nvSpPr>
        <p:spPr bwMode="auto">
          <a:xfrm>
            <a:off x="4302125" y="4241800"/>
            <a:ext cx="1800225" cy="461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a:lnSpc>
                <a:spcPct val="100000"/>
              </a:lnSpc>
              <a:spcBef>
                <a:spcPct val="0"/>
              </a:spcBef>
              <a:buFontTx/>
              <a:buNone/>
            </a:pPr>
            <a:r>
              <a:rPr lang="he-IL" altLang="he-IL">
                <a:solidFill>
                  <a:prstClr val="black"/>
                </a:solidFill>
              </a:rPr>
              <a:t>אלשיח</a:t>
            </a:r>
            <a:r>
              <a:rPr lang="en-US" altLang="he-IL">
                <a:solidFill>
                  <a:prstClr val="black"/>
                </a:solidFill>
              </a:rPr>
              <a:t>'</a:t>
            </a:r>
            <a:endParaRPr lang="he-IL" altLang="he-IL">
              <a:solidFill>
                <a:prstClr val="black"/>
              </a:solidFill>
            </a:endParaRPr>
          </a:p>
        </p:txBody>
      </p:sp>
      <p:sp>
        <p:nvSpPr>
          <p:cNvPr id="125963" name="TextBox 12"/>
          <p:cNvSpPr txBox="1">
            <a:spLocks noChangeArrowheads="1"/>
          </p:cNvSpPr>
          <p:nvPr/>
        </p:nvSpPr>
        <p:spPr bwMode="auto">
          <a:xfrm>
            <a:off x="5922963" y="4241800"/>
            <a:ext cx="1798637" cy="461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a:lnSpc>
                <a:spcPct val="100000"/>
              </a:lnSpc>
              <a:spcBef>
                <a:spcPct val="0"/>
              </a:spcBef>
              <a:buFontTx/>
              <a:buNone/>
            </a:pPr>
            <a:r>
              <a:rPr lang="he-IL" altLang="he-IL">
                <a:solidFill>
                  <a:prstClr val="black"/>
                </a:solidFill>
              </a:rPr>
              <a:t>ברע</a:t>
            </a:r>
            <a:r>
              <a:rPr lang="en-US" altLang="he-IL">
                <a:solidFill>
                  <a:prstClr val="black"/>
                </a:solidFill>
              </a:rPr>
              <a:t>'</a:t>
            </a:r>
            <a:r>
              <a:rPr lang="he-IL" altLang="he-IL">
                <a:solidFill>
                  <a:prstClr val="black"/>
                </a:solidFill>
              </a:rPr>
              <a:t>ותי</a:t>
            </a:r>
          </a:p>
        </p:txBody>
      </p:sp>
      <p:pic>
        <p:nvPicPr>
          <p:cNvPr id="125964" name="Picture 96"/>
          <p:cNvPicPr>
            <a:picLocks noChangeArrowheads="1"/>
          </p:cNvPicPr>
          <p:nvPr/>
        </p:nvPicPr>
        <p:blipFill>
          <a:blip r:embed="rId8">
            <a:extLst>
              <a:ext uri="{28A0092B-C50C-407E-A947-70E740481C1C}">
                <a14:useLocalDpi xmlns:a14="http://schemas.microsoft.com/office/drawing/2010/main" val="0"/>
              </a:ext>
            </a:extLst>
          </a:blip>
          <a:srcRect l="17496" r="12566"/>
          <a:stretch>
            <a:fillRect/>
          </a:stretch>
        </p:blipFill>
        <p:spPr bwMode="auto">
          <a:xfrm>
            <a:off x="1671638" y="2382838"/>
            <a:ext cx="1258887" cy="1800225"/>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125965" name="Picture 94" descr="http://www.aljazeera.net/mritems/images/2002/2/17/1_82039_1_4.jpg"/>
          <p:cNvPicPr>
            <a:picLocks noChangeArrowheads="1"/>
          </p:cNvPicPr>
          <p:nvPr/>
        </p:nvPicPr>
        <p:blipFill>
          <a:blip r:embed="rId9" r:link="rId10">
            <a:extLst>
              <a:ext uri="{28A0092B-C50C-407E-A947-70E740481C1C}">
                <a14:useLocalDpi xmlns:a14="http://schemas.microsoft.com/office/drawing/2010/main" val="0"/>
              </a:ext>
            </a:extLst>
          </a:blip>
          <a:srcRect l="15031" r="15031"/>
          <a:stretch>
            <a:fillRect/>
          </a:stretch>
        </p:blipFill>
        <p:spPr bwMode="auto">
          <a:xfrm>
            <a:off x="3179763" y="2382838"/>
            <a:ext cx="1258887" cy="1800225"/>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125966" name="Picture 163"/>
          <p:cNvPicPr>
            <a:picLocks noChangeArrowheads="1"/>
          </p:cNvPicPr>
          <p:nvPr/>
        </p:nvPicPr>
        <p:blipFill>
          <a:blip r:embed="rId11">
            <a:extLst>
              <a:ext uri="{28A0092B-C50C-407E-A947-70E740481C1C}">
                <a14:useLocalDpi xmlns:a14="http://schemas.microsoft.com/office/drawing/2010/main" val="0"/>
              </a:ext>
            </a:extLst>
          </a:blip>
          <a:srcRect l="15031" r="15031"/>
          <a:stretch>
            <a:fillRect/>
          </a:stretch>
        </p:blipFill>
        <p:spPr bwMode="auto">
          <a:xfrm>
            <a:off x="163513" y="2382838"/>
            <a:ext cx="1258887" cy="1800225"/>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sp>
        <p:nvSpPr>
          <p:cNvPr id="125967" name="TextBox 17"/>
          <p:cNvSpPr txBox="1">
            <a:spLocks noChangeArrowheads="1"/>
          </p:cNvSpPr>
          <p:nvPr/>
        </p:nvSpPr>
        <p:spPr bwMode="auto">
          <a:xfrm>
            <a:off x="1379538" y="4241800"/>
            <a:ext cx="1800225" cy="461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a:lnSpc>
                <a:spcPct val="100000"/>
              </a:lnSpc>
              <a:spcBef>
                <a:spcPct val="0"/>
              </a:spcBef>
              <a:buFontTx/>
              <a:buNone/>
            </a:pPr>
            <a:r>
              <a:rPr lang="he-IL" altLang="he-IL">
                <a:solidFill>
                  <a:prstClr val="black"/>
                </a:solidFill>
              </a:rPr>
              <a:t>דחלאן</a:t>
            </a:r>
          </a:p>
        </p:txBody>
      </p:sp>
      <p:sp>
        <p:nvSpPr>
          <p:cNvPr id="125968" name="TextBox 18"/>
          <p:cNvSpPr txBox="1">
            <a:spLocks noChangeArrowheads="1"/>
          </p:cNvSpPr>
          <p:nvPr/>
        </p:nvSpPr>
        <p:spPr bwMode="auto">
          <a:xfrm>
            <a:off x="-107950" y="4241800"/>
            <a:ext cx="1800225" cy="461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a:lnSpc>
                <a:spcPct val="100000"/>
              </a:lnSpc>
              <a:spcBef>
                <a:spcPct val="0"/>
              </a:spcBef>
              <a:buFontTx/>
              <a:buNone/>
            </a:pPr>
            <a:r>
              <a:rPr lang="he-IL" altLang="he-IL">
                <a:solidFill>
                  <a:prstClr val="black"/>
                </a:solidFill>
              </a:rPr>
              <a:t>אשתיה</a:t>
            </a:r>
          </a:p>
        </p:txBody>
      </p:sp>
    </p:spTree>
    <p:extLst>
      <p:ext uri="{BB962C8B-B14F-4D97-AF65-F5344CB8AC3E}">
        <p14:creationId xmlns:p14="http://schemas.microsoft.com/office/powerpoint/2010/main" val="4239749158"/>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1746" name="Picture 6" descr="מרזוק-גדול"/>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607300" y="2924175"/>
            <a:ext cx="1428750" cy="1946275"/>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31747" name="Picture 3" descr="C:\Documents and Settings\t01791760\My Documents\My Received Files\Picture1.jpg"/>
          <p:cNvPicPr>
            <a:picLocks noChangeAspect="1" noChangeArrowheads="1"/>
          </p:cNvPicPr>
          <p:nvPr/>
        </p:nvPicPr>
        <p:blipFill>
          <a:blip r:embed="rId4">
            <a:extLst>
              <a:ext uri="{28A0092B-C50C-407E-A947-70E740481C1C}">
                <a14:useLocalDpi xmlns:a14="http://schemas.microsoft.com/office/drawing/2010/main" val="0"/>
              </a:ext>
            </a:extLst>
          </a:blip>
          <a:srcRect l="51215" t="2628" r="5782" b="2559"/>
          <a:stretch>
            <a:fillRect/>
          </a:stretch>
        </p:blipFill>
        <p:spPr bwMode="auto">
          <a:xfrm>
            <a:off x="6369050" y="3429000"/>
            <a:ext cx="1335088" cy="1944688"/>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sp>
        <p:nvSpPr>
          <p:cNvPr id="31748" name="Title 5"/>
          <p:cNvSpPr>
            <a:spLocks noGrp="1"/>
          </p:cNvSpPr>
          <p:nvPr>
            <p:ph type="title"/>
          </p:nvPr>
        </p:nvSpPr>
        <p:spPr>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p>
            <a:pPr algn="ctr" defTabSz="685983" fontAlgn="auto">
              <a:lnSpc>
                <a:spcPct val="90000"/>
              </a:lnSpc>
              <a:spcAft>
                <a:spcPts val="0"/>
              </a:spcAft>
            </a:pPr>
            <a:r>
              <a:rPr lang="he-IL" altLang="he-IL" sz="4000" b="1" kern="1200" cap="all"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מנהיגות משתנה....</a:t>
            </a:r>
            <a:endParaRPr lang="he-IL" altLang="he-IL" sz="4000" b="1" kern="1200" cap="all"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
        <p:nvSpPr>
          <p:cNvPr id="31749" name="TextBox 6"/>
          <p:cNvSpPr txBox="1">
            <a:spLocks noChangeArrowheads="1"/>
          </p:cNvSpPr>
          <p:nvPr/>
        </p:nvSpPr>
        <p:spPr bwMode="auto">
          <a:xfrm>
            <a:off x="161925" y="8078788"/>
            <a:ext cx="8720138" cy="461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eaLnBrk="1" hangingPunct="1">
              <a:lnSpc>
                <a:spcPct val="100000"/>
              </a:lnSpc>
              <a:spcBef>
                <a:spcPct val="0"/>
              </a:spcBef>
              <a:buFontTx/>
              <a:buNone/>
            </a:pPr>
            <a:endParaRPr lang="en-US" altLang="he-IL">
              <a:solidFill>
                <a:srgbClr val="000000"/>
              </a:solidFill>
            </a:endParaRPr>
          </a:p>
        </p:txBody>
      </p:sp>
      <p:pic>
        <p:nvPicPr>
          <p:cNvPr id="31750" name="Picture 221" descr="אסמאעיל הניה - חיוך מליון דולר"/>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051425" y="1916113"/>
            <a:ext cx="1428750" cy="1933575"/>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31751" name="Picture 2" descr="Palestinian Authority Prime Minister Salam Fayyad at a press conference in 2009 (photo credit: Issam Rimawi/Flash90)"/>
          <p:cNvPicPr>
            <a:picLocks noChangeAspect="1" noChangeArrowheads="1"/>
          </p:cNvPicPr>
          <p:nvPr/>
        </p:nvPicPr>
        <p:blipFill>
          <a:blip r:embed="rId6">
            <a:extLst>
              <a:ext uri="{28A0092B-C50C-407E-A947-70E740481C1C}">
                <a14:useLocalDpi xmlns:a14="http://schemas.microsoft.com/office/drawing/2010/main" val="0"/>
              </a:ext>
            </a:extLst>
          </a:blip>
          <a:srcRect r="27682"/>
          <a:stretch>
            <a:fillRect/>
          </a:stretch>
        </p:blipFill>
        <p:spPr bwMode="auto">
          <a:xfrm>
            <a:off x="1476375" y="2420938"/>
            <a:ext cx="1982788" cy="1584325"/>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31752" name="Picture 2" descr="http://2.bp.blogspot.com/_Nvqzpq9ZfEg/TIO7-aADExI/AAAAAAAAFVc/p3zFhb3gFcI/s1600/angry+abbas.jpg"/>
          <p:cNvPicPr>
            <a:picLocks noChangeAspect="1" noChangeArrowheads="1"/>
          </p:cNvPicPr>
          <p:nvPr/>
        </p:nvPicPr>
        <p:blipFill>
          <a:blip r:embed="rId7">
            <a:extLst>
              <a:ext uri="{28A0092B-C50C-407E-A947-70E740481C1C}">
                <a14:useLocalDpi xmlns:a14="http://schemas.microsoft.com/office/drawing/2010/main" val="0"/>
              </a:ext>
            </a:extLst>
          </a:blip>
          <a:srcRect l="3374" r="5687"/>
          <a:stretch>
            <a:fillRect/>
          </a:stretch>
        </p:blipFill>
        <p:spPr bwMode="auto">
          <a:xfrm>
            <a:off x="227013" y="1773238"/>
            <a:ext cx="2041525" cy="2016125"/>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31753" name="Picture 7"/>
          <p:cNvPicPr>
            <a:picLocks noChangeAspect="1" noChangeArrowheads="1"/>
          </p:cNvPicPr>
          <p:nvPr/>
        </p:nvPicPr>
        <p:blipFill>
          <a:blip r:embed="rId8">
            <a:extLst>
              <a:ext uri="{28A0092B-C50C-407E-A947-70E740481C1C}">
                <a14:useLocalDpi xmlns:a14="http://schemas.microsoft.com/office/drawing/2010/main" val="0"/>
              </a:ext>
            </a:extLst>
          </a:blip>
          <a:srcRect l="15833" r="10339"/>
          <a:stretch>
            <a:fillRect/>
          </a:stretch>
        </p:blipFill>
        <p:spPr bwMode="auto">
          <a:xfrm>
            <a:off x="6492875" y="1773238"/>
            <a:ext cx="1428750" cy="1935162"/>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31754" name="Picture 23" descr="\\Netapp01kirya\anaf41_ayosh$\חוליית בטחוני\עזרים\תמונות\מנגנוני פתח\אישים\מאג'ד פרג', מפקד המוד'צ החדש.jpg"/>
          <p:cNvPicPr>
            <a:picLocks noChangeAspect="1" noChangeArrowheads="1"/>
          </p:cNvPicPr>
          <p:nvPr/>
        </p:nvPicPr>
        <p:blipFill>
          <a:blip r:embed="rId9">
            <a:extLst>
              <a:ext uri="{28A0092B-C50C-407E-A947-70E740481C1C}">
                <a14:useLocalDpi xmlns:a14="http://schemas.microsoft.com/office/drawing/2010/main" val="0"/>
              </a:ext>
            </a:extLst>
          </a:blip>
          <a:srcRect l="8406" r="2222" b="13255"/>
          <a:stretch>
            <a:fillRect/>
          </a:stretch>
        </p:blipFill>
        <p:spPr bwMode="auto">
          <a:xfrm>
            <a:off x="2484438" y="3429000"/>
            <a:ext cx="1249362" cy="1887538"/>
          </a:xfrm>
          <a:prstGeom prst="rect">
            <a:avLst/>
          </a:prstGeom>
          <a:noFill/>
          <a:ln w="9525">
            <a:solidFill>
              <a:schemeClr val="tx2"/>
            </a:solidFill>
            <a:miter lim="800000"/>
            <a:headEnd/>
            <a:tailEnd/>
          </a:ln>
          <a:extLst>
            <a:ext uri="{909E8E84-426E-40DD-AFC4-6F175D3DCCD1}">
              <a14:hiddenFill xmlns:a14="http://schemas.microsoft.com/office/drawing/2010/main">
                <a:solidFill>
                  <a:srgbClr val="FFFFFF"/>
                </a:solidFill>
              </a14:hiddenFill>
            </a:ext>
          </a:extLst>
        </p:spPr>
      </p:pic>
      <p:pic>
        <p:nvPicPr>
          <p:cNvPr id="26" name="Picture 6" descr="מרואן"/>
          <p:cNvPicPr>
            <a:picLocks noChangeArrowheads="1"/>
          </p:cNvPicPr>
          <p:nvPr/>
        </p:nvPicPr>
        <p:blipFill>
          <a:blip r:embed="rId10"/>
          <a:srcRect l="6769"/>
          <a:stretch>
            <a:fillRect/>
          </a:stretch>
        </p:blipFill>
        <p:spPr bwMode="auto">
          <a:xfrm>
            <a:off x="107950" y="3500438"/>
            <a:ext cx="1223963" cy="1873250"/>
          </a:xfrm>
          <a:prstGeom prst="rect">
            <a:avLst/>
          </a:prstGeom>
          <a:ln w="9525" cap="sq">
            <a:solidFill>
              <a:srgbClr val="FF0000"/>
            </a:solidFill>
            <a:prstDash val="solid"/>
            <a:miter lim="800000"/>
          </a:ln>
          <a:effectLst>
            <a:outerShdw blurRad="50800" dist="38100" dir="2700000" algn="tl" rotWithShape="0">
              <a:srgbClr val="000000">
                <a:alpha val="43000"/>
              </a:srgbClr>
            </a:outerShdw>
          </a:effectLst>
        </p:spPr>
      </p:pic>
      <p:pic>
        <p:nvPicPr>
          <p:cNvPr id="31756" name="Picture 2" descr="\\netapp01kirya\anaf47_zimap$\תמונות\אישים\איוש\אבו מאזן\עם דחלאן.jpg"/>
          <p:cNvPicPr>
            <a:picLocks noChangeAspect="1" noChangeArrowheads="1"/>
          </p:cNvPicPr>
          <p:nvPr/>
        </p:nvPicPr>
        <p:blipFill>
          <a:blip r:embed="rId11">
            <a:extLst>
              <a:ext uri="{28A0092B-C50C-407E-A947-70E740481C1C}">
                <a14:useLocalDpi xmlns:a14="http://schemas.microsoft.com/office/drawing/2010/main" val="0"/>
              </a:ext>
            </a:extLst>
          </a:blip>
          <a:srcRect l="41084" t="510" r="10809"/>
          <a:stretch>
            <a:fillRect/>
          </a:stretch>
        </p:blipFill>
        <p:spPr bwMode="auto">
          <a:xfrm>
            <a:off x="1331913" y="3789363"/>
            <a:ext cx="1289050" cy="1881187"/>
          </a:xfrm>
          <a:prstGeom prst="rect">
            <a:avLst/>
          </a:prstGeom>
          <a:noFill/>
          <a:ln w="9525">
            <a:solidFill>
              <a:schemeClr val="tx2"/>
            </a:solidFill>
            <a:miter lim="800000"/>
            <a:headEnd/>
            <a:tailEnd/>
          </a:ln>
          <a:extLst>
            <a:ext uri="{909E8E84-426E-40DD-AFC4-6F175D3DCCD1}">
              <a14:hiddenFill xmlns:a14="http://schemas.microsoft.com/office/drawing/2010/main">
                <a:solidFill>
                  <a:srgbClr val="FFFFFF"/>
                </a:solidFill>
              </a14:hiddenFill>
            </a:ext>
          </a:extLst>
        </p:spPr>
      </p:pic>
      <p:pic>
        <p:nvPicPr>
          <p:cNvPr id="31757" name="Picture 4" descr="http://megafon-news.co.il/asys/wp-content/uploads/2013/03/maan.west-bank13.-25.21.jpg"/>
          <p:cNvPicPr>
            <a:picLocks noChangeAspect="1" noChangeArrowheads="1"/>
          </p:cNvPicPr>
          <p:nvPr/>
        </p:nvPicPr>
        <p:blipFill>
          <a:blip r:embed="rId12">
            <a:extLst>
              <a:ext uri="{28A0092B-C50C-407E-A947-70E740481C1C}">
                <a14:useLocalDpi xmlns:a14="http://schemas.microsoft.com/office/drawing/2010/main" val="0"/>
              </a:ext>
            </a:extLst>
          </a:blip>
          <a:srcRect t="8121" r="19022" b="6799"/>
          <a:stretch>
            <a:fillRect/>
          </a:stretch>
        </p:blipFill>
        <p:spPr bwMode="auto">
          <a:xfrm>
            <a:off x="3924300" y="5084763"/>
            <a:ext cx="2354263" cy="15494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pic>
      <p:sp>
        <p:nvSpPr>
          <p:cNvPr id="2" name="קשת מלאה 1"/>
          <p:cNvSpPr/>
          <p:nvPr/>
        </p:nvSpPr>
        <p:spPr bwMode="auto">
          <a:xfrm>
            <a:off x="2843808" y="1340768"/>
            <a:ext cx="2207617" cy="2016224"/>
          </a:xfrm>
          <a:prstGeom prst="blockArc">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rtlCol="1"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he-IL" sz="2400" b="0" i="0" u="none" strike="noStrike" cap="none" normalizeH="0" baseline="0" smtClean="0">
              <a:ln>
                <a:noFill/>
              </a:ln>
              <a:solidFill>
                <a:schemeClr val="tx1"/>
              </a:solidFill>
              <a:effectLst/>
              <a:latin typeface="Times New Roman" pitchFamily="18" charset="0"/>
              <a:cs typeface="Times New Roman" pitchFamily="18" charset="0"/>
            </a:endParaRPr>
          </a:p>
        </p:txBody>
      </p:sp>
      <p:sp>
        <p:nvSpPr>
          <p:cNvPr id="3" name="TextBox 2"/>
          <p:cNvSpPr txBox="1"/>
          <p:nvPr/>
        </p:nvSpPr>
        <p:spPr>
          <a:xfrm>
            <a:off x="3203848" y="1412776"/>
            <a:ext cx="1203325" cy="461665"/>
          </a:xfrm>
          <a:prstGeom prst="rect">
            <a:avLst/>
          </a:prstGeom>
          <a:noFill/>
        </p:spPr>
        <p:txBody>
          <a:bodyPr wrap="square" rtlCol="1">
            <a:spAutoFit/>
          </a:bodyPr>
          <a:lstStyle/>
          <a:p>
            <a:r>
              <a:rPr lang="he-IL" dirty="0" smtClean="0"/>
              <a:t>אפשרי?</a:t>
            </a:r>
            <a:endParaRPr lang="he-IL" dirty="0"/>
          </a:p>
        </p:txBody>
      </p:sp>
    </p:spTree>
    <p:extLst>
      <p:ext uri="{BB962C8B-B14F-4D97-AF65-F5344CB8AC3E}">
        <p14:creationId xmlns:p14="http://schemas.microsoft.com/office/powerpoint/2010/main" val="2829204832"/>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7330" name="Title 1"/>
          <p:cNvSpPr txBox="1">
            <a:spLocks/>
          </p:cNvSpPr>
          <p:nvPr/>
        </p:nvSpPr>
        <p:spPr bwMode="auto">
          <a:xfrm>
            <a:off x="476250" y="-90264"/>
            <a:ext cx="8191500" cy="1143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lvl1pPr defTabSz="685983" rtl="1" eaLnBrk="1" fontAlgn="auto" hangingPunct="1">
              <a:lnSpc>
                <a:spcPct val="90000"/>
              </a:lnSpc>
              <a:spcAft>
                <a:spcPts val="0"/>
              </a:spcAft>
              <a:defRPr sz="4000" b="1" cap="all">
                <a:solidFill>
                  <a:srgbClr val="0070C0"/>
                </a:solidFill>
                <a:effectLst>
                  <a:outerShdw blurRad="38100" dist="38100" dir="2700000" algn="tl">
                    <a:srgbClr val="000000">
                      <a:alpha val="43137"/>
                    </a:srgbClr>
                  </a:outerShdw>
                </a:effectLst>
                <a:latin typeface="Narkisim" panose="020E0502050101010101" pitchFamily="34" charset="-79"/>
                <a:ea typeface="+mj-ea"/>
                <a:cs typeface="Narkisim" panose="020E0502050101010101" pitchFamily="34" charset="-79"/>
              </a:defRPr>
            </a:lvl1pPr>
            <a:lvl2pPr algn="r" rtl="1" eaLnBrk="1" hangingPunct="1">
              <a:defRPr sz="3200">
                <a:latin typeface="Century Schoolbook" pitchFamily="18" charset="0"/>
              </a:defRPr>
            </a:lvl2pPr>
            <a:lvl3pPr algn="r" rtl="1" eaLnBrk="1" hangingPunct="1">
              <a:defRPr sz="3200">
                <a:latin typeface="Century Schoolbook" pitchFamily="18" charset="0"/>
              </a:defRPr>
            </a:lvl3pPr>
            <a:lvl4pPr algn="r" rtl="1" eaLnBrk="1" hangingPunct="1">
              <a:defRPr sz="3200">
                <a:latin typeface="Century Schoolbook" pitchFamily="18" charset="0"/>
              </a:defRPr>
            </a:lvl4pPr>
            <a:lvl5pPr algn="r" rtl="1" eaLnBrk="1" hangingPunct="1">
              <a:defRPr sz="3200">
                <a:latin typeface="Century Schoolbook" pitchFamily="18" charset="0"/>
              </a:defRPr>
            </a:lvl5pPr>
            <a:lvl6pPr marL="457200" algn="r" rtl="1" fontAlgn="base">
              <a:spcBef>
                <a:spcPct val="0"/>
              </a:spcBef>
              <a:spcAft>
                <a:spcPct val="0"/>
              </a:spcAft>
              <a:defRPr sz="3200">
                <a:latin typeface="Century Schoolbook" pitchFamily="18" charset="0"/>
              </a:defRPr>
            </a:lvl6pPr>
            <a:lvl7pPr marL="914400" algn="r" rtl="1" fontAlgn="base">
              <a:spcBef>
                <a:spcPct val="0"/>
              </a:spcBef>
              <a:spcAft>
                <a:spcPct val="0"/>
              </a:spcAft>
              <a:defRPr sz="3200">
                <a:latin typeface="Century Schoolbook" pitchFamily="18" charset="0"/>
              </a:defRPr>
            </a:lvl7pPr>
            <a:lvl8pPr marL="1371600" algn="r" rtl="1" fontAlgn="base">
              <a:spcBef>
                <a:spcPct val="0"/>
              </a:spcBef>
              <a:spcAft>
                <a:spcPct val="0"/>
              </a:spcAft>
              <a:defRPr sz="3200">
                <a:latin typeface="Century Schoolbook" pitchFamily="18" charset="0"/>
              </a:defRPr>
            </a:lvl8pPr>
            <a:lvl9pPr marL="1828800" algn="r" rtl="1" fontAlgn="base">
              <a:spcBef>
                <a:spcPct val="0"/>
              </a:spcBef>
              <a:spcAft>
                <a:spcPct val="0"/>
              </a:spcAft>
              <a:defRPr sz="3200">
                <a:latin typeface="Century Schoolbook" pitchFamily="18" charset="0"/>
              </a:defRPr>
            </a:lvl9pPr>
          </a:lstStyle>
          <a:p>
            <a:r>
              <a:rPr lang="he-IL" altLang="he-IL" dirty="0"/>
              <a:t>הציבור הפלשתיני</a:t>
            </a:r>
          </a:p>
        </p:txBody>
      </p:sp>
      <p:sp>
        <p:nvSpPr>
          <p:cNvPr id="227331" name="Rectangle 3"/>
          <p:cNvSpPr txBox="1">
            <a:spLocks noChangeArrowheads="1"/>
          </p:cNvSpPr>
          <p:nvPr/>
        </p:nvSpPr>
        <p:spPr bwMode="auto">
          <a:xfrm>
            <a:off x="161925" y="5806455"/>
            <a:ext cx="8802688" cy="11509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marL="342900" indent="-3429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marL="0" lvl="1">
              <a:spcBef>
                <a:spcPct val="0"/>
              </a:spcBef>
              <a:buSzPct val="75000"/>
              <a:buFontTx/>
              <a:buNone/>
            </a:pPr>
            <a:r>
              <a:rPr lang="he-IL" altLang="he-IL" dirty="0" smtClean="0">
                <a:solidFill>
                  <a:srgbClr val="000000"/>
                </a:solidFill>
                <a:latin typeface="Guttman Hatzvi" panose="02010401010101010101" pitchFamily="2" charset="-79"/>
              </a:rPr>
              <a:t>עזה </a:t>
            </a:r>
            <a:r>
              <a:rPr lang="he-IL" altLang="he-IL" dirty="0" err="1" smtClean="0">
                <a:solidFill>
                  <a:srgbClr val="000000"/>
                </a:solidFill>
                <a:latin typeface="Guttman Hatzvi" panose="02010401010101010101" pitchFamily="2" charset="-79"/>
              </a:rPr>
              <a:t>איו"ש</a:t>
            </a:r>
            <a:r>
              <a:rPr lang="he-IL" altLang="he-IL" dirty="0" smtClean="0">
                <a:solidFill>
                  <a:srgbClr val="000000"/>
                </a:solidFill>
                <a:latin typeface="Guttman Hatzvi" panose="02010401010101010101" pitchFamily="2" charset="-79"/>
              </a:rPr>
              <a:t>, רווחה/מצוקה, קידמה/</a:t>
            </a:r>
            <a:r>
              <a:rPr lang="he-IL" altLang="he-IL" dirty="0" err="1" smtClean="0">
                <a:solidFill>
                  <a:srgbClr val="000000"/>
                </a:solidFill>
                <a:latin typeface="Guttman Hatzvi" panose="02010401010101010101" pitchFamily="2" charset="-79"/>
              </a:rPr>
              <a:t>הדתה</a:t>
            </a:r>
            <a:r>
              <a:rPr lang="he-IL" altLang="he-IL" dirty="0" smtClean="0">
                <a:solidFill>
                  <a:srgbClr val="000000"/>
                </a:solidFill>
                <a:latin typeface="Guttman Hatzvi" panose="02010401010101010101" pitchFamily="2" charset="-79"/>
              </a:rPr>
              <a:t>, ייאוש/תקווה, חמאס/רש"פ, צעירים/ותיקים, "</a:t>
            </a:r>
            <a:r>
              <a:rPr lang="he-IL" altLang="he-IL" dirty="0">
                <a:solidFill>
                  <a:srgbClr val="000000"/>
                </a:solidFill>
                <a:latin typeface="Guttman Hatzvi" panose="02010401010101010101" pitchFamily="2" charset="-79"/>
              </a:rPr>
              <a:t>העדר אופק" ו"אין מה להפסיד</a:t>
            </a:r>
            <a:r>
              <a:rPr lang="he-IL" altLang="he-IL" dirty="0" smtClean="0">
                <a:solidFill>
                  <a:srgbClr val="000000"/>
                </a:solidFill>
                <a:latin typeface="Guttman Hatzvi" panose="02010401010101010101" pitchFamily="2" charset="-79"/>
              </a:rPr>
              <a:t>" או תחושת "יש זמן", מערב/ערב ?</a:t>
            </a:r>
            <a:r>
              <a:rPr lang="en-US" altLang="he-IL" dirty="0" smtClean="0">
                <a:solidFill>
                  <a:srgbClr val="000000"/>
                </a:solidFill>
                <a:latin typeface="Guttman Hatzvi" panose="02010401010101010101" pitchFamily="2" charset="-79"/>
              </a:rPr>
              <a:t> </a:t>
            </a:r>
            <a:endParaRPr lang="he-IL" altLang="he-IL" dirty="0">
              <a:solidFill>
                <a:srgbClr val="000000"/>
              </a:solidFill>
              <a:latin typeface="Guttman Hatzvi" panose="02010401010101010101" pitchFamily="2" charset="-79"/>
            </a:endParaRPr>
          </a:p>
        </p:txBody>
      </p:sp>
      <p:pic>
        <p:nvPicPr>
          <p:cNvPr id="227332" name="Picture 3"/>
          <p:cNvPicPr>
            <a:picLocks noChangeAspect="1" noChangeArrowheads="1"/>
          </p:cNvPicPr>
          <p:nvPr/>
        </p:nvPicPr>
        <p:blipFill>
          <a:blip r:embed="rId3">
            <a:extLst>
              <a:ext uri="{28A0092B-C50C-407E-A947-70E740481C1C}">
                <a14:useLocalDpi xmlns:a14="http://schemas.microsoft.com/office/drawing/2010/main" val="0"/>
              </a:ext>
            </a:extLst>
          </a:blip>
          <a:srcRect l="1567" t="18810" r="13240" b="47665"/>
          <a:stretch>
            <a:fillRect/>
          </a:stretch>
        </p:blipFill>
        <p:spPr bwMode="auto">
          <a:xfrm>
            <a:off x="2248111" y="1196752"/>
            <a:ext cx="6716501" cy="2088232"/>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5"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9720" y="1196752"/>
            <a:ext cx="3290887" cy="4609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 name="Picture 4" descr="http://megafon-news.co.il/asys/wp-content/uploads/2013/03/maan.west-bank13.-25.21.jpg"/>
          <p:cNvPicPr>
            <a:picLocks noChangeAspect="1" noChangeArrowheads="1"/>
          </p:cNvPicPr>
          <p:nvPr/>
        </p:nvPicPr>
        <p:blipFill>
          <a:blip r:embed="rId5">
            <a:extLst>
              <a:ext uri="{28A0092B-C50C-407E-A947-70E740481C1C}">
                <a14:useLocalDpi xmlns:a14="http://schemas.microsoft.com/office/drawing/2010/main" val="0"/>
              </a:ext>
            </a:extLst>
          </a:blip>
          <a:srcRect t="8121" r="19022" b="6799"/>
          <a:stretch>
            <a:fillRect/>
          </a:stretch>
        </p:blipFill>
        <p:spPr bwMode="auto">
          <a:xfrm>
            <a:off x="3452812" y="3485356"/>
            <a:ext cx="2465339" cy="2321098"/>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pic>
      <p:pic>
        <p:nvPicPr>
          <p:cNvPr id="7" name="Picture 208" descr="http://www.maannews.net/images/PhotoViewer/197880.jpg"/>
          <p:cNvPicPr preferRelativeResize="0">
            <a:picLocks noChangeArrowheads="1"/>
          </p:cNvPicPr>
          <p:nvPr/>
        </p:nvPicPr>
        <p:blipFill>
          <a:blip r:embed="rId6" cstate="print"/>
          <a:srcRect l="4814" t="2843" r="30634"/>
          <a:stretch>
            <a:fillRect/>
          </a:stretch>
        </p:blipFill>
        <p:spPr bwMode="auto">
          <a:xfrm>
            <a:off x="6171432" y="3395776"/>
            <a:ext cx="2792412" cy="2410680"/>
          </a:xfrm>
          <a:prstGeom prst="rect">
            <a:avLst/>
          </a:prstGeom>
          <a:noFill/>
          <a:ln w="9525">
            <a:noFill/>
            <a:miter lim="800000"/>
            <a:headEnd/>
            <a:tailEnd/>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pic>
    </p:spTree>
    <p:extLst>
      <p:ext uri="{BB962C8B-B14F-4D97-AF65-F5344CB8AC3E}">
        <p14:creationId xmlns:p14="http://schemas.microsoft.com/office/powerpoint/2010/main" val="25996628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9810" name="TextBox 1"/>
          <p:cNvSpPr txBox="1">
            <a:spLocks noChangeArrowheads="1"/>
          </p:cNvSpPr>
          <p:nvPr/>
        </p:nvSpPr>
        <p:spPr bwMode="auto">
          <a:xfrm>
            <a:off x="276225" y="332656"/>
            <a:ext cx="8715375" cy="60478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defPPr>
              <a:defRPr lang="en-US"/>
            </a:defPPr>
            <a:lvl1pPr defTabSz="685983" rtl="1" eaLnBrk="1" fontAlgn="auto" hangingPunct="1">
              <a:lnSpc>
                <a:spcPct val="90000"/>
              </a:lnSpc>
              <a:spcAft>
                <a:spcPts val="0"/>
              </a:spcAft>
              <a:defRPr sz="3600" b="1" cap="all">
                <a:solidFill>
                  <a:srgbClr val="0070C0"/>
                </a:solidFill>
                <a:effectLst>
                  <a:outerShdw blurRad="38100" dist="38100" dir="2700000" algn="tl">
                    <a:srgbClr val="000000">
                      <a:alpha val="43137"/>
                    </a:srgbClr>
                  </a:outerShdw>
                </a:effectLst>
                <a:latin typeface="Narkisim" panose="020E0502050101010101" pitchFamily="34" charset="-79"/>
                <a:ea typeface="+mj-ea"/>
                <a:cs typeface="Narkisim" panose="020E0502050101010101" pitchFamily="34" charset="-79"/>
              </a:defRPr>
            </a:lvl1pPr>
            <a:lvl2pPr algn="r" rtl="1" eaLnBrk="1" hangingPunct="1">
              <a:defRPr sz="3200">
                <a:latin typeface="Century Schoolbook" pitchFamily="18" charset="0"/>
              </a:defRPr>
            </a:lvl2pPr>
            <a:lvl3pPr algn="r" rtl="1" eaLnBrk="1" hangingPunct="1">
              <a:defRPr sz="3200">
                <a:latin typeface="Century Schoolbook" pitchFamily="18" charset="0"/>
              </a:defRPr>
            </a:lvl3pPr>
            <a:lvl4pPr algn="r" rtl="1" eaLnBrk="1" hangingPunct="1">
              <a:defRPr sz="3200">
                <a:latin typeface="Century Schoolbook" pitchFamily="18" charset="0"/>
              </a:defRPr>
            </a:lvl4pPr>
            <a:lvl5pPr algn="r" rtl="1" eaLnBrk="1" hangingPunct="1">
              <a:defRPr sz="3200">
                <a:latin typeface="Century Schoolbook" pitchFamily="18" charset="0"/>
              </a:defRPr>
            </a:lvl5pPr>
            <a:lvl6pPr marL="457200" algn="r" rtl="1" fontAlgn="base">
              <a:spcBef>
                <a:spcPct val="0"/>
              </a:spcBef>
              <a:spcAft>
                <a:spcPct val="0"/>
              </a:spcAft>
              <a:defRPr sz="3200">
                <a:latin typeface="Century Schoolbook" pitchFamily="18" charset="0"/>
              </a:defRPr>
            </a:lvl6pPr>
            <a:lvl7pPr marL="914400" algn="r" rtl="1" fontAlgn="base">
              <a:spcBef>
                <a:spcPct val="0"/>
              </a:spcBef>
              <a:spcAft>
                <a:spcPct val="0"/>
              </a:spcAft>
              <a:defRPr sz="3200">
                <a:latin typeface="Century Schoolbook" pitchFamily="18" charset="0"/>
              </a:defRPr>
            </a:lvl7pPr>
            <a:lvl8pPr marL="1371600" algn="r" rtl="1" fontAlgn="base">
              <a:spcBef>
                <a:spcPct val="0"/>
              </a:spcBef>
              <a:spcAft>
                <a:spcPct val="0"/>
              </a:spcAft>
              <a:defRPr sz="3200">
                <a:latin typeface="Century Schoolbook" pitchFamily="18" charset="0"/>
              </a:defRPr>
            </a:lvl8pPr>
            <a:lvl9pPr marL="1828800" algn="r" rtl="1" fontAlgn="base">
              <a:spcBef>
                <a:spcPct val="0"/>
              </a:spcBef>
              <a:spcAft>
                <a:spcPct val="0"/>
              </a:spcAft>
              <a:defRPr sz="3200">
                <a:latin typeface="Century Schoolbook" pitchFamily="18" charset="0"/>
              </a:defRPr>
            </a:lvl9pPr>
          </a:lstStyle>
          <a:p>
            <a:r>
              <a:rPr lang="he-IL" altLang="he-IL" dirty="0"/>
              <a:t>הציבור </a:t>
            </a:r>
            <a:r>
              <a:rPr lang="he-IL" altLang="he-IL" dirty="0" err="1" smtClean="0"/>
              <a:t>מתחמאס</a:t>
            </a:r>
            <a:r>
              <a:rPr lang="he-IL" altLang="he-IL" dirty="0" smtClean="0"/>
              <a:t> </a:t>
            </a:r>
            <a:r>
              <a:rPr lang="he-IL" altLang="he-IL" dirty="0" err="1" smtClean="0"/>
              <a:t>ביהו"ש</a:t>
            </a:r>
            <a:r>
              <a:rPr lang="he-IL" altLang="he-IL" dirty="0" smtClean="0"/>
              <a:t> ?</a:t>
            </a:r>
            <a:endParaRPr lang="he-IL" altLang="he-IL" dirty="0"/>
          </a:p>
        </p:txBody>
      </p:sp>
      <p:sp>
        <p:nvSpPr>
          <p:cNvPr id="119811" name="TextBox 10"/>
          <p:cNvSpPr txBox="1">
            <a:spLocks noChangeArrowheads="1"/>
          </p:cNvSpPr>
          <p:nvPr/>
        </p:nvSpPr>
        <p:spPr bwMode="auto">
          <a:xfrm>
            <a:off x="161925" y="5118100"/>
            <a:ext cx="8829675" cy="1200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nSpc>
                <a:spcPct val="100000"/>
              </a:lnSpc>
              <a:spcBef>
                <a:spcPct val="30000"/>
              </a:spcBef>
              <a:buFontTx/>
              <a:buNone/>
            </a:pPr>
            <a:r>
              <a:rPr lang="he-IL" altLang="he-IL">
                <a:solidFill>
                  <a:srgbClr val="000000"/>
                </a:solidFill>
              </a:rPr>
              <a:t>התחזקות נרטיב ה"התנגדות"; התגייסות ציבורית (יחסית) נמוכה (עדיין); "התגייסות" למול ישראל (אסירים, "מאחזים"), ולנוכח אירועי "פנים" (כלכלה)</a:t>
            </a:r>
          </a:p>
        </p:txBody>
      </p:sp>
      <p:pic>
        <p:nvPicPr>
          <p:cNvPr id="119812" name="תמונה 40" descr="mhtml:file://C:\אלעד\אלעד161112\ram.mht!http://www.ajnad-news.com/site/ajnad/images/hebron/ram.jpg"/>
          <p:cNvPicPr>
            <a:picLocks noChangeAspect="1" noChangeArrowheads="1"/>
          </p:cNvPicPr>
          <p:nvPr/>
        </p:nvPicPr>
        <p:blipFill>
          <a:blip r:embed="rId3">
            <a:extLst>
              <a:ext uri="{28A0092B-C50C-407E-A947-70E740481C1C}">
                <a14:useLocalDpi xmlns:a14="http://schemas.microsoft.com/office/drawing/2010/main" val="0"/>
              </a:ext>
            </a:extLst>
          </a:blip>
          <a:srcRect t="9203"/>
          <a:stretch>
            <a:fillRect/>
          </a:stretch>
        </p:blipFill>
        <p:spPr bwMode="auto">
          <a:xfrm>
            <a:off x="179388" y="1844675"/>
            <a:ext cx="4348162" cy="2808288"/>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119813" name="fbPhotoImage" descr="http://sphotos-h.ak.fbcdn.net/hphotos-ak-prn1/538650_544945682183969_1946952944_n.jp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706938" y="1854200"/>
            <a:ext cx="4222750" cy="2798763"/>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005249138"/>
      </p:ext>
    </p:extLst>
  </p:cSld>
  <p:clrMapOvr>
    <a:masterClrMapping/>
  </p:clrMapOvr>
  <p:transition/>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88770" name="Picture 4" descr="N:\2014\יעפ\אברהם\clip art\house phone.jp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419475" y="1268413"/>
            <a:ext cx="1917700" cy="13192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88771" name="Picture 2" descr="N:\2014\יעפ\אברהם\clip art\computer.jp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19075" y="1347788"/>
            <a:ext cx="1947863" cy="1279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88772" name="Picture 3" descr="N:\2014\יעפ\אברהם\clip art\dish.pn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588125" y="2995613"/>
            <a:ext cx="1914525" cy="1320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88773" name="Picture 5" descr="N:\2014\יעפ\אברהם\clip art\internet.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50825" y="2995613"/>
            <a:ext cx="1917700" cy="1200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88774" name="Picture 6" descr="N:\2014\יעפ\אברהם\clip art\phone.jp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635375" y="3068638"/>
            <a:ext cx="1646238" cy="1228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88775" name="Picture 7" descr="N:\2014\יעפ\אברהם\clip art\tv.gif"/>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6804025" y="1484313"/>
            <a:ext cx="1728788" cy="1079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0664" name="TextBox 5"/>
          <p:cNvSpPr txBox="1">
            <a:spLocks noChangeArrowheads="1"/>
          </p:cNvSpPr>
          <p:nvPr/>
        </p:nvSpPr>
        <p:spPr bwMode="auto">
          <a:xfrm>
            <a:off x="214313" y="4953000"/>
            <a:ext cx="8715375" cy="1505027"/>
          </a:xfrm>
          <a:prstGeom prst="rect">
            <a:avLst/>
          </a:prstGeom>
          <a:solidFill>
            <a:schemeClr val="bg1">
              <a:lumMod val="95000"/>
            </a:schemeClr>
          </a:solidFill>
          <a:ln w="38100">
            <a:solidFill>
              <a:srgbClr val="8064A2"/>
            </a:solidFill>
            <a:miter lim="800000"/>
            <a:headEnd/>
            <a:tailEnd/>
          </a:ln>
        </p:spPr>
        <p:txBody>
          <a:bodyPr>
            <a:spAutoFit/>
          </a:bodyPr>
          <a:lstStyle/>
          <a:p>
            <a:pPr rtl="1">
              <a:lnSpc>
                <a:spcPct val="90000"/>
              </a:lnSpc>
              <a:spcBef>
                <a:spcPct val="20000"/>
              </a:spcBef>
              <a:defRPr/>
            </a:pPr>
            <a:r>
              <a:rPr lang="he-IL" b="1" dirty="0">
                <a:solidFill>
                  <a:srgbClr val="002060"/>
                </a:solidFill>
                <a:latin typeface="Narkisim" panose="020E0502050101010101" pitchFamily="34" charset="-79"/>
                <a:cs typeface="Narkisim" panose="020E0502050101010101" pitchFamily="34" charset="-79"/>
              </a:rPr>
              <a:t>מהפכת המידע חושפת את הציבור, ובמיוחד הצעירים, לאטרקציות של המערב ולנעשה בעולם...אך במקביל גם להטפות קנאים; הרשתות מאפשרות זרימה מהירה של מידע ורעיונות, אך גם עידוד לפעילות; </a:t>
            </a:r>
            <a:endParaRPr lang="he-IL" b="1" dirty="0" smtClean="0">
              <a:solidFill>
                <a:srgbClr val="002060"/>
              </a:solidFill>
              <a:latin typeface="Narkisim" panose="020E0502050101010101" pitchFamily="34" charset="-79"/>
              <a:cs typeface="Narkisim" panose="020E0502050101010101" pitchFamily="34" charset="-79"/>
            </a:endParaRPr>
          </a:p>
          <a:p>
            <a:pPr rtl="1">
              <a:lnSpc>
                <a:spcPct val="90000"/>
              </a:lnSpc>
              <a:spcBef>
                <a:spcPct val="20000"/>
              </a:spcBef>
              <a:defRPr/>
            </a:pPr>
            <a:r>
              <a:rPr lang="he-IL" b="1" dirty="0" smtClean="0">
                <a:solidFill>
                  <a:srgbClr val="002060"/>
                </a:solidFill>
                <a:latin typeface="Narkisim" panose="020E0502050101010101" pitchFamily="34" charset="-79"/>
                <a:cs typeface="Narkisim" panose="020E0502050101010101" pitchFamily="34" charset="-79"/>
              </a:rPr>
              <a:t>מודרנה </a:t>
            </a:r>
            <a:r>
              <a:rPr lang="he-IL" b="1" dirty="0">
                <a:solidFill>
                  <a:srgbClr val="002060"/>
                </a:solidFill>
                <a:latin typeface="Narkisim" panose="020E0502050101010101" pitchFamily="34" charset="-79"/>
                <a:cs typeface="Narkisim" panose="020E0502050101010101" pitchFamily="34" charset="-79"/>
              </a:rPr>
              <a:t>טכנולוגית ותרבותית - לא בהכרח אימוץ רעיונות מערביים</a:t>
            </a:r>
            <a:r>
              <a:rPr lang="en-US" b="1" dirty="0">
                <a:solidFill>
                  <a:srgbClr val="002060"/>
                </a:solidFill>
                <a:latin typeface="Narkisim" panose="020E0502050101010101" pitchFamily="34" charset="-79"/>
                <a:cs typeface="Narkisim" panose="020E0502050101010101" pitchFamily="34" charset="-79"/>
              </a:rPr>
              <a:t>!</a:t>
            </a:r>
          </a:p>
        </p:txBody>
      </p:sp>
      <p:sp>
        <p:nvSpPr>
          <p:cNvPr id="288777" name="כותרת 1"/>
          <p:cNvSpPr>
            <a:spLocks noGrp="1"/>
          </p:cNvSpPr>
          <p:nvPr>
            <p:ph type="title"/>
          </p:nvPr>
        </p:nvSpPr>
        <p:spPr>
          <a:xfrm>
            <a:off x="0" y="274638"/>
            <a:ext cx="8929688" cy="725487"/>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p>
            <a:pPr algn="ctr" defTabSz="685983" fontAlgn="auto">
              <a:lnSpc>
                <a:spcPct val="90000"/>
              </a:lnSpc>
              <a:spcAft>
                <a:spcPts val="0"/>
              </a:spcAft>
            </a:pPr>
            <a:r>
              <a:rPr lang="he-IL" altLang="he-IL" sz="4000" b="1" kern="1200" cap="all"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קידמה, תקשורת וטכנולוגיה</a:t>
            </a:r>
            <a:endParaRPr lang="en-US" altLang="he-IL" sz="4000" b="1" kern="1200" cap="all"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Tree>
    <p:extLst>
      <p:ext uri="{BB962C8B-B14F-4D97-AF65-F5344CB8AC3E}">
        <p14:creationId xmlns:p14="http://schemas.microsoft.com/office/powerpoint/2010/main" val="704508150"/>
      </p:ext>
    </p:extLst>
  </p:cSld>
  <p:clrMapOvr>
    <a:masterClrMapping/>
  </p:clrMapOvr>
  <p:transition/>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4738" name="TextBox 2"/>
          <p:cNvSpPr txBox="1">
            <a:spLocks noChangeArrowheads="1"/>
          </p:cNvSpPr>
          <p:nvPr/>
        </p:nvSpPr>
        <p:spPr bwMode="auto">
          <a:xfrm>
            <a:off x="357188" y="214313"/>
            <a:ext cx="8286750" cy="6617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defPPr>
              <a:defRPr lang="en-US"/>
            </a:defPPr>
            <a:lvl1pPr defTabSz="685983" rtl="1" eaLnBrk="1" fontAlgn="auto" hangingPunct="1">
              <a:lnSpc>
                <a:spcPct val="90000"/>
              </a:lnSpc>
              <a:spcAft>
                <a:spcPts val="0"/>
              </a:spcAft>
              <a:defRPr sz="4000" b="1" cap="all">
                <a:solidFill>
                  <a:srgbClr val="0070C0"/>
                </a:solidFill>
                <a:effectLst>
                  <a:outerShdw blurRad="38100" dist="38100" dir="2700000" algn="tl">
                    <a:srgbClr val="000000">
                      <a:alpha val="43137"/>
                    </a:srgbClr>
                  </a:outerShdw>
                </a:effectLst>
                <a:latin typeface="Narkisim" panose="020E0502050101010101" pitchFamily="34" charset="-79"/>
                <a:ea typeface="+mj-ea"/>
                <a:cs typeface="Narkisim" panose="020E0502050101010101" pitchFamily="34" charset="-79"/>
              </a:defRPr>
            </a:lvl1pPr>
            <a:lvl2pPr algn="r" rtl="1" eaLnBrk="1" hangingPunct="1">
              <a:defRPr sz="3200">
                <a:latin typeface="Century Schoolbook" pitchFamily="18" charset="0"/>
              </a:defRPr>
            </a:lvl2pPr>
            <a:lvl3pPr algn="r" rtl="1" eaLnBrk="1" hangingPunct="1">
              <a:defRPr sz="3200">
                <a:latin typeface="Century Schoolbook" pitchFamily="18" charset="0"/>
              </a:defRPr>
            </a:lvl3pPr>
            <a:lvl4pPr algn="r" rtl="1" eaLnBrk="1" hangingPunct="1">
              <a:defRPr sz="3200">
                <a:latin typeface="Century Schoolbook" pitchFamily="18" charset="0"/>
              </a:defRPr>
            </a:lvl4pPr>
            <a:lvl5pPr algn="r" rtl="1" eaLnBrk="1" hangingPunct="1">
              <a:defRPr sz="3200">
                <a:latin typeface="Century Schoolbook" pitchFamily="18" charset="0"/>
              </a:defRPr>
            </a:lvl5pPr>
            <a:lvl6pPr marL="457200" algn="r" rtl="1" fontAlgn="base">
              <a:spcBef>
                <a:spcPct val="0"/>
              </a:spcBef>
              <a:spcAft>
                <a:spcPct val="0"/>
              </a:spcAft>
              <a:defRPr sz="3200">
                <a:latin typeface="Century Schoolbook" pitchFamily="18" charset="0"/>
              </a:defRPr>
            </a:lvl6pPr>
            <a:lvl7pPr marL="914400" algn="r" rtl="1" fontAlgn="base">
              <a:spcBef>
                <a:spcPct val="0"/>
              </a:spcBef>
              <a:spcAft>
                <a:spcPct val="0"/>
              </a:spcAft>
              <a:defRPr sz="3200">
                <a:latin typeface="Century Schoolbook" pitchFamily="18" charset="0"/>
              </a:defRPr>
            </a:lvl7pPr>
            <a:lvl8pPr marL="1371600" algn="r" rtl="1" fontAlgn="base">
              <a:spcBef>
                <a:spcPct val="0"/>
              </a:spcBef>
              <a:spcAft>
                <a:spcPct val="0"/>
              </a:spcAft>
              <a:defRPr sz="3200">
                <a:latin typeface="Century Schoolbook" pitchFamily="18" charset="0"/>
              </a:defRPr>
            </a:lvl8pPr>
            <a:lvl9pPr marL="1828800" algn="r" rtl="1" fontAlgn="base">
              <a:spcBef>
                <a:spcPct val="0"/>
              </a:spcBef>
              <a:spcAft>
                <a:spcPct val="0"/>
              </a:spcAft>
              <a:defRPr sz="3200">
                <a:latin typeface="Century Schoolbook" pitchFamily="18" charset="0"/>
              </a:defRPr>
            </a:lvl9pPr>
          </a:lstStyle>
          <a:p>
            <a:r>
              <a:rPr lang="he-IL" altLang="he-IL" dirty="0"/>
              <a:t>הציבור </a:t>
            </a:r>
            <a:r>
              <a:rPr lang="he-IL" altLang="he-IL" dirty="0" smtClean="0"/>
              <a:t>הפלסטיני</a:t>
            </a:r>
            <a:endParaRPr lang="en-US" altLang="he-IL" dirty="0"/>
          </a:p>
        </p:txBody>
      </p:sp>
      <p:sp>
        <p:nvSpPr>
          <p:cNvPr id="125955" name="מלבן מעוגל 3"/>
          <p:cNvSpPr>
            <a:spLocks noChangeArrowheads="1"/>
          </p:cNvSpPr>
          <p:nvPr/>
        </p:nvSpPr>
        <p:spPr bwMode="auto">
          <a:xfrm>
            <a:off x="357188" y="2348880"/>
            <a:ext cx="8358187" cy="857250"/>
          </a:xfrm>
          <a:prstGeom prst="roundRect">
            <a:avLst>
              <a:gd name="adj" fmla="val 16667"/>
            </a:avLst>
          </a:prstGeom>
          <a:solidFill>
            <a:srgbClr val="002060"/>
          </a:solidFill>
          <a:ln w="25400" algn="ctr">
            <a:solidFill>
              <a:srgbClr val="385D8A"/>
            </a:solidFill>
            <a:round/>
            <a:headEnd/>
            <a:tailEnd/>
          </a:ln>
        </p:spPr>
        <p:txBody>
          <a:bodyPr anchor="ctr"/>
          <a:lstStyle/>
          <a:p>
            <a:pPr rtl="1"/>
            <a:r>
              <a:rPr lang="he-IL" sz="2600" b="1" dirty="0">
                <a:solidFill>
                  <a:schemeClr val="bg1">
                    <a:lumMod val="85000"/>
                  </a:schemeClr>
                </a:solidFill>
                <a:latin typeface="Narkisim" panose="020E0502050101010101" pitchFamily="34" charset="-79"/>
                <a:cs typeface="Narkisim" panose="020E0502050101010101" pitchFamily="34" charset="-79"/>
              </a:rPr>
              <a:t>הומוגניות לצד הטרוגניות: זהות לאומית אחידות אתנית ודתית מלכדים; ומנגד פיצול בין זירות, מגזרים ומפלגות</a:t>
            </a:r>
            <a:r>
              <a:rPr lang="en-US" sz="2600" b="1" dirty="0">
                <a:solidFill>
                  <a:schemeClr val="bg1">
                    <a:lumMod val="85000"/>
                  </a:schemeClr>
                </a:solidFill>
                <a:latin typeface="Narkisim" panose="020E0502050101010101" pitchFamily="34" charset="-79"/>
                <a:cs typeface="Narkisim" panose="020E0502050101010101" pitchFamily="34" charset="-79"/>
              </a:rPr>
              <a:t>.</a:t>
            </a:r>
          </a:p>
        </p:txBody>
      </p:sp>
      <p:sp>
        <p:nvSpPr>
          <p:cNvPr id="125956" name="מלבן מעוגל 9"/>
          <p:cNvSpPr>
            <a:spLocks noChangeArrowheads="1"/>
          </p:cNvSpPr>
          <p:nvPr/>
        </p:nvSpPr>
        <p:spPr bwMode="auto">
          <a:xfrm>
            <a:off x="362248" y="1268760"/>
            <a:ext cx="8358187" cy="857250"/>
          </a:xfrm>
          <a:prstGeom prst="roundRect">
            <a:avLst>
              <a:gd name="adj" fmla="val 16667"/>
            </a:avLst>
          </a:prstGeom>
          <a:solidFill>
            <a:srgbClr val="002060"/>
          </a:solidFill>
          <a:ln w="25400" algn="ctr">
            <a:solidFill>
              <a:srgbClr val="385D8A"/>
            </a:solidFill>
            <a:round/>
            <a:headEnd/>
            <a:tailEnd/>
          </a:ln>
        </p:spPr>
        <p:txBody>
          <a:bodyPr anchor="ctr"/>
          <a:lstStyle/>
          <a:p>
            <a:pPr rtl="1" eaLnBrk="1" hangingPunct="1">
              <a:defRPr/>
            </a:pPr>
            <a:r>
              <a:rPr lang="he-IL" sz="2600" b="1" dirty="0">
                <a:solidFill>
                  <a:schemeClr val="bg1">
                    <a:lumMod val="85000"/>
                  </a:schemeClr>
                </a:solidFill>
                <a:latin typeface="Narkisim" panose="020E0502050101010101" pitchFamily="34" charset="-79"/>
                <a:cs typeface="Narkisim" panose="020E0502050101010101" pitchFamily="34" charset="-79"/>
              </a:rPr>
              <a:t>לציבור תפקיד היסטורי רב בעיצוב התהליכים בזירה; </a:t>
            </a:r>
            <a:endParaRPr lang="he-IL" sz="2600" b="1" dirty="0" smtClean="0">
              <a:solidFill>
                <a:schemeClr val="bg1">
                  <a:lumMod val="85000"/>
                </a:schemeClr>
              </a:solidFill>
              <a:latin typeface="Narkisim" panose="020E0502050101010101" pitchFamily="34" charset="-79"/>
              <a:cs typeface="Narkisim" panose="020E0502050101010101" pitchFamily="34" charset="-79"/>
            </a:endParaRPr>
          </a:p>
          <a:p>
            <a:pPr rtl="1" eaLnBrk="1" hangingPunct="1">
              <a:defRPr/>
            </a:pPr>
            <a:r>
              <a:rPr lang="he-IL" sz="2600" b="1" dirty="0" smtClean="0">
                <a:solidFill>
                  <a:schemeClr val="bg1">
                    <a:lumMod val="85000"/>
                  </a:schemeClr>
                </a:solidFill>
                <a:latin typeface="Narkisim" panose="020E0502050101010101" pitchFamily="34" charset="-79"/>
                <a:cs typeface="Narkisim" panose="020E0502050101010101" pitchFamily="34" charset="-79"/>
              </a:rPr>
              <a:t>"</a:t>
            </a:r>
            <a:r>
              <a:rPr lang="he-IL" sz="2600" b="1" dirty="0">
                <a:solidFill>
                  <a:schemeClr val="bg1">
                    <a:lumMod val="85000"/>
                  </a:schemeClr>
                </a:solidFill>
                <a:latin typeface="Narkisim" panose="020E0502050101010101" pitchFamily="34" charset="-79"/>
                <a:cs typeface="Narkisim" panose="020E0502050101010101" pitchFamily="34" charset="-79"/>
              </a:rPr>
              <a:t>סנונית ראשונה" לטלטלה וניסיון מוכח ביציאה לרחוב</a:t>
            </a:r>
            <a:r>
              <a:rPr lang="en-US" sz="2600" b="1" dirty="0">
                <a:solidFill>
                  <a:schemeClr val="bg1">
                    <a:lumMod val="85000"/>
                  </a:schemeClr>
                </a:solidFill>
                <a:latin typeface="Narkisim" panose="020E0502050101010101" pitchFamily="34" charset="-79"/>
                <a:cs typeface="Narkisim" panose="020E0502050101010101" pitchFamily="34" charset="-79"/>
              </a:rPr>
              <a:t>.</a:t>
            </a:r>
          </a:p>
        </p:txBody>
      </p:sp>
      <p:sp>
        <p:nvSpPr>
          <p:cNvPr id="125957" name="מלבן מעוגל 11"/>
          <p:cNvSpPr>
            <a:spLocks noChangeArrowheads="1"/>
          </p:cNvSpPr>
          <p:nvPr/>
        </p:nvSpPr>
        <p:spPr bwMode="auto">
          <a:xfrm>
            <a:off x="357188" y="3429000"/>
            <a:ext cx="8358187" cy="857250"/>
          </a:xfrm>
          <a:prstGeom prst="roundRect">
            <a:avLst>
              <a:gd name="adj" fmla="val 16667"/>
            </a:avLst>
          </a:prstGeom>
          <a:solidFill>
            <a:srgbClr val="002060"/>
          </a:solidFill>
          <a:ln w="25400" algn="ctr">
            <a:solidFill>
              <a:srgbClr val="385D8A"/>
            </a:solidFill>
            <a:round/>
            <a:headEnd/>
            <a:tailEnd/>
          </a:ln>
        </p:spPr>
        <p:txBody>
          <a:bodyPr anchor="ctr"/>
          <a:lstStyle/>
          <a:p>
            <a:pPr rtl="1"/>
            <a:r>
              <a:rPr lang="he-IL" sz="2600" b="1" dirty="0">
                <a:solidFill>
                  <a:schemeClr val="bg1">
                    <a:lumMod val="85000"/>
                  </a:schemeClr>
                </a:solidFill>
                <a:latin typeface="Narkisim" panose="020E0502050101010101" pitchFamily="34" charset="-79"/>
                <a:cs typeface="Narkisim" panose="020E0502050101010101" pitchFamily="34" charset="-79"/>
              </a:rPr>
              <a:t>מהפכה חברתית רב ממדית: מנהיגות הזירה עוברת ל"פנים", לבני דור הביניים, בעיקר מהפריפריה החברתית</a:t>
            </a:r>
            <a:r>
              <a:rPr lang="en-US" sz="2600" b="1" dirty="0">
                <a:solidFill>
                  <a:schemeClr val="bg1">
                    <a:lumMod val="85000"/>
                  </a:schemeClr>
                </a:solidFill>
                <a:latin typeface="Narkisim" panose="020E0502050101010101" pitchFamily="34" charset="-79"/>
                <a:cs typeface="Narkisim" panose="020E0502050101010101" pitchFamily="34" charset="-79"/>
              </a:rPr>
              <a:t>.</a:t>
            </a:r>
          </a:p>
        </p:txBody>
      </p:sp>
      <p:sp>
        <p:nvSpPr>
          <p:cNvPr id="125958" name="מלבן מעוגל 12"/>
          <p:cNvSpPr>
            <a:spLocks noChangeArrowheads="1"/>
          </p:cNvSpPr>
          <p:nvPr/>
        </p:nvSpPr>
        <p:spPr bwMode="auto">
          <a:xfrm>
            <a:off x="321469" y="4509120"/>
            <a:ext cx="8358187" cy="857250"/>
          </a:xfrm>
          <a:prstGeom prst="roundRect">
            <a:avLst>
              <a:gd name="adj" fmla="val 16667"/>
            </a:avLst>
          </a:prstGeom>
          <a:solidFill>
            <a:srgbClr val="002060"/>
          </a:solidFill>
          <a:ln w="25400" algn="ctr">
            <a:solidFill>
              <a:srgbClr val="385D8A"/>
            </a:solidFill>
            <a:round/>
            <a:headEnd/>
            <a:tailEnd/>
          </a:ln>
        </p:spPr>
        <p:txBody>
          <a:bodyPr anchor="ctr"/>
          <a:lstStyle/>
          <a:p>
            <a:pPr rtl="1"/>
            <a:r>
              <a:rPr lang="en-US" sz="2600" b="1" dirty="0">
                <a:solidFill>
                  <a:schemeClr val="bg1">
                    <a:lumMod val="85000"/>
                  </a:schemeClr>
                </a:solidFill>
                <a:latin typeface="Narkisim" panose="020E0502050101010101" pitchFamily="34" charset="-79"/>
                <a:cs typeface="Narkisim" panose="020E0502050101010101" pitchFamily="34" charset="-79"/>
              </a:rPr>
              <a:t>"</a:t>
            </a:r>
            <a:r>
              <a:rPr lang="he-IL" sz="2600" b="1" dirty="0">
                <a:solidFill>
                  <a:schemeClr val="bg1">
                    <a:lumMod val="85000"/>
                  </a:schemeClr>
                </a:solidFill>
                <a:latin typeface="Narkisim" panose="020E0502050101010101" pitchFamily="34" charset="-79"/>
                <a:cs typeface="Narkisim" panose="020E0502050101010101" pitchFamily="34" charset="-79"/>
              </a:rPr>
              <a:t>מרחב אזרחי" מפותח ובעל מודעות פוליטית בהשוואה ליתר האזור, בין היתר בהשראת "החוויה הישראלית</a:t>
            </a:r>
            <a:r>
              <a:rPr lang="en-US" sz="2600" b="1" dirty="0">
                <a:solidFill>
                  <a:schemeClr val="bg1">
                    <a:lumMod val="85000"/>
                  </a:schemeClr>
                </a:solidFill>
                <a:latin typeface="Narkisim" panose="020E0502050101010101" pitchFamily="34" charset="-79"/>
                <a:cs typeface="Narkisim" panose="020E0502050101010101" pitchFamily="34" charset="-79"/>
              </a:rPr>
              <a:t>".</a:t>
            </a:r>
          </a:p>
        </p:txBody>
      </p:sp>
      <p:sp>
        <p:nvSpPr>
          <p:cNvPr id="7" name="מלבן מעוגל 12"/>
          <p:cNvSpPr>
            <a:spLocks noChangeArrowheads="1"/>
          </p:cNvSpPr>
          <p:nvPr/>
        </p:nvSpPr>
        <p:spPr bwMode="auto">
          <a:xfrm>
            <a:off x="343173" y="5589240"/>
            <a:ext cx="8358187" cy="857250"/>
          </a:xfrm>
          <a:prstGeom prst="roundRect">
            <a:avLst>
              <a:gd name="adj" fmla="val 16667"/>
            </a:avLst>
          </a:prstGeom>
          <a:solidFill>
            <a:srgbClr val="002060"/>
          </a:solidFill>
          <a:ln w="25400" algn="ctr">
            <a:solidFill>
              <a:srgbClr val="385D8A"/>
            </a:solidFill>
            <a:round/>
            <a:headEnd/>
            <a:tailEnd/>
          </a:ln>
        </p:spPr>
        <p:txBody>
          <a:bodyPr anchor="ctr"/>
          <a:lstStyle/>
          <a:p>
            <a:pPr algn="just" rtl="1" eaLnBrk="1" hangingPunct="1">
              <a:defRPr/>
            </a:pPr>
            <a:endParaRPr lang="en-US" sz="2600" b="1" dirty="0">
              <a:solidFill>
                <a:schemeClr val="bg1">
                  <a:lumMod val="85000"/>
                </a:schemeClr>
              </a:solidFill>
              <a:latin typeface="Narkisim" panose="020E0502050101010101" pitchFamily="34" charset="-79"/>
              <a:cs typeface="Narkisim" panose="020E0502050101010101" pitchFamily="34" charset="-79"/>
            </a:endParaRPr>
          </a:p>
        </p:txBody>
      </p:sp>
      <p:sp>
        <p:nvSpPr>
          <p:cNvPr id="8" name="TextBox 3"/>
          <p:cNvSpPr txBox="1">
            <a:spLocks noChangeArrowheads="1"/>
          </p:cNvSpPr>
          <p:nvPr/>
        </p:nvSpPr>
        <p:spPr bwMode="auto">
          <a:xfrm>
            <a:off x="249113" y="5567389"/>
            <a:ext cx="8715375" cy="957955"/>
          </a:xfrm>
          <a:prstGeom prst="rect">
            <a:avLst/>
          </a:prstGeom>
          <a:noFill/>
          <a:ln w="9525">
            <a:solidFill>
              <a:srgbClr val="8064A2"/>
            </a:solidFill>
            <a:miter lim="800000"/>
            <a:headEnd/>
            <a:tailEnd/>
          </a:ln>
          <a:extLst>
            <a:ext uri="{909E8E84-426E-40DD-AFC4-6F175D3DCCD1}">
              <a14:hiddenFill xmlns:a14="http://schemas.microsoft.com/office/drawing/2010/main">
                <a:solidFill>
                  <a:srgbClr val="FFFFFF"/>
                </a:solidFill>
              </a14:hiddenFill>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a:buFontTx/>
              <a:buNone/>
            </a:pPr>
            <a:r>
              <a:rPr lang="he-IL" altLang="he-IL" sz="1800" dirty="0">
                <a:solidFill>
                  <a:schemeClr val="accent3"/>
                </a:solidFill>
                <a:latin typeface="Guttman Hatzvi" panose="02010401010101010101" pitchFamily="2" charset="-79"/>
              </a:rPr>
              <a:t>שיעור ילודה מהגבוהים בעולם </a:t>
            </a:r>
            <a:r>
              <a:rPr lang="he-IL" altLang="he-IL" sz="1800" dirty="0" smtClean="0">
                <a:solidFill>
                  <a:schemeClr val="accent3"/>
                </a:solidFill>
                <a:latin typeface="Guttman Hatzvi" panose="02010401010101010101" pitchFamily="2" charset="-79"/>
              </a:rPr>
              <a:t>הערבי; = </a:t>
            </a:r>
            <a:r>
              <a:rPr lang="he-IL" altLang="he-IL" sz="1800" dirty="0">
                <a:solidFill>
                  <a:schemeClr val="accent3"/>
                </a:solidFill>
                <a:latin typeface="Guttman Hatzvi" panose="02010401010101010101" pitchFamily="2" charset="-79"/>
              </a:rPr>
              <a:t>צפיפות אוכלוסין, </a:t>
            </a:r>
            <a:endParaRPr lang="he-IL" altLang="he-IL" sz="1800" dirty="0" smtClean="0">
              <a:solidFill>
                <a:schemeClr val="accent3"/>
              </a:solidFill>
              <a:latin typeface="Guttman Hatzvi" panose="02010401010101010101" pitchFamily="2" charset="-79"/>
            </a:endParaRPr>
          </a:p>
          <a:p>
            <a:pPr algn="ctr">
              <a:buFontTx/>
              <a:buNone/>
            </a:pPr>
            <a:r>
              <a:rPr lang="he-IL" altLang="he-IL" sz="1800" dirty="0" smtClean="0">
                <a:solidFill>
                  <a:schemeClr val="accent3"/>
                </a:solidFill>
                <a:latin typeface="Guttman Hatzvi" panose="02010401010101010101" pitchFamily="2" charset="-79"/>
              </a:rPr>
              <a:t>מוגבלות </a:t>
            </a:r>
            <a:r>
              <a:rPr lang="he-IL" altLang="he-IL" sz="1800" dirty="0">
                <a:solidFill>
                  <a:schemeClr val="accent3"/>
                </a:solidFill>
                <a:latin typeface="Guttman Hatzvi" panose="02010401010101010101" pitchFamily="2" charset="-79"/>
              </a:rPr>
              <a:t>משאבי הקיום; מצוקות חברתיות (תעסוקה; הקמת משפחות); </a:t>
            </a:r>
            <a:endParaRPr lang="he-IL" altLang="he-IL" sz="1800" dirty="0" smtClean="0">
              <a:solidFill>
                <a:schemeClr val="accent3"/>
              </a:solidFill>
              <a:latin typeface="Guttman Hatzvi" panose="02010401010101010101" pitchFamily="2" charset="-79"/>
            </a:endParaRPr>
          </a:p>
          <a:p>
            <a:pPr algn="ctr">
              <a:buFontTx/>
              <a:buNone/>
            </a:pPr>
            <a:r>
              <a:rPr lang="he-IL" altLang="he-IL" sz="1800" dirty="0" smtClean="0">
                <a:solidFill>
                  <a:schemeClr val="accent3"/>
                </a:solidFill>
                <a:latin typeface="Guttman Hatzvi" panose="02010401010101010101" pitchFamily="2" charset="-79"/>
              </a:rPr>
              <a:t>הדור </a:t>
            </a:r>
            <a:r>
              <a:rPr lang="he-IL" altLang="he-IL" sz="1800" dirty="0">
                <a:solidFill>
                  <a:schemeClr val="accent3"/>
                </a:solidFill>
                <a:latin typeface="Guttman Hatzvi" panose="02010401010101010101" pitchFamily="2" charset="-79"/>
              </a:rPr>
              <a:t>הצעיר - פלח מרכזי בציבור (ומקור לתסיסה</a:t>
            </a:r>
            <a:r>
              <a:rPr lang="en-US" altLang="he-IL" sz="1800" dirty="0">
                <a:solidFill>
                  <a:schemeClr val="accent3"/>
                </a:solidFill>
                <a:latin typeface="Guttman Hatzvi" panose="02010401010101010101" pitchFamily="2" charset="-79"/>
              </a:rPr>
              <a:t>(</a:t>
            </a:r>
            <a:r>
              <a:rPr lang="he-IL" altLang="he-IL" sz="1800" dirty="0">
                <a:solidFill>
                  <a:schemeClr val="accent3"/>
                </a:solidFill>
                <a:latin typeface="Guttman Hatzvi" panose="02010401010101010101" pitchFamily="2" charset="-79"/>
              </a:rPr>
              <a:t>.</a:t>
            </a:r>
            <a:endParaRPr lang="en-US" altLang="he-IL" sz="1800" dirty="0">
              <a:solidFill>
                <a:schemeClr val="accent3"/>
              </a:solidFill>
              <a:latin typeface="Guttman Hatzvi" panose="02010401010101010101" pitchFamily="2" charset="-79"/>
            </a:endParaRPr>
          </a:p>
        </p:txBody>
      </p:sp>
    </p:spTree>
    <p:extLst>
      <p:ext uri="{BB962C8B-B14F-4D97-AF65-F5344CB8AC3E}">
        <p14:creationId xmlns:p14="http://schemas.microsoft.com/office/powerpoint/2010/main" val="4221322932"/>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482" name="כותרת 1"/>
          <p:cNvSpPr>
            <a:spLocks noGrp="1"/>
          </p:cNvSpPr>
          <p:nvPr>
            <p:ph type="title"/>
          </p:nvPr>
        </p:nvSpPr>
        <p:spPr>
          <a:xfrm>
            <a:off x="457200" y="58738"/>
            <a:ext cx="8229600" cy="633412"/>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fontScale="90000"/>
          </a:bodyPr>
          <a:lstStyle/>
          <a:p>
            <a:pPr algn="ctr" defTabSz="685983" fontAlgn="auto">
              <a:lnSpc>
                <a:spcPct val="90000"/>
              </a:lnSpc>
              <a:spcAft>
                <a:spcPts val="0"/>
              </a:spcAft>
            </a:pPr>
            <a:r>
              <a:rPr lang="he-IL" altLang="he-IL" sz="4000" kern="1200" cap="all"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הצעיר הפלסטיני</a:t>
            </a:r>
            <a:endParaRPr lang="en-US" altLang="he-IL" sz="4000" kern="1200" cap="all"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
        <p:nvSpPr>
          <p:cNvPr id="145411" name="אליפסה 3"/>
          <p:cNvSpPr>
            <a:spLocks noChangeArrowheads="1"/>
          </p:cNvSpPr>
          <p:nvPr/>
        </p:nvSpPr>
        <p:spPr bwMode="auto">
          <a:xfrm>
            <a:off x="7143750" y="1285875"/>
            <a:ext cx="1500188" cy="785813"/>
          </a:xfrm>
          <a:prstGeom prst="ellipse">
            <a:avLst/>
          </a:prstGeom>
          <a:solidFill>
            <a:schemeClr val="bg2">
              <a:lumMod val="60000"/>
              <a:lumOff val="40000"/>
            </a:schemeClr>
          </a:solidFill>
          <a:ln w="25400" algn="ctr">
            <a:solidFill>
              <a:srgbClr val="385D8A"/>
            </a:solidFill>
            <a:round/>
            <a:headEnd/>
            <a:tailEnd/>
          </a:ln>
        </p:spPr>
        <p:txBody>
          <a:bodyPr anchor="ctr"/>
          <a:lstStyle/>
          <a:p>
            <a:pPr algn="ctr" rtl="1" eaLnBrk="1" hangingPunct="1">
              <a:defRPr/>
            </a:pPr>
            <a:r>
              <a:rPr lang="he-IL" b="1">
                <a:latin typeface="Narkisim" panose="020E0502050101010101" pitchFamily="34" charset="-79"/>
                <a:cs typeface="Narkisim" panose="020E0502050101010101" pitchFamily="34" charset="-79"/>
              </a:rPr>
              <a:t>הקמת הרשות</a:t>
            </a:r>
            <a:endParaRPr lang="en-US" b="1">
              <a:latin typeface="Narkisim" panose="020E0502050101010101" pitchFamily="34" charset="-79"/>
              <a:cs typeface="Narkisim" panose="020E0502050101010101" pitchFamily="34" charset="-79"/>
            </a:endParaRPr>
          </a:p>
        </p:txBody>
      </p:sp>
      <p:sp>
        <p:nvSpPr>
          <p:cNvPr id="276484" name="TextBox 4"/>
          <p:cNvSpPr txBox="1">
            <a:spLocks noChangeArrowheads="1"/>
          </p:cNvSpPr>
          <p:nvPr/>
        </p:nvSpPr>
        <p:spPr bwMode="auto">
          <a:xfrm>
            <a:off x="5580112" y="774700"/>
            <a:ext cx="3857625"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eaLnBrk="1" hangingPunct="1">
              <a:lnSpc>
                <a:spcPct val="100000"/>
              </a:lnSpc>
              <a:spcBef>
                <a:spcPct val="0"/>
              </a:spcBef>
              <a:buFontTx/>
              <a:buNone/>
            </a:pPr>
            <a:r>
              <a:rPr lang="he-IL" altLang="he-IL" dirty="0">
                <a:latin typeface="Narkisim" panose="020E0502050101010101" pitchFamily="34" charset="-79"/>
                <a:cs typeface="Narkisim" panose="020E0502050101010101" pitchFamily="34" charset="-79"/>
              </a:rPr>
              <a:t>חוויות דוריות מעצבות</a:t>
            </a:r>
            <a:endParaRPr lang="en-US" altLang="he-IL" dirty="0">
              <a:latin typeface="Narkisim" panose="020E0502050101010101" pitchFamily="34" charset="-79"/>
              <a:cs typeface="Narkisim" panose="020E0502050101010101" pitchFamily="34" charset="-79"/>
            </a:endParaRPr>
          </a:p>
        </p:txBody>
      </p:sp>
      <p:sp>
        <p:nvSpPr>
          <p:cNvPr id="276485" name="TextBox 5"/>
          <p:cNvSpPr txBox="1">
            <a:spLocks noChangeArrowheads="1"/>
          </p:cNvSpPr>
          <p:nvPr/>
        </p:nvSpPr>
        <p:spPr bwMode="auto">
          <a:xfrm>
            <a:off x="-214313" y="785813"/>
            <a:ext cx="4357688"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defPPr>
              <a:defRPr lang="en-US"/>
            </a:defPPr>
            <a:lvl1pPr rtl="1" eaLnBrk="1" hangingPunct="1">
              <a:lnSpc>
                <a:spcPct val="100000"/>
              </a:lnSpc>
              <a:buFontTx/>
              <a:buNone/>
              <a:defRPr b="1">
                <a:latin typeface="Narkisim" panose="020E0502050101010101" pitchFamily="34" charset="-79"/>
                <a:cs typeface="Narkisim" panose="020E0502050101010101" pitchFamily="34" charset="-79"/>
              </a:defRPr>
            </a:lvl1pPr>
            <a:lvl2pPr marL="742950" indent="-285750" algn="just" rtl="1">
              <a:lnSpc>
                <a:spcPct val="90000"/>
              </a:lnSpc>
              <a:spcBef>
                <a:spcPct val="20000"/>
              </a:spcBef>
              <a:buChar char="–"/>
              <a:defRPr b="1">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b="1">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b="1">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b="1">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b="1">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b="1">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b="1">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b="1">
                <a:latin typeface="Arial" panose="020B0604020202020204" pitchFamily="34" charset="0"/>
                <a:cs typeface="Guttman Hatzvi" panose="02010401010101010101" pitchFamily="2" charset="-79"/>
              </a:defRPr>
            </a:lvl9pPr>
          </a:lstStyle>
          <a:p>
            <a:r>
              <a:rPr lang="he-IL" altLang="he-IL" dirty="0"/>
              <a:t>חוויות היום-יום</a:t>
            </a:r>
            <a:endParaRPr lang="en-US" altLang="he-IL" dirty="0"/>
          </a:p>
        </p:txBody>
      </p:sp>
      <p:sp>
        <p:nvSpPr>
          <p:cNvPr id="145414" name="אליפסה 6"/>
          <p:cNvSpPr>
            <a:spLocks noChangeArrowheads="1"/>
          </p:cNvSpPr>
          <p:nvPr/>
        </p:nvSpPr>
        <p:spPr bwMode="auto">
          <a:xfrm>
            <a:off x="6286500" y="2071688"/>
            <a:ext cx="1571625" cy="785812"/>
          </a:xfrm>
          <a:prstGeom prst="ellipse">
            <a:avLst/>
          </a:prstGeom>
          <a:solidFill>
            <a:schemeClr val="bg2">
              <a:lumMod val="60000"/>
              <a:lumOff val="40000"/>
            </a:schemeClr>
          </a:solidFill>
          <a:ln w="25400" algn="ctr">
            <a:solidFill>
              <a:srgbClr val="385D8A"/>
            </a:solidFill>
            <a:round/>
            <a:headEnd/>
            <a:tailEnd/>
          </a:ln>
        </p:spPr>
        <p:txBody>
          <a:bodyPr anchor="ctr"/>
          <a:lstStyle/>
          <a:p>
            <a:pPr algn="ctr" rtl="1" eaLnBrk="1" hangingPunct="1">
              <a:defRPr/>
            </a:pPr>
            <a:r>
              <a:rPr lang="he-IL" sz="1700" b="1">
                <a:latin typeface="Narkisim" panose="020E0502050101010101" pitchFamily="34" charset="-79"/>
                <a:cs typeface="Narkisim" panose="020E0502050101010101" pitchFamily="34" charset="-79"/>
              </a:rPr>
              <a:t>אנתפאדת אלאקצא</a:t>
            </a:r>
            <a:endParaRPr lang="en-US" sz="1700" b="1">
              <a:latin typeface="Narkisim" panose="020E0502050101010101" pitchFamily="34" charset="-79"/>
              <a:cs typeface="Narkisim" panose="020E0502050101010101" pitchFamily="34" charset="-79"/>
            </a:endParaRPr>
          </a:p>
        </p:txBody>
      </p:sp>
      <p:sp>
        <p:nvSpPr>
          <p:cNvPr id="145415" name="אליפסה 7"/>
          <p:cNvSpPr>
            <a:spLocks noChangeArrowheads="1"/>
          </p:cNvSpPr>
          <p:nvPr/>
        </p:nvSpPr>
        <p:spPr bwMode="auto">
          <a:xfrm>
            <a:off x="7286625" y="2786063"/>
            <a:ext cx="1500188" cy="785812"/>
          </a:xfrm>
          <a:prstGeom prst="ellipse">
            <a:avLst/>
          </a:prstGeom>
          <a:solidFill>
            <a:schemeClr val="bg2">
              <a:lumMod val="60000"/>
              <a:lumOff val="40000"/>
            </a:schemeClr>
          </a:solidFill>
          <a:ln w="25400" algn="ctr">
            <a:solidFill>
              <a:srgbClr val="385D8A"/>
            </a:solidFill>
            <a:round/>
            <a:headEnd/>
            <a:tailEnd/>
          </a:ln>
        </p:spPr>
        <p:txBody>
          <a:bodyPr anchor="ctr"/>
          <a:lstStyle/>
          <a:p>
            <a:pPr algn="ctr" rtl="1" eaLnBrk="1" hangingPunct="1">
              <a:defRPr/>
            </a:pPr>
            <a:r>
              <a:rPr lang="he-IL" b="1">
                <a:latin typeface="Narkisim" panose="020E0502050101010101" pitchFamily="34" charset="-79"/>
                <a:cs typeface="Narkisim" panose="020E0502050101010101" pitchFamily="34" charset="-79"/>
              </a:rPr>
              <a:t>חומת מגן</a:t>
            </a:r>
            <a:endParaRPr lang="en-US" b="1">
              <a:latin typeface="Narkisim" panose="020E0502050101010101" pitchFamily="34" charset="-79"/>
              <a:cs typeface="Narkisim" panose="020E0502050101010101" pitchFamily="34" charset="-79"/>
            </a:endParaRPr>
          </a:p>
        </p:txBody>
      </p:sp>
      <p:sp>
        <p:nvSpPr>
          <p:cNvPr id="145416" name="אליפסה 8"/>
          <p:cNvSpPr>
            <a:spLocks noChangeArrowheads="1"/>
          </p:cNvSpPr>
          <p:nvPr/>
        </p:nvSpPr>
        <p:spPr bwMode="auto">
          <a:xfrm>
            <a:off x="6429375" y="3571875"/>
            <a:ext cx="1500188" cy="785813"/>
          </a:xfrm>
          <a:prstGeom prst="ellipse">
            <a:avLst/>
          </a:prstGeom>
          <a:solidFill>
            <a:schemeClr val="bg2">
              <a:lumMod val="60000"/>
              <a:lumOff val="40000"/>
            </a:schemeClr>
          </a:solidFill>
          <a:ln w="25400" algn="ctr">
            <a:solidFill>
              <a:srgbClr val="385D8A"/>
            </a:solidFill>
            <a:round/>
            <a:headEnd/>
            <a:tailEnd/>
          </a:ln>
        </p:spPr>
        <p:txBody>
          <a:bodyPr anchor="ctr"/>
          <a:lstStyle/>
          <a:p>
            <a:pPr algn="ctr" rtl="1" eaLnBrk="1" hangingPunct="1">
              <a:defRPr/>
            </a:pPr>
            <a:r>
              <a:rPr lang="he-IL" b="1">
                <a:latin typeface="Narkisim" panose="020E0502050101010101" pitchFamily="34" charset="-79"/>
                <a:cs typeface="Narkisim" panose="020E0502050101010101" pitchFamily="34" charset="-79"/>
              </a:rPr>
              <a:t>עליית חמאס</a:t>
            </a:r>
            <a:endParaRPr lang="en-US" b="1">
              <a:latin typeface="Narkisim" panose="020E0502050101010101" pitchFamily="34" charset="-79"/>
              <a:cs typeface="Narkisim" panose="020E0502050101010101" pitchFamily="34" charset="-79"/>
            </a:endParaRPr>
          </a:p>
        </p:txBody>
      </p:sp>
      <p:sp>
        <p:nvSpPr>
          <p:cNvPr id="145417" name="אליפסה 9"/>
          <p:cNvSpPr>
            <a:spLocks noChangeArrowheads="1"/>
          </p:cNvSpPr>
          <p:nvPr/>
        </p:nvSpPr>
        <p:spPr bwMode="auto">
          <a:xfrm>
            <a:off x="7604533" y="3580113"/>
            <a:ext cx="1857375" cy="785813"/>
          </a:xfrm>
          <a:prstGeom prst="ellipse">
            <a:avLst/>
          </a:prstGeom>
          <a:solidFill>
            <a:schemeClr val="bg2">
              <a:lumMod val="60000"/>
              <a:lumOff val="40000"/>
            </a:schemeClr>
          </a:solidFill>
          <a:ln w="25400" algn="ctr">
            <a:solidFill>
              <a:srgbClr val="385D8A"/>
            </a:solidFill>
            <a:round/>
            <a:headEnd/>
            <a:tailEnd/>
          </a:ln>
        </p:spPr>
        <p:txBody>
          <a:bodyPr anchor="ctr"/>
          <a:lstStyle/>
          <a:p>
            <a:pPr algn="ctr" rtl="1" eaLnBrk="1" hangingPunct="1">
              <a:defRPr/>
            </a:pPr>
            <a:r>
              <a:rPr lang="he-IL" b="1" dirty="0">
                <a:latin typeface="Narkisim" panose="020E0502050101010101" pitchFamily="34" charset="-79"/>
                <a:cs typeface="Narkisim" panose="020E0502050101010101" pitchFamily="34" charset="-79"/>
              </a:rPr>
              <a:t>המבצעים בעזה</a:t>
            </a:r>
            <a:endParaRPr lang="en-US" b="1" dirty="0">
              <a:latin typeface="Narkisim" panose="020E0502050101010101" pitchFamily="34" charset="-79"/>
              <a:cs typeface="Narkisim" panose="020E0502050101010101" pitchFamily="34" charset="-79"/>
            </a:endParaRPr>
          </a:p>
        </p:txBody>
      </p:sp>
      <p:sp>
        <p:nvSpPr>
          <p:cNvPr id="145418" name="אליפסה 10"/>
          <p:cNvSpPr>
            <a:spLocks noChangeArrowheads="1"/>
          </p:cNvSpPr>
          <p:nvPr/>
        </p:nvSpPr>
        <p:spPr bwMode="auto">
          <a:xfrm>
            <a:off x="7429500" y="4690399"/>
            <a:ext cx="1749425" cy="785812"/>
          </a:xfrm>
          <a:prstGeom prst="ellipse">
            <a:avLst/>
          </a:prstGeom>
          <a:solidFill>
            <a:schemeClr val="bg2">
              <a:lumMod val="60000"/>
              <a:lumOff val="40000"/>
            </a:schemeClr>
          </a:solidFill>
          <a:ln w="25400" algn="ctr">
            <a:solidFill>
              <a:srgbClr val="385D8A"/>
            </a:solidFill>
            <a:round/>
            <a:headEnd/>
            <a:tailEnd/>
          </a:ln>
        </p:spPr>
        <p:txBody>
          <a:bodyPr anchor="ctr"/>
          <a:lstStyle/>
          <a:p>
            <a:pPr algn="ctr" rtl="1" eaLnBrk="1" hangingPunct="1">
              <a:defRPr/>
            </a:pPr>
            <a:r>
              <a:rPr lang="he-IL" b="1" dirty="0">
                <a:latin typeface="Narkisim" panose="020E0502050101010101" pitchFamily="34" charset="-79"/>
                <a:cs typeface="Narkisim" panose="020E0502050101010101" pitchFamily="34" charset="-79"/>
              </a:rPr>
              <a:t>הטלטלה במזה"ת</a:t>
            </a:r>
            <a:endParaRPr lang="en-US" b="1" dirty="0">
              <a:latin typeface="Narkisim" panose="020E0502050101010101" pitchFamily="34" charset="-79"/>
              <a:cs typeface="Narkisim" panose="020E0502050101010101" pitchFamily="34" charset="-79"/>
            </a:endParaRPr>
          </a:p>
        </p:txBody>
      </p:sp>
      <p:sp>
        <p:nvSpPr>
          <p:cNvPr id="145419" name="אליפסה 11"/>
          <p:cNvSpPr>
            <a:spLocks noChangeArrowheads="1"/>
          </p:cNvSpPr>
          <p:nvPr/>
        </p:nvSpPr>
        <p:spPr bwMode="auto">
          <a:xfrm>
            <a:off x="6037263" y="4440367"/>
            <a:ext cx="1500187" cy="785812"/>
          </a:xfrm>
          <a:prstGeom prst="ellipse">
            <a:avLst/>
          </a:prstGeom>
          <a:solidFill>
            <a:schemeClr val="bg2">
              <a:lumMod val="60000"/>
              <a:lumOff val="40000"/>
            </a:schemeClr>
          </a:solidFill>
          <a:ln w="25400" algn="ctr">
            <a:solidFill>
              <a:srgbClr val="385D8A"/>
            </a:solidFill>
            <a:round/>
            <a:headEnd/>
            <a:tailEnd/>
          </a:ln>
        </p:spPr>
        <p:txBody>
          <a:bodyPr anchor="ctr"/>
          <a:lstStyle/>
          <a:p>
            <a:pPr algn="ctr" rtl="1" eaLnBrk="1" hangingPunct="1">
              <a:defRPr/>
            </a:pPr>
            <a:r>
              <a:rPr lang="he-IL" b="1" dirty="0">
                <a:latin typeface="Narkisim" panose="020E0502050101010101" pitchFamily="34" charset="-79"/>
                <a:cs typeface="Narkisim" panose="020E0502050101010101" pitchFamily="34" charset="-79"/>
              </a:rPr>
              <a:t>רגיעה </a:t>
            </a:r>
            <a:r>
              <a:rPr lang="he-IL" b="1" dirty="0" err="1">
                <a:latin typeface="Narkisim" panose="020E0502050101010101" pitchFamily="34" charset="-79"/>
                <a:cs typeface="Narkisim" panose="020E0502050101010101" pitchFamily="34" charset="-79"/>
              </a:rPr>
              <a:t>באיו"ש</a:t>
            </a:r>
            <a:endParaRPr lang="en-US" b="1" dirty="0">
              <a:latin typeface="Narkisim" panose="020E0502050101010101" pitchFamily="34" charset="-79"/>
              <a:cs typeface="Narkisim" panose="020E0502050101010101" pitchFamily="34" charset="-79"/>
            </a:endParaRPr>
          </a:p>
        </p:txBody>
      </p:sp>
      <p:sp>
        <p:nvSpPr>
          <p:cNvPr id="276492" name="אליפסה 12"/>
          <p:cNvSpPr>
            <a:spLocks noChangeArrowheads="1"/>
          </p:cNvSpPr>
          <p:nvPr/>
        </p:nvSpPr>
        <p:spPr bwMode="auto">
          <a:xfrm>
            <a:off x="1428750" y="1285875"/>
            <a:ext cx="1500188" cy="785813"/>
          </a:xfrm>
          <a:prstGeom prst="ellipse">
            <a:avLst/>
          </a:prstGeom>
          <a:solidFill>
            <a:srgbClr val="DCE6F2"/>
          </a:solidFill>
          <a:ln w="25400" algn="ctr">
            <a:solidFill>
              <a:srgbClr val="385D8A"/>
            </a:solidFill>
            <a:round/>
            <a:headEnd/>
            <a:tailEnd/>
          </a:ln>
        </p:spPr>
        <p:txBody>
          <a:bodyPr anchor="ct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eaLnBrk="1" hangingPunct="1">
              <a:lnSpc>
                <a:spcPct val="100000"/>
              </a:lnSpc>
              <a:spcBef>
                <a:spcPct val="0"/>
              </a:spcBef>
              <a:buFontTx/>
              <a:buNone/>
            </a:pPr>
            <a:r>
              <a:rPr lang="en-US" altLang="he-IL" sz="1800">
                <a:latin typeface="Narkisim" panose="020E0502050101010101" pitchFamily="34" charset="-79"/>
                <a:cs typeface="Narkisim" panose="020E0502050101010101" pitchFamily="34" charset="-79"/>
              </a:rPr>
              <a:t>"</a:t>
            </a:r>
            <a:r>
              <a:rPr lang="he-IL" altLang="he-IL" sz="1800">
                <a:latin typeface="Narkisim" panose="020E0502050101010101" pitchFamily="34" charset="-79"/>
                <a:cs typeface="Narkisim" panose="020E0502050101010101" pitchFamily="34" charset="-79"/>
              </a:rPr>
              <a:t>חיים ברשת</a:t>
            </a:r>
            <a:r>
              <a:rPr lang="en-US" altLang="he-IL" sz="1800">
                <a:latin typeface="Narkisim" panose="020E0502050101010101" pitchFamily="34" charset="-79"/>
                <a:cs typeface="Narkisim" panose="020E0502050101010101" pitchFamily="34" charset="-79"/>
              </a:rPr>
              <a:t>"</a:t>
            </a:r>
          </a:p>
        </p:txBody>
      </p:sp>
      <p:sp>
        <p:nvSpPr>
          <p:cNvPr id="276493" name="אליפסה 13"/>
          <p:cNvSpPr>
            <a:spLocks noChangeArrowheads="1"/>
          </p:cNvSpPr>
          <p:nvPr/>
        </p:nvSpPr>
        <p:spPr bwMode="auto">
          <a:xfrm>
            <a:off x="571500" y="2071688"/>
            <a:ext cx="1500188" cy="785812"/>
          </a:xfrm>
          <a:prstGeom prst="ellipse">
            <a:avLst/>
          </a:prstGeom>
          <a:solidFill>
            <a:srgbClr val="DCE6F2"/>
          </a:solidFill>
          <a:ln w="25400" algn="ctr">
            <a:solidFill>
              <a:srgbClr val="385D8A"/>
            </a:solidFill>
            <a:round/>
            <a:headEnd/>
            <a:tailEnd/>
          </a:ln>
        </p:spPr>
        <p:txBody>
          <a:bodyPr anchor="ct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eaLnBrk="1" hangingPunct="1">
              <a:lnSpc>
                <a:spcPct val="100000"/>
              </a:lnSpc>
              <a:spcBef>
                <a:spcPct val="0"/>
              </a:spcBef>
              <a:buFontTx/>
              <a:buNone/>
            </a:pPr>
            <a:r>
              <a:rPr lang="he-IL" altLang="he-IL" sz="1700">
                <a:latin typeface="Narkisim" panose="020E0502050101010101" pitchFamily="34" charset="-79"/>
                <a:cs typeface="Narkisim" panose="020E0502050101010101" pitchFamily="34" charset="-79"/>
              </a:rPr>
              <a:t>חווית הכלא</a:t>
            </a:r>
            <a:endParaRPr lang="en-US" altLang="he-IL" sz="1700">
              <a:latin typeface="Narkisim" panose="020E0502050101010101" pitchFamily="34" charset="-79"/>
              <a:cs typeface="Narkisim" panose="020E0502050101010101" pitchFamily="34" charset="-79"/>
            </a:endParaRPr>
          </a:p>
        </p:txBody>
      </p:sp>
      <p:sp>
        <p:nvSpPr>
          <p:cNvPr id="276494" name="אליפסה 14"/>
          <p:cNvSpPr>
            <a:spLocks noChangeArrowheads="1"/>
          </p:cNvSpPr>
          <p:nvPr/>
        </p:nvSpPr>
        <p:spPr bwMode="auto">
          <a:xfrm>
            <a:off x="1679575" y="2708275"/>
            <a:ext cx="1524000" cy="931863"/>
          </a:xfrm>
          <a:prstGeom prst="ellipse">
            <a:avLst/>
          </a:prstGeom>
          <a:solidFill>
            <a:srgbClr val="DCE6F2"/>
          </a:solidFill>
          <a:ln w="25400" algn="ctr">
            <a:solidFill>
              <a:srgbClr val="385D8A"/>
            </a:solidFill>
            <a:round/>
            <a:headEnd/>
            <a:tailEnd/>
          </a:ln>
        </p:spPr>
        <p:txBody>
          <a:bodyPr anchor="ct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eaLnBrk="1" hangingPunct="1">
              <a:lnSpc>
                <a:spcPct val="100000"/>
              </a:lnSpc>
              <a:spcBef>
                <a:spcPct val="0"/>
              </a:spcBef>
              <a:buFontTx/>
              <a:buNone/>
            </a:pPr>
            <a:r>
              <a:rPr lang="he-IL" altLang="he-IL" sz="1800">
                <a:latin typeface="Narkisim" panose="020E0502050101010101" pitchFamily="34" charset="-79"/>
                <a:cs typeface="Narkisim" panose="020E0502050101010101" pitchFamily="34" charset="-79"/>
              </a:rPr>
              <a:t>בין "אסלמה" למודרנה</a:t>
            </a:r>
            <a:endParaRPr lang="en-US" altLang="he-IL" sz="1800">
              <a:latin typeface="Narkisim" panose="020E0502050101010101" pitchFamily="34" charset="-79"/>
              <a:cs typeface="Narkisim" panose="020E0502050101010101" pitchFamily="34" charset="-79"/>
            </a:endParaRPr>
          </a:p>
        </p:txBody>
      </p:sp>
      <p:sp>
        <p:nvSpPr>
          <p:cNvPr id="276495" name="אליפסה 15"/>
          <p:cNvSpPr>
            <a:spLocks noChangeArrowheads="1"/>
          </p:cNvSpPr>
          <p:nvPr/>
        </p:nvSpPr>
        <p:spPr bwMode="auto">
          <a:xfrm>
            <a:off x="714375" y="3571875"/>
            <a:ext cx="1500188" cy="785813"/>
          </a:xfrm>
          <a:prstGeom prst="ellipse">
            <a:avLst/>
          </a:prstGeom>
          <a:solidFill>
            <a:srgbClr val="DCE6F2"/>
          </a:solidFill>
          <a:ln w="25400" algn="ctr">
            <a:solidFill>
              <a:srgbClr val="385D8A"/>
            </a:solidFill>
            <a:round/>
            <a:headEnd/>
            <a:tailEnd/>
          </a:ln>
        </p:spPr>
        <p:txBody>
          <a:bodyPr anchor="ct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eaLnBrk="1" hangingPunct="1">
              <a:lnSpc>
                <a:spcPct val="100000"/>
              </a:lnSpc>
              <a:spcBef>
                <a:spcPct val="0"/>
              </a:spcBef>
              <a:buFontTx/>
              <a:buNone/>
            </a:pPr>
            <a:r>
              <a:rPr lang="he-IL" altLang="he-IL" sz="1800">
                <a:latin typeface="Narkisim" panose="020E0502050101010101" pitchFamily="34" charset="-79"/>
                <a:cs typeface="Narkisim" panose="020E0502050101010101" pitchFamily="34" charset="-79"/>
              </a:rPr>
              <a:t>אבטלה ותסכול</a:t>
            </a:r>
            <a:endParaRPr lang="en-US" altLang="he-IL" sz="1800">
              <a:latin typeface="Narkisim" panose="020E0502050101010101" pitchFamily="34" charset="-79"/>
              <a:cs typeface="Narkisim" panose="020E0502050101010101" pitchFamily="34" charset="-79"/>
            </a:endParaRPr>
          </a:p>
        </p:txBody>
      </p:sp>
      <p:sp>
        <p:nvSpPr>
          <p:cNvPr id="276496" name="אליפסה 16"/>
          <p:cNvSpPr>
            <a:spLocks noChangeArrowheads="1"/>
          </p:cNvSpPr>
          <p:nvPr/>
        </p:nvSpPr>
        <p:spPr bwMode="auto">
          <a:xfrm>
            <a:off x="-71437" y="4185600"/>
            <a:ext cx="1500187" cy="785813"/>
          </a:xfrm>
          <a:prstGeom prst="ellipse">
            <a:avLst/>
          </a:prstGeom>
          <a:solidFill>
            <a:srgbClr val="DCE6F2"/>
          </a:solidFill>
          <a:ln w="25400" algn="ctr">
            <a:solidFill>
              <a:srgbClr val="385D8A"/>
            </a:solidFill>
            <a:round/>
            <a:headEnd/>
            <a:tailEnd/>
          </a:ln>
        </p:spPr>
        <p:txBody>
          <a:bodyPr anchor="ct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eaLnBrk="1" hangingPunct="1">
              <a:lnSpc>
                <a:spcPct val="100000"/>
              </a:lnSpc>
              <a:spcBef>
                <a:spcPct val="0"/>
              </a:spcBef>
              <a:buFontTx/>
              <a:buNone/>
            </a:pPr>
            <a:r>
              <a:rPr lang="he-IL" altLang="he-IL" sz="1800">
                <a:latin typeface="Narkisim" panose="020E0502050101010101" pitchFamily="34" charset="-79"/>
                <a:cs typeface="Narkisim" panose="020E0502050101010101" pitchFamily="34" charset="-79"/>
              </a:rPr>
              <a:t>מציאות הכיבוש</a:t>
            </a:r>
            <a:endParaRPr lang="en-US" altLang="he-IL" sz="1800">
              <a:latin typeface="Narkisim" panose="020E0502050101010101" pitchFamily="34" charset="-79"/>
              <a:cs typeface="Narkisim" panose="020E0502050101010101" pitchFamily="34" charset="-79"/>
            </a:endParaRPr>
          </a:p>
        </p:txBody>
      </p:sp>
      <p:sp>
        <p:nvSpPr>
          <p:cNvPr id="276497" name="אליפסה 17"/>
          <p:cNvSpPr>
            <a:spLocks noChangeArrowheads="1"/>
          </p:cNvSpPr>
          <p:nvPr/>
        </p:nvSpPr>
        <p:spPr bwMode="auto">
          <a:xfrm>
            <a:off x="1808956" y="4458558"/>
            <a:ext cx="1500188" cy="785812"/>
          </a:xfrm>
          <a:prstGeom prst="ellipse">
            <a:avLst/>
          </a:prstGeom>
          <a:solidFill>
            <a:srgbClr val="DCE6F2"/>
          </a:solidFill>
          <a:ln w="25400" algn="ctr">
            <a:solidFill>
              <a:srgbClr val="385D8A"/>
            </a:solidFill>
            <a:round/>
            <a:headEnd/>
            <a:tailEnd/>
          </a:ln>
        </p:spPr>
        <p:txBody>
          <a:bodyPr anchor="ct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eaLnBrk="1" hangingPunct="1">
              <a:lnSpc>
                <a:spcPct val="100000"/>
              </a:lnSpc>
              <a:spcBef>
                <a:spcPct val="0"/>
              </a:spcBef>
              <a:buFontTx/>
              <a:buNone/>
            </a:pPr>
            <a:r>
              <a:rPr lang="he-IL" altLang="he-IL" sz="1800" dirty="0">
                <a:latin typeface="Narkisim" panose="020E0502050101010101" pitchFamily="34" charset="-79"/>
                <a:cs typeface="Narkisim" panose="020E0502050101010101" pitchFamily="34" charset="-79"/>
              </a:rPr>
              <a:t>מסרי </a:t>
            </a:r>
            <a:r>
              <a:rPr lang="he-IL" altLang="he-IL" sz="1800" dirty="0" err="1">
                <a:latin typeface="Narkisim" panose="020E0502050101010101" pitchFamily="34" charset="-79"/>
                <a:cs typeface="Narkisim" panose="020E0502050101010101" pitchFamily="34" charset="-79"/>
              </a:rPr>
              <a:t>דאע"ש</a:t>
            </a:r>
            <a:r>
              <a:rPr lang="en-US" altLang="he-IL" sz="1800" dirty="0">
                <a:latin typeface="Narkisim" panose="020E0502050101010101" pitchFamily="34" charset="-79"/>
                <a:cs typeface="Narkisim" panose="020E0502050101010101" pitchFamily="34" charset="-79"/>
              </a:rPr>
              <a:t>?</a:t>
            </a:r>
          </a:p>
        </p:txBody>
      </p:sp>
      <p:sp>
        <p:nvSpPr>
          <p:cNvPr id="276498" name="אליפסה 18"/>
          <p:cNvSpPr>
            <a:spLocks noChangeArrowheads="1"/>
          </p:cNvSpPr>
          <p:nvPr/>
        </p:nvSpPr>
        <p:spPr bwMode="auto">
          <a:xfrm>
            <a:off x="395288" y="4868863"/>
            <a:ext cx="1500187" cy="785812"/>
          </a:xfrm>
          <a:prstGeom prst="ellipse">
            <a:avLst/>
          </a:prstGeom>
          <a:solidFill>
            <a:srgbClr val="DCE6F2"/>
          </a:solidFill>
          <a:ln w="25400" algn="ctr">
            <a:solidFill>
              <a:srgbClr val="385D8A"/>
            </a:solidFill>
            <a:round/>
            <a:headEnd/>
            <a:tailEnd/>
          </a:ln>
        </p:spPr>
        <p:txBody>
          <a:bodyPr anchor="ct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ctr" eaLnBrk="1" hangingPunct="1">
              <a:lnSpc>
                <a:spcPct val="100000"/>
              </a:lnSpc>
              <a:spcBef>
                <a:spcPct val="0"/>
              </a:spcBef>
              <a:buFontTx/>
              <a:buNone/>
            </a:pPr>
            <a:r>
              <a:rPr lang="en-US" altLang="he-IL" sz="1800">
                <a:latin typeface="Narkisim" panose="020E0502050101010101" pitchFamily="34" charset="-79"/>
                <a:cs typeface="Narkisim" panose="020E0502050101010101" pitchFamily="34" charset="-79"/>
              </a:rPr>
              <a:t>"</a:t>
            </a:r>
            <a:r>
              <a:rPr lang="he-IL" altLang="he-IL" sz="1800">
                <a:latin typeface="Narkisim" panose="020E0502050101010101" pitchFamily="34" charset="-79"/>
                <a:cs typeface="Narkisim" panose="020E0502050101010101" pitchFamily="34" charset="-79"/>
              </a:rPr>
              <a:t>מנעמי המערב</a:t>
            </a:r>
            <a:r>
              <a:rPr lang="en-US" altLang="he-IL" sz="1800">
                <a:latin typeface="Narkisim" panose="020E0502050101010101" pitchFamily="34" charset="-79"/>
                <a:cs typeface="Narkisim" panose="020E0502050101010101" pitchFamily="34" charset="-79"/>
              </a:rPr>
              <a:t>"</a:t>
            </a:r>
          </a:p>
        </p:txBody>
      </p:sp>
      <p:pic>
        <p:nvPicPr>
          <p:cNvPr id="276499"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357563" y="1428750"/>
            <a:ext cx="2786062" cy="4521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 name="תמונה 1"/>
          <p:cNvPicPr>
            <a:picLocks noChangeAspect="1"/>
          </p:cNvPicPr>
          <p:nvPr/>
        </p:nvPicPr>
        <p:blipFill>
          <a:blip r:embed="rId4"/>
          <a:stretch>
            <a:fillRect/>
          </a:stretch>
        </p:blipFill>
        <p:spPr>
          <a:xfrm>
            <a:off x="12220" y="5521864"/>
            <a:ext cx="9143999" cy="1458986"/>
          </a:xfrm>
          <a:prstGeom prst="rect">
            <a:avLst/>
          </a:prstGeom>
        </p:spPr>
      </p:pic>
    </p:spTree>
    <p:extLst>
      <p:ext uri="{BB962C8B-B14F-4D97-AF65-F5344CB8AC3E}">
        <p14:creationId xmlns:p14="http://schemas.microsoft.com/office/powerpoint/2010/main" val="1156287622"/>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3826" name="TextBox 2"/>
          <p:cNvSpPr txBox="1">
            <a:spLocks noChangeArrowheads="1"/>
          </p:cNvSpPr>
          <p:nvPr/>
        </p:nvSpPr>
        <p:spPr bwMode="auto">
          <a:xfrm>
            <a:off x="357188" y="285750"/>
            <a:ext cx="8286750" cy="60478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defPPr>
              <a:defRPr lang="en-US"/>
            </a:defPPr>
            <a:lvl1pPr defTabSz="685983" rtl="1" eaLnBrk="1" fontAlgn="auto" hangingPunct="1">
              <a:lnSpc>
                <a:spcPct val="90000"/>
              </a:lnSpc>
              <a:spcAft>
                <a:spcPts val="0"/>
              </a:spcAft>
              <a:defRPr sz="3600" b="1" cap="all">
                <a:solidFill>
                  <a:srgbClr val="0070C0"/>
                </a:solidFill>
                <a:effectLst>
                  <a:outerShdw blurRad="38100" dist="38100" dir="2700000" algn="tl">
                    <a:srgbClr val="000000">
                      <a:alpha val="43137"/>
                    </a:srgbClr>
                  </a:outerShdw>
                </a:effectLst>
                <a:latin typeface="Narkisim" panose="020E0502050101010101" pitchFamily="34" charset="-79"/>
                <a:ea typeface="+mj-ea"/>
                <a:cs typeface="Narkisim" panose="020E0502050101010101" pitchFamily="34" charset="-79"/>
              </a:defRPr>
            </a:lvl1pPr>
            <a:lvl2pPr algn="r" rtl="1" eaLnBrk="1" hangingPunct="1">
              <a:defRPr sz="3200">
                <a:latin typeface="Century Schoolbook" pitchFamily="18" charset="0"/>
              </a:defRPr>
            </a:lvl2pPr>
            <a:lvl3pPr algn="r" rtl="1" eaLnBrk="1" hangingPunct="1">
              <a:defRPr sz="3200">
                <a:latin typeface="Century Schoolbook" pitchFamily="18" charset="0"/>
              </a:defRPr>
            </a:lvl3pPr>
            <a:lvl4pPr algn="r" rtl="1" eaLnBrk="1" hangingPunct="1">
              <a:defRPr sz="3200">
                <a:latin typeface="Century Schoolbook" pitchFamily="18" charset="0"/>
              </a:defRPr>
            </a:lvl4pPr>
            <a:lvl5pPr algn="r" rtl="1" eaLnBrk="1" hangingPunct="1">
              <a:defRPr sz="3200">
                <a:latin typeface="Century Schoolbook" pitchFamily="18" charset="0"/>
              </a:defRPr>
            </a:lvl5pPr>
            <a:lvl6pPr marL="457200" algn="r" rtl="1" fontAlgn="base">
              <a:spcBef>
                <a:spcPct val="0"/>
              </a:spcBef>
              <a:spcAft>
                <a:spcPct val="0"/>
              </a:spcAft>
              <a:defRPr sz="3200">
                <a:latin typeface="Century Schoolbook" pitchFamily="18" charset="0"/>
              </a:defRPr>
            </a:lvl6pPr>
            <a:lvl7pPr marL="914400" algn="r" rtl="1" fontAlgn="base">
              <a:spcBef>
                <a:spcPct val="0"/>
              </a:spcBef>
              <a:spcAft>
                <a:spcPct val="0"/>
              </a:spcAft>
              <a:defRPr sz="3200">
                <a:latin typeface="Century Schoolbook" pitchFamily="18" charset="0"/>
              </a:defRPr>
            </a:lvl7pPr>
            <a:lvl8pPr marL="1371600" algn="r" rtl="1" fontAlgn="base">
              <a:spcBef>
                <a:spcPct val="0"/>
              </a:spcBef>
              <a:spcAft>
                <a:spcPct val="0"/>
              </a:spcAft>
              <a:defRPr sz="3200">
                <a:latin typeface="Century Schoolbook" pitchFamily="18" charset="0"/>
              </a:defRPr>
            </a:lvl8pPr>
            <a:lvl9pPr marL="1828800" algn="r" rtl="1" fontAlgn="base">
              <a:spcBef>
                <a:spcPct val="0"/>
              </a:spcBef>
              <a:spcAft>
                <a:spcPct val="0"/>
              </a:spcAft>
              <a:defRPr sz="3200">
                <a:latin typeface="Century Schoolbook" pitchFamily="18" charset="0"/>
              </a:defRPr>
            </a:lvl9pPr>
          </a:lstStyle>
          <a:p>
            <a:r>
              <a:rPr lang="he-IL" altLang="he-IL" dirty="0"/>
              <a:t>משמעויות מרכזיות</a:t>
            </a:r>
            <a:endParaRPr lang="en-US" altLang="he-IL" dirty="0"/>
          </a:p>
        </p:txBody>
      </p:sp>
      <p:sp>
        <p:nvSpPr>
          <p:cNvPr id="333827" name="מלבן מעוגל 3"/>
          <p:cNvSpPr>
            <a:spLocks noChangeArrowheads="1"/>
          </p:cNvSpPr>
          <p:nvPr/>
        </p:nvSpPr>
        <p:spPr bwMode="auto">
          <a:xfrm>
            <a:off x="357188" y="1500188"/>
            <a:ext cx="8358187" cy="857250"/>
          </a:xfrm>
          <a:prstGeom prst="roundRect">
            <a:avLst>
              <a:gd name="adj" fmla="val 16667"/>
            </a:avLst>
          </a:prstGeom>
          <a:solidFill>
            <a:srgbClr val="DCE6F2"/>
          </a:solidFill>
          <a:ln w="25400" algn="ctr">
            <a:solidFill>
              <a:srgbClr val="385D8A"/>
            </a:solidFill>
            <a:round/>
            <a:headEnd/>
            <a:tailEnd/>
          </a:ln>
        </p:spPr>
        <p:txBody>
          <a:bodyPr anchor="ct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eaLnBrk="1" hangingPunct="1">
              <a:lnSpc>
                <a:spcPct val="100000"/>
              </a:lnSpc>
              <a:spcBef>
                <a:spcPct val="0"/>
              </a:spcBef>
              <a:buFontTx/>
              <a:buNone/>
            </a:pPr>
            <a:r>
              <a:rPr lang="he-IL" altLang="he-IL" sz="2600" dirty="0" smtClean="0">
                <a:solidFill>
                  <a:srgbClr val="FF0000"/>
                </a:solidFill>
                <a:latin typeface="Guttman Hatzvi" panose="02010401010101010101" pitchFamily="2" charset="-79"/>
              </a:rPr>
              <a:t>אתגר פלשתיני עם "הדור </a:t>
            </a:r>
            <a:r>
              <a:rPr lang="he-IL" altLang="he-IL" sz="2600" dirty="0">
                <a:solidFill>
                  <a:srgbClr val="FF0000"/>
                </a:solidFill>
                <a:latin typeface="Guttman Hatzvi" panose="02010401010101010101" pitchFamily="2" charset="-79"/>
              </a:rPr>
              <a:t>הצעיר": לעומתי ומונע מתסכול וייאוש עמוק – מחפש את דרכו ואת </a:t>
            </a:r>
            <a:r>
              <a:rPr lang="he-IL" altLang="he-IL" sz="2600" dirty="0" smtClean="0">
                <a:solidFill>
                  <a:srgbClr val="FF0000"/>
                </a:solidFill>
                <a:latin typeface="Guttman Hatzvi" panose="02010401010101010101" pitchFamily="2" charset="-79"/>
              </a:rPr>
              <a:t>מנהיגיו</a:t>
            </a:r>
            <a:endParaRPr lang="en-US" altLang="he-IL" sz="2600" dirty="0">
              <a:latin typeface="Guttman Hatzvi" panose="02010401010101010101" pitchFamily="2" charset="-79"/>
            </a:endParaRPr>
          </a:p>
        </p:txBody>
      </p:sp>
      <p:sp>
        <p:nvSpPr>
          <p:cNvPr id="333828" name="מלבן מעוגל 8"/>
          <p:cNvSpPr>
            <a:spLocks noChangeArrowheads="1"/>
          </p:cNvSpPr>
          <p:nvPr/>
        </p:nvSpPr>
        <p:spPr bwMode="auto">
          <a:xfrm>
            <a:off x="357188" y="2714625"/>
            <a:ext cx="8358187" cy="857250"/>
          </a:xfrm>
          <a:prstGeom prst="roundRect">
            <a:avLst>
              <a:gd name="adj" fmla="val 16667"/>
            </a:avLst>
          </a:prstGeom>
          <a:solidFill>
            <a:srgbClr val="DCE6F2"/>
          </a:solidFill>
          <a:ln w="25400" algn="ctr">
            <a:solidFill>
              <a:srgbClr val="385D8A"/>
            </a:solidFill>
            <a:round/>
            <a:headEnd/>
            <a:tailEnd/>
          </a:ln>
        </p:spPr>
        <p:txBody>
          <a:bodyPr anchor="ct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eaLnBrk="1" hangingPunct="1">
              <a:lnSpc>
                <a:spcPct val="100000"/>
              </a:lnSpc>
              <a:spcBef>
                <a:spcPct val="0"/>
              </a:spcBef>
              <a:buFontTx/>
              <a:buNone/>
            </a:pPr>
            <a:r>
              <a:rPr lang="he-IL" altLang="he-IL" sz="2600">
                <a:solidFill>
                  <a:srgbClr val="FF0000"/>
                </a:solidFill>
                <a:latin typeface="Guttman Hatzvi" panose="02010401010101010101" pitchFamily="2" charset="-79"/>
              </a:rPr>
              <a:t>עזה "פצצת זמן" אזרחית: </a:t>
            </a:r>
            <a:r>
              <a:rPr lang="he-IL" altLang="he-IL" sz="2600">
                <a:latin typeface="Guttman Hatzvi" panose="02010401010101010101" pitchFamily="2" charset="-79"/>
              </a:rPr>
              <a:t>התנגשות חריפה בין ריבוי האוכלוסין ליכולת תשתיות הקיום ולמרחב התעסוקה</a:t>
            </a:r>
            <a:endParaRPr lang="en-US" altLang="he-IL" sz="2600">
              <a:latin typeface="Guttman Hatzvi" panose="02010401010101010101" pitchFamily="2" charset="-79"/>
            </a:endParaRPr>
          </a:p>
        </p:txBody>
      </p:sp>
      <p:sp>
        <p:nvSpPr>
          <p:cNvPr id="333829" name="מלבן מעוגל 10"/>
          <p:cNvSpPr>
            <a:spLocks noChangeArrowheads="1"/>
          </p:cNvSpPr>
          <p:nvPr/>
        </p:nvSpPr>
        <p:spPr bwMode="auto">
          <a:xfrm>
            <a:off x="357188" y="3933825"/>
            <a:ext cx="8358187" cy="1233488"/>
          </a:xfrm>
          <a:prstGeom prst="roundRect">
            <a:avLst>
              <a:gd name="adj" fmla="val 16667"/>
            </a:avLst>
          </a:prstGeom>
          <a:solidFill>
            <a:srgbClr val="DCE6F2"/>
          </a:solidFill>
          <a:ln w="25400" algn="ctr">
            <a:solidFill>
              <a:srgbClr val="385D8A"/>
            </a:solidFill>
            <a:round/>
            <a:headEnd/>
            <a:tailEnd/>
          </a:ln>
        </p:spPr>
        <p:txBody>
          <a:bodyPr anchor="ct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eaLnBrk="1" hangingPunct="1">
              <a:lnSpc>
                <a:spcPct val="100000"/>
              </a:lnSpc>
              <a:spcBef>
                <a:spcPct val="0"/>
              </a:spcBef>
              <a:buFontTx/>
              <a:buNone/>
            </a:pPr>
            <a:r>
              <a:rPr lang="he-IL" altLang="he-IL" sz="2600" dirty="0" smtClean="0">
                <a:solidFill>
                  <a:srgbClr val="000099"/>
                </a:solidFill>
                <a:latin typeface="Guttman Hatzvi" panose="02010401010101010101" pitchFamily="2" charset="-79"/>
              </a:rPr>
              <a:t>יכולת </a:t>
            </a:r>
            <a:r>
              <a:rPr lang="he-IL" altLang="he-IL" sz="2600" dirty="0">
                <a:solidFill>
                  <a:srgbClr val="000099"/>
                </a:solidFill>
                <a:latin typeface="Guttman Hatzvi" panose="02010401010101010101" pitchFamily="2" charset="-79"/>
              </a:rPr>
              <a:t>השפעה </a:t>
            </a:r>
            <a:r>
              <a:rPr lang="he-IL" altLang="he-IL" sz="2000" dirty="0" smtClean="0">
                <a:solidFill>
                  <a:srgbClr val="000099"/>
                </a:solidFill>
                <a:latin typeface="Guttman Hatzvi" panose="02010401010101010101" pitchFamily="2" charset="-79"/>
              </a:rPr>
              <a:t>(ישראל ואחרים) </a:t>
            </a:r>
            <a:r>
              <a:rPr lang="he-IL" altLang="he-IL" sz="2600" dirty="0" smtClean="0">
                <a:solidFill>
                  <a:srgbClr val="000099"/>
                </a:solidFill>
                <a:latin typeface="Guttman Hatzvi" panose="02010401010101010101" pitchFamily="2" charset="-79"/>
              </a:rPr>
              <a:t> </a:t>
            </a:r>
            <a:r>
              <a:rPr lang="he-IL" altLang="he-IL" sz="2600" dirty="0">
                <a:solidFill>
                  <a:srgbClr val="000099"/>
                </a:solidFill>
                <a:latin typeface="Guttman Hatzvi" panose="02010401010101010101" pitchFamily="2" charset="-79"/>
              </a:rPr>
              <a:t>על המצב הציבורי באמצעים פוליטיים-כלכליים; </a:t>
            </a:r>
            <a:endParaRPr lang="he-IL" altLang="he-IL" sz="2600" dirty="0" smtClean="0">
              <a:solidFill>
                <a:srgbClr val="000099"/>
              </a:solidFill>
              <a:latin typeface="Guttman Hatzvi" panose="02010401010101010101" pitchFamily="2" charset="-79"/>
            </a:endParaRPr>
          </a:p>
          <a:p>
            <a:pPr eaLnBrk="1" hangingPunct="1">
              <a:lnSpc>
                <a:spcPct val="100000"/>
              </a:lnSpc>
              <a:spcBef>
                <a:spcPct val="0"/>
              </a:spcBef>
              <a:buFontTx/>
              <a:buNone/>
            </a:pPr>
            <a:r>
              <a:rPr lang="he-IL" altLang="he-IL" sz="2600" dirty="0" smtClean="0">
                <a:latin typeface="Guttman Hatzvi" panose="02010401010101010101" pitchFamily="2" charset="-79"/>
              </a:rPr>
              <a:t>האם גם </a:t>
            </a:r>
            <a:r>
              <a:rPr lang="he-IL" altLang="he-IL" sz="2600" dirty="0">
                <a:latin typeface="Guttman Hatzvi" panose="02010401010101010101" pitchFamily="2" charset="-79"/>
              </a:rPr>
              <a:t>מול אתגר הצעירים המשכילים</a:t>
            </a:r>
            <a:r>
              <a:rPr lang="en-US" altLang="he-IL" sz="2600" dirty="0">
                <a:latin typeface="Guttman Hatzvi" panose="02010401010101010101" pitchFamily="2" charset="-79"/>
              </a:rPr>
              <a:t>?</a:t>
            </a:r>
          </a:p>
        </p:txBody>
      </p:sp>
      <p:sp>
        <p:nvSpPr>
          <p:cNvPr id="333830" name="מלבן מעוגל 13"/>
          <p:cNvSpPr>
            <a:spLocks noChangeArrowheads="1"/>
          </p:cNvSpPr>
          <p:nvPr/>
        </p:nvSpPr>
        <p:spPr bwMode="auto">
          <a:xfrm>
            <a:off x="357188" y="5445125"/>
            <a:ext cx="8358187" cy="857250"/>
          </a:xfrm>
          <a:prstGeom prst="roundRect">
            <a:avLst>
              <a:gd name="adj" fmla="val 16667"/>
            </a:avLst>
          </a:prstGeom>
          <a:solidFill>
            <a:srgbClr val="DCE6F2"/>
          </a:solidFill>
          <a:ln w="25400" algn="ctr">
            <a:solidFill>
              <a:srgbClr val="385D8A"/>
            </a:solidFill>
            <a:round/>
            <a:headEnd/>
            <a:tailEnd/>
          </a:ln>
        </p:spPr>
        <p:txBody>
          <a:bodyPr anchor="ct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eaLnBrk="1" hangingPunct="1">
              <a:lnSpc>
                <a:spcPct val="100000"/>
              </a:lnSpc>
              <a:spcBef>
                <a:spcPct val="0"/>
              </a:spcBef>
              <a:buFontTx/>
              <a:buNone/>
            </a:pPr>
            <a:r>
              <a:rPr lang="he-IL" altLang="he-IL" sz="2600">
                <a:latin typeface="Guttman Hatzvi" panose="02010401010101010101" pitchFamily="2" charset="-79"/>
              </a:rPr>
              <a:t>הציבור באיו"ש ביום שאחרי בעל חשיבות: בין התלכדות סביב הנהגה חדשה להתפוררות להנהגות מקומיות</a:t>
            </a:r>
            <a:endParaRPr lang="en-US" altLang="he-IL" sz="2600">
              <a:latin typeface="Guttman Hatzvi" panose="02010401010101010101" pitchFamily="2" charset="-79"/>
            </a:endParaRPr>
          </a:p>
        </p:txBody>
      </p:sp>
    </p:spTree>
    <p:extLst>
      <p:ext uri="{BB962C8B-B14F-4D97-AF65-F5344CB8AC3E}">
        <p14:creationId xmlns:p14="http://schemas.microsoft.com/office/powerpoint/2010/main" val="3132489221"/>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bg>
      <p:bgPr>
        <a:blipFill dpi="0" rotWithShape="0">
          <a:blip r:embed="rId3"/>
          <a:srcRect/>
          <a:stretch>
            <a:fillRect/>
          </a:stretch>
        </a:blipFill>
        <a:effectLst/>
      </p:bgPr>
    </p:bg>
    <p:spTree>
      <p:nvGrpSpPr>
        <p:cNvPr id="1" name=""/>
        <p:cNvGrpSpPr/>
        <p:nvPr/>
      </p:nvGrpSpPr>
      <p:grpSpPr>
        <a:xfrm>
          <a:off x="0" y="0"/>
          <a:ext cx="0" cy="0"/>
          <a:chOff x="0" y="0"/>
          <a:chExt cx="0" cy="0"/>
        </a:xfrm>
      </p:grpSpPr>
      <p:sp>
        <p:nvSpPr>
          <p:cNvPr id="2" name="כותרת 1"/>
          <p:cNvSpPr>
            <a:spLocks noGrp="1"/>
          </p:cNvSpPr>
          <p:nvPr>
            <p:ph type="title"/>
          </p:nvPr>
        </p:nvSpPr>
        <p:spPr>
          <a:xfrm>
            <a:off x="1042988" y="225425"/>
            <a:ext cx="7705725" cy="683295"/>
          </a:xfrm>
        </p:spPr>
        <p:txBody>
          <a:bodyPr/>
          <a:lstStyle/>
          <a:p>
            <a:pPr algn="ctr"/>
            <a:r>
              <a:rPr lang="he-IL" sz="4000" b="1"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תהליך טורי, מקבילי ופרללי</a:t>
            </a:r>
            <a:endParaRPr lang="he-IL" sz="4000" b="1"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
        <p:nvSpPr>
          <p:cNvPr id="3" name="מציין מיקום תוכן 2"/>
          <p:cNvSpPr>
            <a:spLocks noGrp="1"/>
          </p:cNvSpPr>
          <p:nvPr>
            <p:ph idx="1"/>
          </p:nvPr>
        </p:nvSpPr>
        <p:spPr>
          <a:xfrm>
            <a:off x="395536" y="1196752"/>
            <a:ext cx="8353177" cy="4895850"/>
          </a:xfrm>
        </p:spPr>
        <p:txBody>
          <a:bodyPr/>
          <a:lstStyle/>
          <a:p>
            <a:pPr>
              <a:buFont typeface="Wingdings" panose="05000000000000000000" pitchFamily="2" charset="2"/>
              <a:buChar char="ü"/>
            </a:pPr>
            <a:r>
              <a:rPr lang="he-IL" sz="3200" dirty="0" smtClean="0">
                <a:latin typeface="Narkisim" panose="020E0502050101010101" pitchFamily="34" charset="-79"/>
                <a:cs typeface="Narkisim" panose="020E0502050101010101" pitchFamily="34" charset="-79"/>
              </a:rPr>
              <a:t>הבניית הלמידה וארגונה</a:t>
            </a:r>
          </a:p>
          <a:p>
            <a:pPr>
              <a:buFont typeface="Wingdings" panose="05000000000000000000" pitchFamily="2" charset="2"/>
              <a:buChar char="ü"/>
            </a:pPr>
            <a:r>
              <a:rPr lang="he-IL" sz="3200" dirty="0" smtClean="0">
                <a:latin typeface="Narkisim" panose="020E0502050101010101" pitchFamily="34" charset="-79"/>
                <a:cs typeface="Narkisim" panose="020E0502050101010101" pitchFamily="34" charset="-79"/>
              </a:rPr>
              <a:t>חקירה, </a:t>
            </a:r>
            <a:r>
              <a:rPr lang="he-IL" sz="3200" dirty="0" err="1" smtClean="0">
                <a:latin typeface="Narkisim" panose="020E0502050101010101" pitchFamily="34" charset="-79"/>
                <a:cs typeface="Narkisim" panose="020E0502050101010101" pitchFamily="34" charset="-79"/>
              </a:rPr>
              <a:t>גינאולוגיה</a:t>
            </a:r>
            <a:r>
              <a:rPr lang="he-IL" sz="3200" dirty="0" smtClean="0">
                <a:latin typeface="Narkisim" panose="020E0502050101010101" pitchFamily="34" charset="-79"/>
                <a:cs typeface="Narkisim" panose="020E0502050101010101" pitchFamily="34" charset="-79"/>
              </a:rPr>
              <a:t>, התפתחות היסטורית</a:t>
            </a:r>
          </a:p>
          <a:p>
            <a:pPr>
              <a:buFont typeface="Wingdings" panose="05000000000000000000" pitchFamily="2" charset="2"/>
              <a:buChar char="ü"/>
            </a:pPr>
            <a:r>
              <a:rPr lang="he-IL" sz="3200" dirty="0" smtClean="0">
                <a:latin typeface="Narkisim" panose="020E0502050101010101" pitchFamily="34" charset="-79"/>
                <a:cs typeface="Narkisim" panose="020E0502050101010101" pitchFamily="34" charset="-79"/>
              </a:rPr>
              <a:t>לימוד אקדמי-תיאורטי</a:t>
            </a:r>
          </a:p>
          <a:p>
            <a:pPr>
              <a:buFont typeface="Wingdings" panose="05000000000000000000" pitchFamily="2" charset="2"/>
              <a:buChar char="ü"/>
            </a:pPr>
            <a:r>
              <a:rPr lang="he-IL" sz="3200" dirty="0" smtClean="0">
                <a:latin typeface="Narkisim" panose="020E0502050101010101" pitchFamily="34" charset="-79"/>
                <a:cs typeface="Narkisim" panose="020E0502050101010101" pitchFamily="34" charset="-79"/>
              </a:rPr>
              <a:t>חקירת התופעות, אישים, מגמות</a:t>
            </a:r>
          </a:p>
          <a:p>
            <a:pPr>
              <a:buFont typeface="Wingdings" panose="05000000000000000000" pitchFamily="2" charset="2"/>
              <a:buChar char="ü"/>
            </a:pPr>
            <a:r>
              <a:rPr lang="he-IL" sz="3200" dirty="0" smtClean="0">
                <a:latin typeface="Narkisim" panose="020E0502050101010101" pitchFamily="34" charset="-79"/>
                <a:cs typeface="Narkisim" panose="020E0502050101010101" pitchFamily="34" charset="-79"/>
              </a:rPr>
              <a:t>סיור, פגישה ותצפית</a:t>
            </a:r>
          </a:p>
          <a:p>
            <a:pPr>
              <a:buFont typeface="Wingdings" panose="05000000000000000000" pitchFamily="2" charset="2"/>
              <a:buChar char="ü"/>
            </a:pPr>
            <a:r>
              <a:rPr lang="he-IL" sz="3200" dirty="0" smtClean="0">
                <a:solidFill>
                  <a:srgbClr val="0070C0"/>
                </a:solidFill>
                <a:latin typeface="Narkisim" panose="020E0502050101010101" pitchFamily="34" charset="-79"/>
                <a:cs typeface="Narkisim" panose="020E0502050101010101" pitchFamily="34" charset="-79"/>
              </a:rPr>
              <a:t>הגיון אסטרטגי, תכלית – מטרה</a:t>
            </a:r>
          </a:p>
          <a:p>
            <a:pPr>
              <a:buFont typeface="Wingdings" panose="05000000000000000000" pitchFamily="2" charset="2"/>
              <a:buChar char="ü"/>
            </a:pPr>
            <a:r>
              <a:rPr lang="he-IL" sz="3200" dirty="0" smtClean="0">
                <a:latin typeface="Narkisim" panose="020E0502050101010101" pitchFamily="34" charset="-79"/>
                <a:cs typeface="Narkisim" panose="020E0502050101010101" pitchFamily="34" charset="-79"/>
              </a:rPr>
              <a:t>מערכת כללית</a:t>
            </a:r>
          </a:p>
          <a:p>
            <a:pPr>
              <a:buFont typeface="Wingdings" panose="05000000000000000000" pitchFamily="2" charset="2"/>
              <a:buChar char="ü"/>
            </a:pPr>
            <a:r>
              <a:rPr lang="he-IL" sz="3200" b="1" dirty="0" smtClean="0">
                <a:solidFill>
                  <a:srgbClr val="FF0000"/>
                </a:solidFill>
                <a:latin typeface="Narkisim" panose="020E0502050101010101" pitchFamily="34" charset="-79"/>
                <a:cs typeface="Narkisim" panose="020E0502050101010101" pitchFamily="34" charset="-79"/>
              </a:rPr>
              <a:t>הנגדה</a:t>
            </a:r>
          </a:p>
          <a:p>
            <a:r>
              <a:rPr lang="he-IL" sz="3200" dirty="0" smtClean="0">
                <a:latin typeface="Narkisim" panose="020E0502050101010101" pitchFamily="34" charset="-79"/>
                <a:cs typeface="Narkisim" panose="020E0502050101010101" pitchFamily="34" charset="-79"/>
              </a:rPr>
              <a:t>מערכת האינטרסים</a:t>
            </a:r>
          </a:p>
          <a:p>
            <a:endParaRPr lang="he-IL" sz="3200" dirty="0" smtClean="0">
              <a:latin typeface="Narkisim" panose="020E0502050101010101" pitchFamily="34" charset="-79"/>
              <a:cs typeface="Narkisim" panose="020E0502050101010101" pitchFamily="34" charset="-79"/>
            </a:endParaRPr>
          </a:p>
          <a:p>
            <a:endParaRPr lang="he-IL" sz="3200" dirty="0" smtClean="0">
              <a:latin typeface="Narkisim" panose="020E0502050101010101" pitchFamily="34" charset="-79"/>
              <a:cs typeface="Narkisim" panose="020E0502050101010101" pitchFamily="34" charset="-79"/>
            </a:endParaRPr>
          </a:p>
          <a:p>
            <a:endParaRPr lang="he-IL" sz="3200" dirty="0">
              <a:latin typeface="Narkisim" panose="020E0502050101010101" pitchFamily="34" charset="-79"/>
              <a:cs typeface="Narkisim" panose="020E0502050101010101" pitchFamily="34" charset="-79"/>
            </a:endParaRPr>
          </a:p>
        </p:txBody>
      </p:sp>
      <p:pic>
        <p:nvPicPr>
          <p:cNvPr id="4" name="מציין מיקום של תמונה מקוונת 1"/>
          <p:cNvPicPr>
            <a:picLocks noChangeAspect="1"/>
          </p:cNvPicPr>
          <p:nvPr/>
        </p:nvPicPr>
        <p:blipFill>
          <a:blip r:embed="rId4">
            <a:extLst>
              <a:ext uri="{28A0092B-C50C-407E-A947-70E740481C1C}">
                <a14:useLocalDpi xmlns:a14="http://schemas.microsoft.com/office/drawing/2010/main" val="0"/>
              </a:ext>
            </a:extLst>
          </a:blip>
          <a:stretch>
            <a:fillRect/>
          </a:stretch>
        </p:blipFill>
        <p:spPr bwMode="auto">
          <a:xfrm>
            <a:off x="7609954" y="27980"/>
            <a:ext cx="1504950" cy="10001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37456258"/>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9634" name="TextBox 1"/>
          <p:cNvSpPr txBox="1">
            <a:spLocks noChangeArrowheads="1"/>
          </p:cNvSpPr>
          <p:nvPr/>
        </p:nvSpPr>
        <p:spPr bwMode="auto">
          <a:xfrm>
            <a:off x="206375" y="5108575"/>
            <a:ext cx="8731250" cy="461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eaLnBrk="1" hangingPunct="1">
              <a:lnSpc>
                <a:spcPct val="100000"/>
              </a:lnSpc>
              <a:spcBef>
                <a:spcPct val="0"/>
              </a:spcBef>
              <a:buFontTx/>
              <a:buNone/>
            </a:pPr>
            <a:endParaRPr lang="he-IL" altLang="he-IL">
              <a:solidFill>
                <a:srgbClr val="000000"/>
              </a:solidFill>
            </a:endParaRPr>
          </a:p>
        </p:txBody>
      </p:sp>
      <p:sp>
        <p:nvSpPr>
          <p:cNvPr id="69635" name="כותרת 4"/>
          <p:cNvSpPr>
            <a:spLocks noGrp="1"/>
          </p:cNvSpPr>
          <p:nvPr>
            <p:ph type="title"/>
          </p:nvPr>
        </p:nvSpPr>
        <p:spPr>
          <a:xfrm>
            <a:off x="161925" y="-99392"/>
            <a:ext cx="8775700" cy="1143000"/>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p>
            <a:pPr algn="ctr" defTabSz="685983" fontAlgn="auto">
              <a:lnSpc>
                <a:spcPct val="90000"/>
              </a:lnSpc>
              <a:spcAft>
                <a:spcPts val="0"/>
              </a:spcAft>
            </a:pPr>
            <a:r>
              <a:rPr lang="he-IL" altLang="he-IL" sz="3600" b="1" kern="1200" cap="all"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קיפאון אסטרטגי ?</a:t>
            </a:r>
            <a:r>
              <a:rPr lang="en-US" altLang="he-IL" sz="3600" b="1" kern="1200" cap="all"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 </a:t>
            </a:r>
            <a:endParaRPr lang="he-IL" altLang="he-IL" sz="3600" b="1" kern="1200" cap="all"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
        <p:nvSpPr>
          <p:cNvPr id="17" name="TextBox 16"/>
          <p:cNvSpPr txBox="1"/>
          <p:nvPr/>
        </p:nvSpPr>
        <p:spPr>
          <a:xfrm>
            <a:off x="117475" y="4970463"/>
            <a:ext cx="8731250" cy="1311128"/>
          </a:xfrm>
          <a:prstGeom prst="rect">
            <a:avLst/>
          </a:prstGeom>
          <a:noFill/>
        </p:spPr>
        <p:txBody>
          <a:bodyPr rtlCol="1">
            <a:spAutoFit/>
          </a:bodyPr>
          <a:lstStyle/>
          <a:p>
            <a:pPr rtl="1">
              <a:spcBef>
                <a:spcPct val="30000"/>
              </a:spcBef>
              <a:defRPr/>
            </a:pPr>
            <a:r>
              <a:rPr lang="he-IL" sz="2400" b="1" kern="0" dirty="0">
                <a:solidFill>
                  <a:srgbClr val="000000"/>
                </a:solidFill>
                <a:latin typeface="Narkisim" panose="020E0502050101010101" pitchFamily="34" charset="-79"/>
                <a:cs typeface="Narkisim" panose="020E0502050101010101" pitchFamily="34" charset="-79"/>
              </a:rPr>
              <a:t>מאזן עדין בין </a:t>
            </a:r>
            <a:r>
              <a:rPr lang="he-IL" sz="2400" b="1" kern="0" dirty="0" smtClean="0">
                <a:solidFill>
                  <a:srgbClr val="000000"/>
                </a:solidFill>
                <a:latin typeface="Narkisim" panose="020E0502050101010101" pitchFamily="34" charset="-79"/>
                <a:cs typeface="Narkisim" panose="020E0502050101010101" pitchFamily="34" charset="-79"/>
              </a:rPr>
              <a:t>בולמים לבין </a:t>
            </a:r>
            <a:r>
              <a:rPr lang="he-IL" sz="2400" b="1" kern="0" dirty="0">
                <a:solidFill>
                  <a:srgbClr val="000000"/>
                </a:solidFill>
                <a:latin typeface="Narkisim" panose="020E0502050101010101" pitchFamily="34" charset="-79"/>
                <a:cs typeface="Narkisim" panose="020E0502050101010101" pitchFamily="34" charset="-79"/>
              </a:rPr>
              <a:t>מאיצים (כלכלה; אווירה ציבורית; חמאס); </a:t>
            </a:r>
            <a:endParaRPr lang="he-IL" sz="2400" b="1" kern="0" dirty="0" smtClean="0">
              <a:solidFill>
                <a:srgbClr val="000000"/>
              </a:solidFill>
              <a:latin typeface="Narkisim" panose="020E0502050101010101" pitchFamily="34" charset="-79"/>
              <a:cs typeface="Narkisim" panose="020E0502050101010101" pitchFamily="34" charset="-79"/>
            </a:endParaRPr>
          </a:p>
          <a:p>
            <a:pPr rtl="1">
              <a:spcBef>
                <a:spcPct val="30000"/>
              </a:spcBef>
              <a:defRPr/>
            </a:pPr>
            <a:r>
              <a:rPr lang="he-IL" sz="2400" b="1" kern="0" dirty="0" smtClean="0">
                <a:solidFill>
                  <a:srgbClr val="000000"/>
                </a:solidFill>
                <a:latin typeface="Narkisim" panose="020E0502050101010101" pitchFamily="34" charset="-79"/>
                <a:cs typeface="Narkisim" panose="020E0502050101010101" pitchFamily="34" charset="-79"/>
              </a:rPr>
              <a:t>בעיות </a:t>
            </a:r>
            <a:r>
              <a:rPr lang="he-IL" sz="2400" b="1" kern="0" dirty="0">
                <a:solidFill>
                  <a:srgbClr val="000000"/>
                </a:solidFill>
                <a:latin typeface="Narkisim" panose="020E0502050101010101" pitchFamily="34" charset="-79"/>
                <a:cs typeface="Narkisim" panose="020E0502050101010101" pitchFamily="34" charset="-79"/>
              </a:rPr>
              <a:t>יסוד חריפות: </a:t>
            </a:r>
            <a:r>
              <a:rPr lang="he-IL" sz="2400" b="1" kern="0" dirty="0" smtClean="0">
                <a:solidFill>
                  <a:srgbClr val="000000"/>
                </a:solidFill>
                <a:latin typeface="Narkisim" panose="020E0502050101010101" pitchFamily="34" charset="-79"/>
                <a:cs typeface="Narkisim" panose="020E0502050101010101" pitchFamily="34" charset="-79"/>
              </a:rPr>
              <a:t>כלואים בעצמנו, גבולות, פליטים, תלות חיצונית עמוקה, מצוקה </a:t>
            </a:r>
            <a:r>
              <a:rPr lang="he-IL" sz="2400" b="1" kern="0" dirty="0">
                <a:solidFill>
                  <a:srgbClr val="000000"/>
                </a:solidFill>
                <a:latin typeface="Narkisim" panose="020E0502050101010101" pitchFamily="34" charset="-79"/>
                <a:cs typeface="Narkisim" panose="020E0502050101010101" pitchFamily="34" charset="-79"/>
              </a:rPr>
              <a:t>כלכלית, </a:t>
            </a:r>
            <a:r>
              <a:rPr lang="he-IL" sz="2400" b="1" kern="0" dirty="0" smtClean="0">
                <a:solidFill>
                  <a:srgbClr val="000000"/>
                </a:solidFill>
                <a:latin typeface="Narkisim" panose="020E0502050101010101" pitchFamily="34" charset="-79"/>
                <a:cs typeface="Narkisim" panose="020E0502050101010101" pitchFamily="34" charset="-79"/>
              </a:rPr>
              <a:t>תסיסה </a:t>
            </a:r>
            <a:r>
              <a:rPr lang="he-IL" sz="2400" b="1" kern="0" dirty="0">
                <a:solidFill>
                  <a:srgbClr val="000000"/>
                </a:solidFill>
                <a:latin typeface="Narkisim" panose="020E0502050101010101" pitchFamily="34" charset="-79"/>
                <a:cs typeface="Narkisim" panose="020E0502050101010101" pitchFamily="34" charset="-79"/>
              </a:rPr>
              <a:t>ציבורית</a:t>
            </a:r>
          </a:p>
        </p:txBody>
      </p:sp>
      <p:pic>
        <p:nvPicPr>
          <p:cNvPr id="69637" name="Picture 2" descr="http://www.hagilboa.org.il/image/users/147755/ftp/my_files/pictures/news/IP1_7230.jpg?id=8891267"/>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706938" y="1847850"/>
            <a:ext cx="4221162" cy="2841625"/>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pic>
      <p:pic>
        <p:nvPicPr>
          <p:cNvPr id="69638" name="Picture 4" descr="http://megafon-news.co.il/asys/wp-content/uploads/2013/03/maan.west-bank13.-25.21.jpg"/>
          <p:cNvPicPr>
            <a:picLocks noChangeAspect="1" noChangeArrowheads="1"/>
          </p:cNvPicPr>
          <p:nvPr/>
        </p:nvPicPr>
        <p:blipFill>
          <a:blip r:embed="rId4">
            <a:extLst>
              <a:ext uri="{28A0092B-C50C-407E-A947-70E740481C1C}">
                <a14:useLocalDpi xmlns:a14="http://schemas.microsoft.com/office/drawing/2010/main" val="0"/>
              </a:ext>
            </a:extLst>
          </a:blip>
          <a:srcRect t="8121" r="19022" b="6799"/>
          <a:stretch>
            <a:fillRect/>
          </a:stretch>
        </p:blipFill>
        <p:spPr bwMode="auto">
          <a:xfrm>
            <a:off x="161925" y="1847850"/>
            <a:ext cx="4321175" cy="2841625"/>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pic>
      <p:sp>
        <p:nvSpPr>
          <p:cNvPr id="69639" name="TextBox 2"/>
          <p:cNvSpPr txBox="1">
            <a:spLocks noChangeArrowheads="1"/>
          </p:cNvSpPr>
          <p:nvPr/>
        </p:nvSpPr>
        <p:spPr bwMode="auto">
          <a:xfrm>
            <a:off x="4716463" y="4292600"/>
            <a:ext cx="4176712" cy="369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gn="r" eaLnBrk="1" hangingPunct="1">
              <a:lnSpc>
                <a:spcPct val="100000"/>
              </a:lnSpc>
              <a:spcBef>
                <a:spcPct val="0"/>
              </a:spcBef>
              <a:buFontTx/>
              <a:buNone/>
            </a:pPr>
            <a:r>
              <a:rPr lang="he-IL" altLang="he-IL" sz="1800">
                <a:solidFill>
                  <a:srgbClr val="FFFFFF"/>
                </a:solidFill>
              </a:rPr>
              <a:t>מעבר גלבוע</a:t>
            </a:r>
          </a:p>
        </p:txBody>
      </p:sp>
    </p:spTree>
    <p:extLst>
      <p:ext uri="{BB962C8B-B14F-4D97-AF65-F5344CB8AC3E}">
        <p14:creationId xmlns:p14="http://schemas.microsoft.com/office/powerpoint/2010/main" val="3248870300"/>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כותרת 1"/>
          <p:cNvSpPr txBox="1">
            <a:spLocks/>
          </p:cNvSpPr>
          <p:nvPr/>
        </p:nvSpPr>
        <p:spPr>
          <a:xfrm>
            <a:off x="107950" y="-27384"/>
            <a:ext cx="8928100" cy="1143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defPPr>
              <a:defRPr lang="en-US"/>
            </a:defPPr>
            <a:lvl1pPr defTabSz="685983" rtl="1" eaLnBrk="1" fontAlgn="auto" hangingPunct="1">
              <a:lnSpc>
                <a:spcPct val="90000"/>
              </a:lnSpc>
              <a:spcAft>
                <a:spcPts val="0"/>
              </a:spcAft>
              <a:defRPr sz="3600" b="1" cap="all">
                <a:solidFill>
                  <a:srgbClr val="0070C0"/>
                </a:solidFill>
                <a:effectLst>
                  <a:outerShdw blurRad="38100" dist="38100" dir="2700000" algn="tl">
                    <a:srgbClr val="000000">
                      <a:alpha val="43137"/>
                    </a:srgbClr>
                  </a:outerShdw>
                </a:effectLst>
                <a:latin typeface="Narkisim" panose="020E0502050101010101" pitchFamily="34" charset="-79"/>
                <a:ea typeface="+mj-ea"/>
                <a:cs typeface="Narkisim" panose="020E0502050101010101" pitchFamily="34" charset="-79"/>
              </a:defRPr>
            </a:lvl1pPr>
            <a:lvl2pPr algn="r" rtl="1" eaLnBrk="1" hangingPunct="1">
              <a:defRPr sz="3200">
                <a:latin typeface="Century Schoolbook" pitchFamily="18" charset="0"/>
              </a:defRPr>
            </a:lvl2pPr>
            <a:lvl3pPr algn="r" rtl="1" eaLnBrk="1" hangingPunct="1">
              <a:defRPr sz="3200">
                <a:latin typeface="Century Schoolbook" pitchFamily="18" charset="0"/>
              </a:defRPr>
            </a:lvl3pPr>
            <a:lvl4pPr algn="r" rtl="1" eaLnBrk="1" hangingPunct="1">
              <a:defRPr sz="3200">
                <a:latin typeface="Century Schoolbook" pitchFamily="18" charset="0"/>
              </a:defRPr>
            </a:lvl4pPr>
            <a:lvl5pPr algn="r" rtl="1" eaLnBrk="1" hangingPunct="1">
              <a:defRPr sz="3200">
                <a:latin typeface="Century Schoolbook" pitchFamily="18" charset="0"/>
              </a:defRPr>
            </a:lvl5pPr>
            <a:lvl6pPr marL="457200" algn="r" rtl="1" fontAlgn="base">
              <a:spcBef>
                <a:spcPct val="0"/>
              </a:spcBef>
              <a:spcAft>
                <a:spcPct val="0"/>
              </a:spcAft>
              <a:defRPr sz="3200">
                <a:latin typeface="Century Schoolbook" pitchFamily="18" charset="0"/>
              </a:defRPr>
            </a:lvl6pPr>
            <a:lvl7pPr marL="914400" algn="r" rtl="1" fontAlgn="base">
              <a:spcBef>
                <a:spcPct val="0"/>
              </a:spcBef>
              <a:spcAft>
                <a:spcPct val="0"/>
              </a:spcAft>
              <a:defRPr sz="3200">
                <a:latin typeface="Century Schoolbook" pitchFamily="18" charset="0"/>
              </a:defRPr>
            </a:lvl7pPr>
            <a:lvl8pPr marL="1371600" algn="r" rtl="1" fontAlgn="base">
              <a:spcBef>
                <a:spcPct val="0"/>
              </a:spcBef>
              <a:spcAft>
                <a:spcPct val="0"/>
              </a:spcAft>
              <a:defRPr sz="3200">
                <a:latin typeface="Century Schoolbook" pitchFamily="18" charset="0"/>
              </a:defRPr>
            </a:lvl8pPr>
            <a:lvl9pPr marL="1828800" algn="r" rtl="1" fontAlgn="base">
              <a:spcBef>
                <a:spcPct val="0"/>
              </a:spcBef>
              <a:spcAft>
                <a:spcPct val="0"/>
              </a:spcAft>
              <a:defRPr sz="3200">
                <a:latin typeface="Century Schoolbook" pitchFamily="18" charset="0"/>
              </a:defRPr>
            </a:lvl9pPr>
          </a:lstStyle>
          <a:p>
            <a:r>
              <a:rPr lang="he-IL" dirty="0"/>
              <a:t>המנגנונים כגורם מייצב</a:t>
            </a:r>
          </a:p>
        </p:txBody>
      </p:sp>
      <p:sp>
        <p:nvSpPr>
          <p:cNvPr id="113667" name="TextBox 10"/>
          <p:cNvSpPr txBox="1">
            <a:spLocks noChangeArrowheads="1"/>
          </p:cNvSpPr>
          <p:nvPr/>
        </p:nvSpPr>
        <p:spPr bwMode="auto">
          <a:xfrm>
            <a:off x="161925" y="5176838"/>
            <a:ext cx="8731250" cy="8309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72000" rIns="72000">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eaLnBrk="1" hangingPunct="1">
              <a:lnSpc>
                <a:spcPct val="100000"/>
              </a:lnSpc>
              <a:spcBef>
                <a:spcPct val="0"/>
              </a:spcBef>
              <a:buFontTx/>
              <a:buNone/>
            </a:pPr>
            <a:r>
              <a:rPr lang="he-IL" altLang="he-IL" dirty="0">
                <a:solidFill>
                  <a:srgbClr val="000000"/>
                </a:solidFill>
                <a:latin typeface="Guttman Hatzvi" panose="02010401010101010101" pitchFamily="2" charset="-79"/>
              </a:rPr>
              <a:t>אינטרס הרשות בשימור השקט (המשך התיאום </a:t>
            </a:r>
            <a:r>
              <a:rPr lang="he-IL" altLang="he-IL" dirty="0" err="1">
                <a:solidFill>
                  <a:srgbClr val="000000"/>
                </a:solidFill>
                <a:latin typeface="Guttman Hatzvi" panose="02010401010101010101" pitchFamily="2" charset="-79"/>
              </a:rPr>
              <a:t>הבטחוני</a:t>
            </a:r>
            <a:r>
              <a:rPr lang="he-IL" altLang="he-IL" dirty="0">
                <a:solidFill>
                  <a:srgbClr val="000000"/>
                </a:solidFill>
                <a:latin typeface="Guttman Hatzvi" panose="02010401010101010101" pitchFamily="2" charset="-79"/>
              </a:rPr>
              <a:t>); תפקוד יעיל ואחראי של מנגנוני הביטחון </a:t>
            </a:r>
            <a:r>
              <a:rPr lang="he-IL" altLang="he-IL" sz="2000" dirty="0">
                <a:solidFill>
                  <a:srgbClr val="000000"/>
                </a:solidFill>
                <a:latin typeface="Guttman Hatzvi" panose="02010401010101010101" pitchFamily="2" charset="-79"/>
              </a:rPr>
              <a:t>(סדר ציבורי, סיכול פח"ע)  </a:t>
            </a:r>
          </a:p>
        </p:txBody>
      </p:sp>
      <p:pic>
        <p:nvPicPr>
          <p:cNvPr id="113668" name="Picture 2" descr="awvpnuycmaemt8g"/>
          <p:cNvPicPr>
            <a:picLocks noChangeAspect="1" noChangeArrowheads="1"/>
          </p:cNvPicPr>
          <p:nvPr/>
        </p:nvPicPr>
        <p:blipFill>
          <a:blip r:embed="rId3">
            <a:extLst>
              <a:ext uri="{28A0092B-C50C-407E-A947-70E740481C1C}">
                <a14:useLocalDpi xmlns:a14="http://schemas.microsoft.com/office/drawing/2010/main" val="0"/>
              </a:ext>
            </a:extLst>
          </a:blip>
          <a:srcRect l="1173" t="5154" r="3902"/>
          <a:stretch>
            <a:fillRect/>
          </a:stretch>
        </p:blipFill>
        <p:spPr bwMode="auto">
          <a:xfrm>
            <a:off x="161925" y="1854200"/>
            <a:ext cx="4365625" cy="2835275"/>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113669" name="Picture 7"/>
          <p:cNvPicPr>
            <a:picLocks noChangeAspect="1" noChangeArrowheads="1"/>
          </p:cNvPicPr>
          <p:nvPr/>
        </p:nvPicPr>
        <p:blipFill>
          <a:blip r:embed="rId4">
            <a:extLst>
              <a:ext uri="{28A0092B-C50C-407E-A947-70E740481C1C}">
                <a14:useLocalDpi xmlns:a14="http://schemas.microsoft.com/office/drawing/2010/main" val="0"/>
              </a:ext>
            </a:extLst>
          </a:blip>
          <a:srcRect b="9695"/>
          <a:stretch>
            <a:fillRect/>
          </a:stretch>
        </p:blipFill>
        <p:spPr bwMode="auto">
          <a:xfrm>
            <a:off x="4706938" y="1854200"/>
            <a:ext cx="4230687" cy="2835275"/>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46270114"/>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7762" name="TextBox 1"/>
          <p:cNvSpPr txBox="1">
            <a:spLocks noChangeArrowheads="1"/>
          </p:cNvSpPr>
          <p:nvPr/>
        </p:nvSpPr>
        <p:spPr bwMode="auto">
          <a:xfrm>
            <a:off x="214313" y="611188"/>
            <a:ext cx="8715375" cy="60478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defPPr>
              <a:defRPr lang="en-US"/>
            </a:defPPr>
            <a:lvl1pPr defTabSz="685983" rtl="1" eaLnBrk="1" fontAlgn="auto" hangingPunct="1">
              <a:lnSpc>
                <a:spcPct val="90000"/>
              </a:lnSpc>
              <a:spcAft>
                <a:spcPts val="0"/>
              </a:spcAft>
              <a:defRPr sz="3600" b="1" cap="all">
                <a:solidFill>
                  <a:srgbClr val="0070C0"/>
                </a:solidFill>
                <a:effectLst>
                  <a:outerShdw blurRad="38100" dist="38100" dir="2700000" algn="tl">
                    <a:srgbClr val="000000">
                      <a:alpha val="43137"/>
                    </a:srgbClr>
                  </a:outerShdw>
                </a:effectLst>
                <a:latin typeface="Narkisim" panose="020E0502050101010101" pitchFamily="34" charset="-79"/>
                <a:ea typeface="+mj-ea"/>
                <a:cs typeface="Narkisim" panose="020E0502050101010101" pitchFamily="34" charset="-79"/>
              </a:defRPr>
            </a:lvl1pPr>
            <a:lvl2pPr algn="r" rtl="1" eaLnBrk="1" hangingPunct="1">
              <a:defRPr sz="3200">
                <a:latin typeface="Century Schoolbook" pitchFamily="18" charset="0"/>
              </a:defRPr>
            </a:lvl2pPr>
            <a:lvl3pPr algn="r" rtl="1" eaLnBrk="1" hangingPunct="1">
              <a:defRPr sz="3200">
                <a:latin typeface="Century Schoolbook" pitchFamily="18" charset="0"/>
              </a:defRPr>
            </a:lvl3pPr>
            <a:lvl4pPr algn="r" rtl="1" eaLnBrk="1" hangingPunct="1">
              <a:defRPr sz="3200">
                <a:latin typeface="Century Schoolbook" pitchFamily="18" charset="0"/>
              </a:defRPr>
            </a:lvl4pPr>
            <a:lvl5pPr algn="r" rtl="1" eaLnBrk="1" hangingPunct="1">
              <a:defRPr sz="3200">
                <a:latin typeface="Century Schoolbook" pitchFamily="18" charset="0"/>
              </a:defRPr>
            </a:lvl5pPr>
            <a:lvl6pPr marL="457200" algn="r" rtl="1" fontAlgn="base">
              <a:spcBef>
                <a:spcPct val="0"/>
              </a:spcBef>
              <a:spcAft>
                <a:spcPct val="0"/>
              </a:spcAft>
              <a:defRPr sz="3200">
                <a:latin typeface="Century Schoolbook" pitchFamily="18" charset="0"/>
              </a:defRPr>
            </a:lvl6pPr>
            <a:lvl7pPr marL="914400" algn="r" rtl="1" fontAlgn="base">
              <a:spcBef>
                <a:spcPct val="0"/>
              </a:spcBef>
              <a:spcAft>
                <a:spcPct val="0"/>
              </a:spcAft>
              <a:defRPr sz="3200">
                <a:latin typeface="Century Schoolbook" pitchFamily="18" charset="0"/>
              </a:defRPr>
            </a:lvl7pPr>
            <a:lvl8pPr marL="1371600" algn="r" rtl="1" fontAlgn="base">
              <a:spcBef>
                <a:spcPct val="0"/>
              </a:spcBef>
              <a:spcAft>
                <a:spcPct val="0"/>
              </a:spcAft>
              <a:defRPr sz="3200">
                <a:latin typeface="Century Schoolbook" pitchFamily="18" charset="0"/>
              </a:defRPr>
            </a:lvl8pPr>
            <a:lvl9pPr marL="1828800" algn="r" rtl="1" fontAlgn="base">
              <a:spcBef>
                <a:spcPct val="0"/>
              </a:spcBef>
              <a:spcAft>
                <a:spcPct val="0"/>
              </a:spcAft>
              <a:defRPr sz="3200">
                <a:latin typeface="Century Schoolbook" pitchFamily="18" charset="0"/>
              </a:defRPr>
            </a:lvl9pPr>
          </a:lstStyle>
          <a:p>
            <a:r>
              <a:rPr lang="he-IL" altLang="he-IL" dirty="0"/>
              <a:t>     חמאס </a:t>
            </a:r>
            <a:r>
              <a:rPr lang="he-IL" altLang="he-IL" dirty="0" err="1"/>
              <a:t>באיו"ש</a:t>
            </a:r>
            <a:endParaRPr lang="he-IL" altLang="he-IL" dirty="0"/>
          </a:p>
        </p:txBody>
      </p:sp>
      <p:pic>
        <p:nvPicPr>
          <p:cNvPr id="117763" name="Picture 2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1925" y="1854200"/>
            <a:ext cx="4365625" cy="2835275"/>
          </a:xfrm>
          <a:prstGeom prst="rect">
            <a:avLst/>
          </a:prstGeom>
          <a:noFill/>
          <a:ln w="9525">
            <a:solidFill>
              <a:schemeClr val="tx2"/>
            </a:solidFill>
            <a:miter lim="800000"/>
            <a:headEnd/>
            <a:tailEnd/>
          </a:ln>
          <a:extLst>
            <a:ext uri="{909E8E84-426E-40DD-AFC4-6F175D3DCCD1}">
              <a14:hiddenFill xmlns:a14="http://schemas.microsoft.com/office/drawing/2010/main">
                <a:solidFill>
                  <a:srgbClr val="FFFFFF"/>
                </a:solidFill>
              </a14:hiddenFill>
            </a:ext>
          </a:extLst>
        </p:spPr>
      </p:pic>
      <p:sp>
        <p:nvSpPr>
          <p:cNvPr id="117764" name="TextBox 10"/>
          <p:cNvSpPr txBox="1">
            <a:spLocks noChangeArrowheads="1"/>
          </p:cNvSpPr>
          <p:nvPr/>
        </p:nvSpPr>
        <p:spPr bwMode="auto">
          <a:xfrm>
            <a:off x="161925" y="5162550"/>
            <a:ext cx="8731250" cy="1200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a:lnSpc>
                <a:spcPct val="100000"/>
              </a:lnSpc>
              <a:spcBef>
                <a:spcPct val="30000"/>
              </a:spcBef>
              <a:buFontTx/>
              <a:buNone/>
            </a:pPr>
            <a:r>
              <a:rPr lang="he-IL" altLang="he-IL">
                <a:solidFill>
                  <a:srgbClr val="000000"/>
                </a:solidFill>
              </a:rPr>
              <a:t>זיהוי הזדמנות לשיקום המעמד הציבורי והתשתית הארגונית והמבצעית; בפועל: נראות ציבורית (אבל, הפסד באוניברסיטאות), וקשיי פעולה עקב פעילות כוחותינו והמנגנונים</a:t>
            </a:r>
            <a:endParaRPr lang="en-US" altLang="he-IL">
              <a:solidFill>
                <a:srgbClr val="000000"/>
              </a:solidFill>
            </a:endParaRPr>
          </a:p>
        </p:txBody>
      </p:sp>
      <p:pic>
        <p:nvPicPr>
          <p:cNvPr id="117765" name="Picture 48" descr="http://www.maannews.net/images/PhotoViewer/190023.jpg"/>
          <p:cNvPicPr>
            <a:picLocks noChangeAspect="1" noChangeArrowheads="1"/>
          </p:cNvPicPr>
          <p:nvPr/>
        </p:nvPicPr>
        <p:blipFill>
          <a:blip r:embed="rId4">
            <a:extLst>
              <a:ext uri="{28A0092B-C50C-407E-A947-70E740481C1C}">
                <a14:useLocalDpi xmlns:a14="http://schemas.microsoft.com/office/drawing/2010/main" val="0"/>
              </a:ext>
            </a:extLst>
          </a:blip>
          <a:srcRect r="4048" b="13252"/>
          <a:stretch>
            <a:fillRect/>
          </a:stretch>
        </p:blipFill>
        <p:spPr bwMode="auto">
          <a:xfrm>
            <a:off x="4662488" y="1854200"/>
            <a:ext cx="4221162" cy="2746375"/>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412902102"/>
      </p:ext>
    </p:extLst>
  </p:cSld>
  <p:clrMapOvr>
    <a:masterClrMapping/>
  </p:clrMapOvr>
  <p:transition/>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1602" name="כותרת 1"/>
          <p:cNvSpPr>
            <a:spLocks noGrp="1"/>
          </p:cNvSpPr>
          <p:nvPr>
            <p:ph type="title"/>
          </p:nvPr>
        </p:nvSpPr>
        <p:spPr>
          <a:xfrm>
            <a:off x="611188" y="363538"/>
            <a:ext cx="8143875" cy="725487"/>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fontScale="90000"/>
          </a:bodyPr>
          <a:lstStyle/>
          <a:p>
            <a:pPr algn="ctr" defTabSz="685983" fontAlgn="auto">
              <a:lnSpc>
                <a:spcPct val="90000"/>
              </a:lnSpc>
              <a:spcAft>
                <a:spcPts val="0"/>
              </a:spcAft>
            </a:pPr>
            <a:r>
              <a:rPr lang="he-IL" altLang="he-IL" sz="3600" b="1" kern="1200" cap="all">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אתוס האסיר"</a:t>
            </a:r>
            <a:br>
              <a:rPr lang="he-IL" altLang="he-IL" sz="3600" b="1" kern="1200" cap="all">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br>
            <a:r>
              <a:rPr lang="he-IL" altLang="he-IL" sz="3600" b="1" kern="1200" cap="all">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הכלא בישראל כ"חוויה קולקטיבית" ומעצבת</a:t>
            </a:r>
            <a:endParaRPr lang="en-US" altLang="he-IL" sz="3600" b="1" kern="1200" cap="all">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pic>
        <p:nvPicPr>
          <p:cNvPr id="149510" name="Picture 6" descr="http://img.mako.co.il/2013/07/22/379979_C.jpg"/>
          <p:cNvPicPr>
            <a:picLocks noChangeAspect="1" noChangeArrowheads="1"/>
          </p:cNvPicPr>
          <p:nvPr/>
        </p:nvPicPr>
        <p:blipFill>
          <a:blip r:embed="rId3" cstate="print"/>
          <a:srcRect/>
          <a:stretch>
            <a:fillRect/>
          </a:stretch>
        </p:blipFill>
        <p:spPr bwMode="auto">
          <a:xfrm>
            <a:off x="5138555" y="1718810"/>
            <a:ext cx="3663915" cy="2052075"/>
          </a:xfrm>
          <a:prstGeom prst="rect">
            <a:avLst/>
          </a:prstGeom>
          <a:no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pic>
      <p:pic>
        <p:nvPicPr>
          <p:cNvPr id="149512" name="Picture 8" descr="http://www.haaretz.co.il/polopoly_fs/1.2152599.1383095077!/image/504236976.jpg_gen/derivatives/size_936xAuto/504236976.jpg"/>
          <p:cNvPicPr>
            <a:picLocks noChangeAspect="1" noChangeArrowheads="1"/>
          </p:cNvPicPr>
          <p:nvPr/>
        </p:nvPicPr>
        <p:blipFill>
          <a:blip r:embed="rId4" cstate="print"/>
          <a:srcRect/>
          <a:stretch>
            <a:fillRect/>
          </a:stretch>
        </p:blipFill>
        <p:spPr bwMode="auto">
          <a:xfrm>
            <a:off x="2738306" y="4130226"/>
            <a:ext cx="3678899" cy="2044079"/>
          </a:xfrm>
          <a:prstGeom prst="rect">
            <a:avLst/>
          </a:prstGeom>
          <a:no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pic>
      <p:pic>
        <p:nvPicPr>
          <p:cNvPr id="149516" name="Picture 12" descr="http://images.nana10.co.il/upload/mediastock/img/16/0/54/54083.jpg"/>
          <p:cNvPicPr>
            <a:picLocks noChangeAspect="1" noChangeArrowheads="1"/>
          </p:cNvPicPr>
          <p:nvPr/>
        </p:nvPicPr>
        <p:blipFill>
          <a:blip r:embed="rId5" cstate="print"/>
          <a:srcRect/>
          <a:stretch>
            <a:fillRect/>
          </a:stretch>
        </p:blipFill>
        <p:spPr bwMode="auto">
          <a:xfrm>
            <a:off x="341530" y="1718810"/>
            <a:ext cx="3673149" cy="2032477"/>
          </a:xfrm>
          <a:prstGeom prst="rect">
            <a:avLst/>
          </a:prstGeom>
          <a:no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pic>
    </p:spTree>
    <p:extLst>
      <p:ext uri="{BB962C8B-B14F-4D97-AF65-F5344CB8AC3E}">
        <p14:creationId xmlns:p14="http://schemas.microsoft.com/office/powerpoint/2010/main" val="3574513894"/>
      </p:ext>
    </p:extLst>
  </p:cSld>
  <p:clrMapOvr>
    <a:masterClrMapping/>
  </p:clrMapOvr>
  <p:transition/>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6915" name="מלבן מעוגל 3"/>
          <p:cNvSpPr>
            <a:spLocks noChangeArrowheads="1"/>
          </p:cNvSpPr>
          <p:nvPr/>
        </p:nvSpPr>
        <p:spPr bwMode="auto">
          <a:xfrm>
            <a:off x="357188" y="1214438"/>
            <a:ext cx="8358187" cy="857250"/>
          </a:xfrm>
          <a:prstGeom prst="roundRect">
            <a:avLst>
              <a:gd name="adj" fmla="val 16667"/>
            </a:avLst>
          </a:prstGeom>
          <a:solidFill>
            <a:schemeClr val="accent3">
              <a:lumMod val="85000"/>
            </a:schemeClr>
          </a:solidFill>
          <a:ln w="25400" algn="ctr">
            <a:solidFill>
              <a:srgbClr val="385D8A"/>
            </a:solidFill>
            <a:round/>
            <a:headEnd/>
            <a:tailEnd/>
          </a:ln>
        </p:spPr>
        <p:txBody>
          <a:bodyPr anchor="ctr"/>
          <a:lstStyle/>
          <a:p>
            <a:pPr rtl="1" eaLnBrk="1" hangingPunct="1">
              <a:defRPr/>
            </a:pPr>
            <a:r>
              <a:rPr lang="he-IL" sz="2600" b="1" dirty="0" err="1">
                <a:solidFill>
                  <a:srgbClr val="002060"/>
                </a:solidFill>
                <a:latin typeface="Narkisim" panose="020E0502050101010101" pitchFamily="34" charset="-79"/>
                <a:cs typeface="Narkisim" panose="020E0502050101010101" pitchFamily="34" charset="-79"/>
              </a:rPr>
              <a:t>איו"ש</a:t>
            </a:r>
            <a:r>
              <a:rPr lang="he-IL" sz="2600" b="1" dirty="0">
                <a:solidFill>
                  <a:srgbClr val="002060"/>
                </a:solidFill>
                <a:latin typeface="Narkisim" panose="020E0502050101010101" pitchFamily="34" charset="-79"/>
                <a:cs typeface="Narkisim" panose="020E0502050101010101" pitchFamily="34" charset="-79"/>
              </a:rPr>
              <a:t> ועזה: שתי כלכלות כמעט נפרדות </a:t>
            </a:r>
            <a:r>
              <a:rPr lang="he-IL" sz="2600" b="1" dirty="0" smtClean="0">
                <a:solidFill>
                  <a:srgbClr val="002060"/>
                </a:solidFill>
                <a:latin typeface="Narkisim" panose="020E0502050101010101" pitchFamily="34" charset="-79"/>
                <a:cs typeface="Narkisim" panose="020E0502050101010101" pitchFamily="34" charset="-79"/>
              </a:rPr>
              <a:t>לחלוטין</a:t>
            </a:r>
            <a:endParaRPr lang="en-US" sz="2600" dirty="0">
              <a:solidFill>
                <a:srgbClr val="002060"/>
              </a:solidFill>
              <a:latin typeface="Narkisim" panose="020E0502050101010101" pitchFamily="34" charset="-79"/>
              <a:cs typeface="Narkisim" panose="020E0502050101010101" pitchFamily="34" charset="-79"/>
            </a:endParaRPr>
          </a:p>
        </p:txBody>
      </p:sp>
      <p:sp>
        <p:nvSpPr>
          <p:cNvPr id="166916" name="מלבן מעוגל 9"/>
          <p:cNvSpPr>
            <a:spLocks noChangeArrowheads="1"/>
          </p:cNvSpPr>
          <p:nvPr/>
        </p:nvSpPr>
        <p:spPr bwMode="auto">
          <a:xfrm>
            <a:off x="357188" y="2643188"/>
            <a:ext cx="8358187" cy="857250"/>
          </a:xfrm>
          <a:prstGeom prst="roundRect">
            <a:avLst>
              <a:gd name="adj" fmla="val 16667"/>
            </a:avLst>
          </a:prstGeom>
          <a:solidFill>
            <a:schemeClr val="accent3">
              <a:lumMod val="85000"/>
            </a:schemeClr>
          </a:solidFill>
          <a:ln w="25400" algn="ctr">
            <a:solidFill>
              <a:srgbClr val="385D8A"/>
            </a:solidFill>
            <a:round/>
            <a:headEnd/>
            <a:tailEnd/>
          </a:ln>
        </p:spPr>
        <p:txBody>
          <a:bodyPr anchor="ctr"/>
          <a:lstStyle/>
          <a:p>
            <a:pPr rtl="1" eaLnBrk="1" hangingPunct="1">
              <a:defRPr/>
            </a:pPr>
            <a:r>
              <a:rPr lang="he-IL" sz="2600" b="1" dirty="0" smtClean="0">
                <a:solidFill>
                  <a:srgbClr val="002060"/>
                </a:solidFill>
                <a:latin typeface="Narkisim" panose="020E0502050101010101" pitchFamily="34" charset="-79"/>
                <a:cs typeface="Narkisim" panose="020E0502050101010101" pitchFamily="34" charset="-79"/>
              </a:rPr>
              <a:t>"</a:t>
            </a:r>
            <a:r>
              <a:rPr lang="he-IL" sz="2600" b="1" dirty="0">
                <a:solidFill>
                  <a:srgbClr val="002060"/>
                </a:solidFill>
                <a:latin typeface="Narkisim" panose="020E0502050101010101" pitchFamily="34" charset="-79"/>
                <a:cs typeface="Narkisim" panose="020E0502050101010101" pitchFamily="34" charset="-79"/>
              </a:rPr>
              <a:t>היציבות" הכלכלית תלויה בעיקרה ב"הנשמה" של סיוע </a:t>
            </a:r>
            <a:r>
              <a:rPr lang="he-IL" sz="2600" b="1" dirty="0" smtClean="0">
                <a:solidFill>
                  <a:srgbClr val="002060"/>
                </a:solidFill>
                <a:latin typeface="Narkisim" panose="020E0502050101010101" pitchFamily="34" charset="-79"/>
                <a:cs typeface="Narkisim" panose="020E0502050101010101" pitchFamily="34" charset="-79"/>
              </a:rPr>
              <a:t>חיצוני</a:t>
            </a:r>
            <a:endParaRPr lang="en-US" sz="2600" b="1" dirty="0">
              <a:solidFill>
                <a:srgbClr val="002060"/>
              </a:solidFill>
              <a:latin typeface="Narkisim" panose="020E0502050101010101" pitchFamily="34" charset="-79"/>
              <a:cs typeface="Narkisim" panose="020E0502050101010101" pitchFamily="34" charset="-79"/>
            </a:endParaRPr>
          </a:p>
        </p:txBody>
      </p:sp>
      <p:sp>
        <p:nvSpPr>
          <p:cNvPr id="166917" name="מלבן מעוגל 11"/>
          <p:cNvSpPr>
            <a:spLocks noChangeArrowheads="1"/>
          </p:cNvSpPr>
          <p:nvPr/>
        </p:nvSpPr>
        <p:spPr bwMode="auto">
          <a:xfrm>
            <a:off x="357188" y="4143375"/>
            <a:ext cx="8358187" cy="857250"/>
          </a:xfrm>
          <a:prstGeom prst="roundRect">
            <a:avLst>
              <a:gd name="adj" fmla="val 16667"/>
            </a:avLst>
          </a:prstGeom>
          <a:solidFill>
            <a:schemeClr val="accent3">
              <a:lumMod val="85000"/>
            </a:schemeClr>
          </a:solidFill>
          <a:ln w="25400" algn="ctr">
            <a:solidFill>
              <a:srgbClr val="385D8A"/>
            </a:solidFill>
            <a:round/>
            <a:headEnd/>
            <a:tailEnd/>
          </a:ln>
        </p:spPr>
        <p:txBody>
          <a:bodyPr anchor="ctr"/>
          <a:lstStyle/>
          <a:p>
            <a:pPr rtl="1" eaLnBrk="1" hangingPunct="1">
              <a:defRPr/>
            </a:pPr>
            <a:r>
              <a:rPr lang="he-IL" sz="2600" b="1" dirty="0" smtClean="0">
                <a:solidFill>
                  <a:srgbClr val="002060"/>
                </a:solidFill>
                <a:latin typeface="Narkisim" panose="020E0502050101010101" pitchFamily="34" charset="-79"/>
                <a:cs typeface="Narkisim" panose="020E0502050101010101" pitchFamily="34" charset="-79"/>
              </a:rPr>
              <a:t>תלות </a:t>
            </a:r>
            <a:r>
              <a:rPr lang="he-IL" sz="2600" b="1" dirty="0">
                <a:solidFill>
                  <a:srgbClr val="002060"/>
                </a:solidFill>
                <a:latin typeface="Narkisim" panose="020E0502050101010101" pitchFamily="34" charset="-79"/>
                <a:cs typeface="Narkisim" panose="020E0502050101010101" pitchFamily="34" charset="-79"/>
              </a:rPr>
              <a:t>עמוקה במשק ובתשתיות של ישראל והשפעה עמוקה מהתנודות </a:t>
            </a:r>
            <a:r>
              <a:rPr lang="he-IL" sz="2600" b="1" dirty="0" smtClean="0">
                <a:solidFill>
                  <a:srgbClr val="002060"/>
                </a:solidFill>
                <a:latin typeface="Narkisim" panose="020E0502050101010101" pitchFamily="34" charset="-79"/>
                <a:cs typeface="Narkisim" panose="020E0502050101010101" pitchFamily="34" charset="-79"/>
              </a:rPr>
              <a:t>בה</a:t>
            </a:r>
            <a:endParaRPr lang="en-US" sz="2600" b="1" dirty="0">
              <a:solidFill>
                <a:srgbClr val="002060"/>
              </a:solidFill>
              <a:latin typeface="Narkisim" panose="020E0502050101010101" pitchFamily="34" charset="-79"/>
              <a:cs typeface="Narkisim" panose="020E0502050101010101" pitchFamily="34" charset="-79"/>
            </a:endParaRPr>
          </a:p>
        </p:txBody>
      </p:sp>
      <p:sp>
        <p:nvSpPr>
          <p:cNvPr id="166918" name="מלבן מעוגל 12"/>
          <p:cNvSpPr>
            <a:spLocks noChangeArrowheads="1"/>
          </p:cNvSpPr>
          <p:nvPr/>
        </p:nvSpPr>
        <p:spPr bwMode="auto">
          <a:xfrm>
            <a:off x="357188" y="5445125"/>
            <a:ext cx="8358187" cy="857250"/>
          </a:xfrm>
          <a:prstGeom prst="roundRect">
            <a:avLst>
              <a:gd name="adj" fmla="val 16667"/>
            </a:avLst>
          </a:prstGeom>
          <a:solidFill>
            <a:schemeClr val="accent3">
              <a:lumMod val="85000"/>
            </a:schemeClr>
          </a:solidFill>
          <a:ln w="25400" algn="ctr">
            <a:solidFill>
              <a:srgbClr val="385D8A"/>
            </a:solidFill>
            <a:round/>
            <a:headEnd/>
            <a:tailEnd/>
          </a:ln>
        </p:spPr>
        <p:txBody>
          <a:bodyPr anchor="ctr"/>
          <a:lstStyle/>
          <a:p>
            <a:pPr rtl="1" eaLnBrk="1" hangingPunct="1">
              <a:defRPr/>
            </a:pPr>
            <a:r>
              <a:rPr lang="he-IL" sz="2600" b="1">
                <a:solidFill>
                  <a:srgbClr val="002060"/>
                </a:solidFill>
                <a:latin typeface="Narkisim" panose="020E0502050101010101" pitchFamily="34" charset="-79"/>
                <a:cs typeface="Narkisim" panose="020E0502050101010101" pitchFamily="34" charset="-79"/>
              </a:rPr>
              <a:t>כלכלה מזרח-תיכונית: מגזר ציבורי מנופח (לצרכי יציבות), לצד מגזר פרטי מתפתח (בולט בעיקר באיו"ש)</a:t>
            </a:r>
            <a:endParaRPr lang="en-US" sz="2600" b="1">
              <a:solidFill>
                <a:srgbClr val="002060"/>
              </a:solidFill>
              <a:latin typeface="Narkisim" panose="020E0502050101010101" pitchFamily="34" charset="-79"/>
              <a:cs typeface="Narkisim" panose="020E0502050101010101" pitchFamily="34" charset="-79"/>
            </a:endParaRPr>
          </a:p>
        </p:txBody>
      </p:sp>
      <p:sp>
        <p:nvSpPr>
          <p:cNvPr id="7" name="TextBox 4"/>
          <p:cNvSpPr txBox="1">
            <a:spLocks noChangeArrowheads="1"/>
          </p:cNvSpPr>
          <p:nvPr/>
        </p:nvSpPr>
        <p:spPr bwMode="auto">
          <a:xfrm>
            <a:off x="1214438" y="332656"/>
            <a:ext cx="6786562" cy="60478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defPPr>
              <a:defRPr lang="en-US"/>
            </a:defPPr>
            <a:lvl1pPr defTabSz="685983" rtl="1" eaLnBrk="1" fontAlgn="auto" hangingPunct="1">
              <a:lnSpc>
                <a:spcPct val="90000"/>
              </a:lnSpc>
              <a:spcAft>
                <a:spcPts val="0"/>
              </a:spcAft>
              <a:defRPr sz="3600" b="1" cap="all">
                <a:solidFill>
                  <a:srgbClr val="0070C0"/>
                </a:solidFill>
                <a:effectLst>
                  <a:outerShdw blurRad="38100" dist="38100" dir="2700000" algn="tl">
                    <a:srgbClr val="000000">
                      <a:alpha val="43137"/>
                    </a:srgbClr>
                  </a:outerShdw>
                </a:effectLst>
                <a:latin typeface="Narkisim" panose="020E0502050101010101" pitchFamily="34" charset="-79"/>
                <a:ea typeface="+mj-ea"/>
                <a:cs typeface="Narkisim" panose="020E0502050101010101" pitchFamily="34" charset="-79"/>
              </a:defRPr>
            </a:lvl1pPr>
            <a:lvl2pPr algn="r" rtl="1" eaLnBrk="1" hangingPunct="1">
              <a:defRPr sz="3200">
                <a:latin typeface="Century Schoolbook" pitchFamily="18" charset="0"/>
              </a:defRPr>
            </a:lvl2pPr>
            <a:lvl3pPr algn="r" rtl="1" eaLnBrk="1" hangingPunct="1">
              <a:defRPr sz="3200">
                <a:latin typeface="Century Schoolbook" pitchFamily="18" charset="0"/>
              </a:defRPr>
            </a:lvl3pPr>
            <a:lvl4pPr algn="r" rtl="1" eaLnBrk="1" hangingPunct="1">
              <a:defRPr sz="3200">
                <a:latin typeface="Century Schoolbook" pitchFamily="18" charset="0"/>
              </a:defRPr>
            </a:lvl4pPr>
            <a:lvl5pPr algn="r" rtl="1" eaLnBrk="1" hangingPunct="1">
              <a:defRPr sz="3200">
                <a:latin typeface="Century Schoolbook" pitchFamily="18" charset="0"/>
              </a:defRPr>
            </a:lvl5pPr>
            <a:lvl6pPr marL="457200" algn="r" rtl="1" fontAlgn="base">
              <a:spcBef>
                <a:spcPct val="0"/>
              </a:spcBef>
              <a:spcAft>
                <a:spcPct val="0"/>
              </a:spcAft>
              <a:defRPr sz="3200">
                <a:latin typeface="Century Schoolbook" pitchFamily="18" charset="0"/>
              </a:defRPr>
            </a:lvl6pPr>
            <a:lvl7pPr marL="914400" algn="r" rtl="1" fontAlgn="base">
              <a:spcBef>
                <a:spcPct val="0"/>
              </a:spcBef>
              <a:spcAft>
                <a:spcPct val="0"/>
              </a:spcAft>
              <a:defRPr sz="3200">
                <a:latin typeface="Century Schoolbook" pitchFamily="18" charset="0"/>
              </a:defRPr>
            </a:lvl7pPr>
            <a:lvl8pPr marL="1371600" algn="r" rtl="1" fontAlgn="base">
              <a:spcBef>
                <a:spcPct val="0"/>
              </a:spcBef>
              <a:spcAft>
                <a:spcPct val="0"/>
              </a:spcAft>
              <a:defRPr sz="3200">
                <a:latin typeface="Century Schoolbook" pitchFamily="18" charset="0"/>
              </a:defRPr>
            </a:lvl8pPr>
            <a:lvl9pPr marL="1828800" algn="r" rtl="1" fontAlgn="base">
              <a:spcBef>
                <a:spcPct val="0"/>
              </a:spcBef>
              <a:spcAft>
                <a:spcPct val="0"/>
              </a:spcAft>
              <a:defRPr sz="3200">
                <a:latin typeface="Century Schoolbook" pitchFamily="18" charset="0"/>
              </a:defRPr>
            </a:lvl9pPr>
          </a:lstStyle>
          <a:p>
            <a:r>
              <a:rPr lang="he-IL" altLang="he-IL" dirty="0" smtClean="0"/>
              <a:t>הכלכלה </a:t>
            </a:r>
            <a:r>
              <a:rPr lang="he-IL" altLang="he-IL" dirty="0"/>
              <a:t>הפלסטינית</a:t>
            </a:r>
            <a:endParaRPr lang="en-US" altLang="he-IL" dirty="0"/>
          </a:p>
        </p:txBody>
      </p:sp>
    </p:spTree>
    <p:extLst>
      <p:ext uri="{BB962C8B-B14F-4D97-AF65-F5344CB8AC3E}">
        <p14:creationId xmlns:p14="http://schemas.microsoft.com/office/powerpoint/2010/main" val="4048759314"/>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6498" name="כותרת 1"/>
          <p:cNvSpPr>
            <a:spLocks noGrp="1"/>
          </p:cNvSpPr>
          <p:nvPr>
            <p:ph type="title"/>
          </p:nvPr>
        </p:nvSpPr>
        <p:spPr>
          <a:xfrm>
            <a:off x="107950" y="274638"/>
            <a:ext cx="8928100" cy="1143000"/>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p>
            <a:pPr algn="ctr" defTabSz="685983"/>
            <a:r>
              <a:rPr lang="en-US" altLang="he-IL" sz="3600" b="1" cap="all">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Non Member State</a:t>
            </a:r>
            <a:endParaRPr lang="he-IL" altLang="he-IL" sz="3600" b="1" cap="all">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
        <p:nvSpPr>
          <p:cNvPr id="3" name="TextBox 10"/>
          <p:cNvSpPr txBox="1">
            <a:spLocks noChangeArrowheads="1"/>
          </p:cNvSpPr>
          <p:nvPr/>
        </p:nvSpPr>
        <p:spPr bwMode="auto">
          <a:xfrm>
            <a:off x="133350" y="5118100"/>
            <a:ext cx="8902700" cy="830263"/>
          </a:xfrm>
          <a:prstGeom prst="rect">
            <a:avLst/>
          </a:prstGeom>
          <a:noFill/>
          <a:ln w="9525">
            <a:noFill/>
            <a:miter lim="800000"/>
            <a:headEnd/>
            <a:tailEnd/>
          </a:ln>
        </p:spPr>
        <p:txBody>
          <a:bodyPr lIns="72000" rIns="72000">
            <a:spAutoFit/>
          </a:bodyPr>
          <a:lstStyle/>
          <a:p>
            <a:pPr rtl="1" eaLnBrk="1" hangingPunct="1">
              <a:defRPr/>
            </a:pPr>
            <a:r>
              <a:rPr lang="he-IL" sz="2400" b="1" spc="-60" dirty="0">
                <a:solidFill>
                  <a:srgbClr val="000000"/>
                </a:solidFill>
                <a:latin typeface="Narkisim" panose="020E0502050101010101" pitchFamily="34" charset="-79"/>
                <a:cs typeface="Narkisim" panose="020E0502050101010101" pitchFamily="34" charset="-79"/>
              </a:rPr>
              <a:t>בראיית הרשות, השדרוג </a:t>
            </a:r>
            <a:r>
              <a:rPr lang="he-IL" sz="2400" b="1" spc="-60" dirty="0" smtClean="0">
                <a:solidFill>
                  <a:srgbClr val="000000"/>
                </a:solidFill>
                <a:latin typeface="Narkisim" panose="020E0502050101010101" pitchFamily="34" charset="-79"/>
                <a:cs typeface="Narkisim" panose="020E0502050101010101" pitchFamily="34" charset="-79"/>
              </a:rPr>
              <a:t>לחברה שאינה מן המניין </a:t>
            </a:r>
            <a:r>
              <a:rPr lang="he-IL" b="1" spc="-60" dirty="0" smtClean="0">
                <a:solidFill>
                  <a:srgbClr val="000000"/>
                </a:solidFill>
                <a:latin typeface="Narkisim" panose="020E0502050101010101" pitchFamily="34" charset="-79"/>
                <a:cs typeface="Narkisim" panose="020E0502050101010101" pitchFamily="34" charset="-79"/>
              </a:rPr>
              <a:t>, </a:t>
            </a:r>
            <a:r>
              <a:rPr lang="en-US" b="1" spc="-60" dirty="0" smtClean="0">
                <a:solidFill>
                  <a:srgbClr val="000000"/>
                </a:solidFill>
                <a:latin typeface="Narkisim" panose="020E0502050101010101" pitchFamily="34" charset="-79"/>
                <a:cs typeface="Narkisim" panose="020E0502050101010101" pitchFamily="34" charset="-79"/>
              </a:rPr>
              <a:t>NMS</a:t>
            </a:r>
            <a:endParaRPr lang="he-IL" b="1" spc="-60" dirty="0" smtClean="0">
              <a:solidFill>
                <a:srgbClr val="000000"/>
              </a:solidFill>
              <a:latin typeface="Narkisim" panose="020E0502050101010101" pitchFamily="34" charset="-79"/>
              <a:cs typeface="Narkisim" panose="020E0502050101010101" pitchFamily="34" charset="-79"/>
            </a:endParaRPr>
          </a:p>
          <a:p>
            <a:pPr rtl="1" eaLnBrk="1" hangingPunct="1">
              <a:defRPr/>
            </a:pPr>
            <a:r>
              <a:rPr lang="he-IL" sz="2400" b="1" spc="-60" dirty="0" smtClean="0">
                <a:solidFill>
                  <a:srgbClr val="000000"/>
                </a:solidFill>
                <a:latin typeface="Narkisim" panose="020E0502050101010101" pitchFamily="34" charset="-79"/>
                <a:cs typeface="Narkisim" panose="020E0502050101010101" pitchFamily="34" charset="-79"/>
              </a:rPr>
              <a:t>עשוי </a:t>
            </a:r>
            <a:r>
              <a:rPr lang="he-IL" sz="2400" b="1" spc="-60" dirty="0">
                <a:solidFill>
                  <a:srgbClr val="000000"/>
                </a:solidFill>
                <a:latin typeface="Narkisim" panose="020E0502050101010101" pitchFamily="34" charset="-79"/>
                <a:cs typeface="Narkisim" panose="020E0502050101010101" pitchFamily="34" charset="-79"/>
              </a:rPr>
              <a:t>להביא לשינוי "כללי המשחק" (הרחבת סל הכלים המשפטי והמדיני)</a:t>
            </a:r>
          </a:p>
        </p:txBody>
      </p:sp>
      <p:graphicFrame>
        <p:nvGraphicFramePr>
          <p:cNvPr id="6" name="Chart 2"/>
          <p:cNvGraphicFramePr/>
          <p:nvPr/>
        </p:nvGraphicFramePr>
        <p:xfrm>
          <a:off x="107950" y="1700213"/>
          <a:ext cx="4464050" cy="3024187"/>
        </p:xfrm>
        <a:graphic>
          <a:graphicData uri="http://schemas.openxmlformats.org/drawingml/2006/chart">
            <c:chart xmlns:c="http://schemas.openxmlformats.org/drawingml/2006/chart" xmlns:r="http://schemas.openxmlformats.org/officeDocument/2006/relationships" r:id="rId3"/>
          </a:graphicData>
        </a:graphic>
      </p:graphicFrame>
      <p:pic>
        <p:nvPicPr>
          <p:cNvPr id="106501" name="Picture 4" descr="http://www.yourmiddleeast.com/media/news/images/2012/photo_1354251350037-1-0.jpg"/>
          <p:cNvPicPr>
            <a:picLocks noChangeAspect="1" noChangeArrowheads="1"/>
          </p:cNvPicPr>
          <p:nvPr/>
        </p:nvPicPr>
        <p:blipFill>
          <a:blip r:embed="rId4">
            <a:extLst>
              <a:ext uri="{28A0092B-C50C-407E-A947-70E740481C1C}">
                <a14:useLocalDpi xmlns:a14="http://schemas.microsoft.com/office/drawing/2010/main" val="0"/>
              </a:ext>
            </a:extLst>
          </a:blip>
          <a:srcRect t="18011" b="39523"/>
          <a:stretch>
            <a:fillRect/>
          </a:stretch>
        </p:blipFill>
        <p:spPr bwMode="auto">
          <a:xfrm>
            <a:off x="4706938" y="1860550"/>
            <a:ext cx="4246562" cy="1352550"/>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106502" name="Picture 2" descr="http://www.washingtonpost.com/rf/image_404h/2010-2019/WashingtonPost/2012/12/02/Foreign/Images/Mideast_Israel_Palestinians-005d6.jpg"/>
          <p:cNvPicPr>
            <a:picLocks noChangeAspect="1" noChangeArrowheads="1"/>
          </p:cNvPicPr>
          <p:nvPr/>
        </p:nvPicPr>
        <p:blipFill>
          <a:blip r:embed="rId5">
            <a:extLst>
              <a:ext uri="{28A0092B-C50C-407E-A947-70E740481C1C}">
                <a14:useLocalDpi xmlns:a14="http://schemas.microsoft.com/office/drawing/2010/main" val="0"/>
              </a:ext>
            </a:extLst>
          </a:blip>
          <a:srcRect t="13271" r="7468" b="44724"/>
          <a:stretch>
            <a:fillRect/>
          </a:stretch>
        </p:blipFill>
        <p:spPr bwMode="auto">
          <a:xfrm>
            <a:off x="4706938" y="3435350"/>
            <a:ext cx="4265612" cy="1238250"/>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61285153"/>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9394" name="Picture 6" descr="Emir of Qatar Sheikh Hamad Bin Khalifa Al-Thani , center, and Palestinian President Mahmoud Abbas, left, and Hamas leader Khaled Mashaal, right, during the signing of the agreement  in Doha, Qatar, on Monday Feb. 6, 2012. The main Palestinian political rivals of Kaled Mashall Chief of the Islamic militant Hamas and Palestinian President Abbas, took a major step Monday toward healing their bitter rift, agreeing that Palestinian President Mahmoud Abbas would head an interim unity government to prepare for general elections in the West Bank and Gaza. (AP Photo/Osama Faisal)"/>
          <p:cNvPicPr>
            <a:picLocks noChangeAspect="1" noChangeArrowheads="1"/>
          </p:cNvPicPr>
          <p:nvPr/>
        </p:nvPicPr>
        <p:blipFill>
          <a:blip r:embed="rId3">
            <a:extLst>
              <a:ext uri="{28A0092B-C50C-407E-A947-70E740481C1C}">
                <a14:useLocalDpi xmlns:a14="http://schemas.microsoft.com/office/drawing/2010/main" val="0"/>
              </a:ext>
            </a:extLst>
          </a:blip>
          <a:srcRect l="1707" r="5373"/>
          <a:stretch>
            <a:fillRect/>
          </a:stretch>
        </p:blipFill>
        <p:spPr bwMode="auto">
          <a:xfrm>
            <a:off x="161925" y="1854200"/>
            <a:ext cx="4319588" cy="2789238"/>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pic>
      <p:sp>
        <p:nvSpPr>
          <p:cNvPr id="59395" name="TextBox 1"/>
          <p:cNvSpPr txBox="1">
            <a:spLocks noChangeArrowheads="1"/>
          </p:cNvSpPr>
          <p:nvPr/>
        </p:nvSpPr>
        <p:spPr bwMode="auto">
          <a:xfrm>
            <a:off x="206375" y="5108575"/>
            <a:ext cx="8731250" cy="461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marL="742950" indent="-28575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eaLnBrk="1" hangingPunct="1">
              <a:lnSpc>
                <a:spcPct val="100000"/>
              </a:lnSpc>
              <a:spcBef>
                <a:spcPct val="0"/>
              </a:spcBef>
              <a:buFontTx/>
              <a:buNone/>
            </a:pPr>
            <a:endParaRPr lang="he-IL" altLang="he-IL">
              <a:solidFill>
                <a:srgbClr val="000000"/>
              </a:solidFill>
            </a:endParaRPr>
          </a:p>
        </p:txBody>
      </p:sp>
      <p:sp>
        <p:nvSpPr>
          <p:cNvPr id="59396" name="כותרת 4"/>
          <p:cNvSpPr>
            <a:spLocks noGrp="1"/>
          </p:cNvSpPr>
          <p:nvPr>
            <p:ph type="title"/>
          </p:nvPr>
        </p:nvSpPr>
        <p:spPr>
          <a:xfrm>
            <a:off x="161925" y="274638"/>
            <a:ext cx="8775700" cy="1143000"/>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p>
            <a:pPr algn="ctr" defTabSz="685983"/>
            <a:r>
              <a:rPr lang="he-IL" altLang="he-IL" sz="3600" b="1" cap="all">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שיח הפיוס" – עד מתי "משחק סכום אפס"?</a:t>
            </a:r>
          </a:p>
        </p:txBody>
      </p:sp>
      <p:pic>
        <p:nvPicPr>
          <p:cNvPr id="59397" name="Picture 2" descr="http://zainurrashid.com/wp-content/uploads/2011/06/mashaal-abbas.jpg"/>
          <p:cNvPicPr>
            <a:picLocks noChangeAspect="1" noChangeArrowheads="1"/>
          </p:cNvPicPr>
          <p:nvPr/>
        </p:nvPicPr>
        <p:blipFill>
          <a:blip r:embed="rId4">
            <a:extLst>
              <a:ext uri="{28A0092B-C50C-407E-A947-70E740481C1C}">
                <a14:useLocalDpi xmlns:a14="http://schemas.microsoft.com/office/drawing/2010/main" val="0"/>
              </a:ext>
            </a:extLst>
          </a:blip>
          <a:srcRect l="14371" r="10587"/>
          <a:stretch>
            <a:fillRect/>
          </a:stretch>
        </p:blipFill>
        <p:spPr bwMode="auto">
          <a:xfrm>
            <a:off x="4662488" y="1854200"/>
            <a:ext cx="4230687" cy="2789238"/>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482421881"/>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1426" name="כותרת 1"/>
          <p:cNvSpPr>
            <a:spLocks noGrp="1"/>
          </p:cNvSpPr>
          <p:nvPr>
            <p:ph type="title"/>
          </p:nvPr>
        </p:nvSpPr>
        <p:spPr>
          <a:xfrm>
            <a:off x="179388" y="-315416"/>
            <a:ext cx="8785225" cy="1138238"/>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p>
            <a:pPr algn="ctr" defTabSz="685983"/>
            <a:r>
              <a:rPr lang="he-IL" altLang="he-IL" sz="3600" b="1" cap="all"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מעצבים </a:t>
            </a:r>
            <a:r>
              <a:rPr lang="he-IL" altLang="he-IL" sz="3600" b="1" cap="all"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עיקריים</a:t>
            </a:r>
            <a:endParaRPr lang="he-IL" altLang="he-IL" sz="3600" b="1" cap="all"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
        <p:nvSpPr>
          <p:cNvPr id="231427" name="Rectangle 3"/>
          <p:cNvSpPr txBox="1">
            <a:spLocks noChangeArrowheads="1"/>
          </p:cNvSpPr>
          <p:nvPr/>
        </p:nvSpPr>
        <p:spPr bwMode="auto">
          <a:xfrm>
            <a:off x="161925" y="5157788"/>
            <a:ext cx="8802688" cy="11509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marL="342900" indent="-3429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1pPr>
            <a:lvl2pPr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2pPr>
            <a:lvl3pPr marL="11430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3pPr>
            <a:lvl4pPr marL="16002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4pPr>
            <a:lvl5pPr marL="2057400" indent="-228600" algn="just" rtl="1">
              <a:lnSpc>
                <a:spcPct val="90000"/>
              </a:lnSpc>
              <a:spcBef>
                <a:spcPct val="20000"/>
              </a:spcBef>
              <a:buChar char="»"/>
              <a:defRPr sz="2400" b="1">
                <a:solidFill>
                  <a:schemeClr val="tx1"/>
                </a:solidFill>
                <a:latin typeface="Arial" panose="020B0604020202020204" pitchFamily="34" charset="0"/>
                <a:cs typeface="Guttman Hatzvi" panose="02010401010101010101" pitchFamily="2" charset="-79"/>
              </a:defRPr>
            </a:lvl5pPr>
            <a:lvl6pPr marL="25146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6pPr>
            <a:lvl7pPr marL="29718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7pPr>
            <a:lvl8pPr marL="34290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8pPr>
            <a:lvl9pPr marL="3886200" indent="-228600" algn="just" eaLnBrk="0" fontAlgn="base" hangingPunct="0">
              <a:lnSpc>
                <a:spcPct val="90000"/>
              </a:lnSpc>
              <a:spcBef>
                <a:spcPct val="20000"/>
              </a:spcBef>
              <a:spcAft>
                <a:spcPct val="0"/>
              </a:spcAft>
              <a:buChar char="»"/>
              <a:defRPr sz="2400" b="1">
                <a:solidFill>
                  <a:schemeClr val="tx1"/>
                </a:solidFill>
                <a:latin typeface="Arial" panose="020B0604020202020204" pitchFamily="34" charset="0"/>
                <a:cs typeface="Guttman Hatzvi" panose="02010401010101010101" pitchFamily="2" charset="-79"/>
              </a:defRPr>
            </a:lvl9pPr>
          </a:lstStyle>
          <a:p>
            <a:pPr marL="0" lvl="1">
              <a:spcBef>
                <a:spcPct val="0"/>
              </a:spcBef>
              <a:buSzPct val="75000"/>
              <a:buFontTx/>
              <a:buNone/>
            </a:pPr>
            <a:r>
              <a:rPr lang="he-IL" altLang="he-IL">
                <a:solidFill>
                  <a:srgbClr val="000000"/>
                </a:solidFill>
                <a:latin typeface="Narkisim" panose="020E0502050101010101" pitchFamily="34" charset="-79"/>
                <a:cs typeface="Narkisim" panose="020E0502050101010101" pitchFamily="34" charset="-79"/>
              </a:rPr>
              <a:t>"מפל ציפיות" של חמאס והציבור נוכח קצב השיקום; מצב קשה ברצועה; חמאס משמרת שליטה (ושלטון) בשטח; פניה "לעומתית" למערכת הבינ"ל (כפייה ? שיפור עמדות ?); התערערות באיו"ש</a:t>
            </a:r>
          </a:p>
        </p:txBody>
      </p:sp>
      <p:pic>
        <p:nvPicPr>
          <p:cNvPr id="231428" name="Picture 2" descr="http://de-inet.services.idf/PicServer2/pic/102014/95778/666.jpg"/>
          <p:cNvPicPr>
            <a:picLocks noChangeAspect="1" noChangeArrowheads="1"/>
          </p:cNvPicPr>
          <p:nvPr/>
        </p:nvPicPr>
        <p:blipFill>
          <a:blip r:embed="rId3">
            <a:extLst>
              <a:ext uri="{28A0092B-C50C-407E-A947-70E740481C1C}">
                <a14:useLocalDpi xmlns:a14="http://schemas.microsoft.com/office/drawing/2010/main" val="0"/>
              </a:ext>
            </a:extLst>
          </a:blip>
          <a:srcRect l="25066" t="33949" r="47354" b="1137"/>
          <a:stretch>
            <a:fillRect/>
          </a:stretch>
        </p:blipFill>
        <p:spPr bwMode="auto">
          <a:xfrm>
            <a:off x="179388" y="1916113"/>
            <a:ext cx="2019300" cy="2736850"/>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231429" name="Picture 5" descr="http://de-inet.services.idf/PicServer2/pic/072014/78024/abu14.jpg"/>
          <p:cNvPicPr>
            <a:picLocks noChangeAspect="1" noChangeArrowheads="1"/>
          </p:cNvPicPr>
          <p:nvPr/>
        </p:nvPicPr>
        <p:blipFill>
          <a:blip r:embed="rId4">
            <a:extLst>
              <a:ext uri="{28A0092B-C50C-407E-A947-70E740481C1C}">
                <a14:useLocalDpi xmlns:a14="http://schemas.microsoft.com/office/drawing/2010/main" val="0"/>
              </a:ext>
            </a:extLst>
          </a:blip>
          <a:srcRect l="28699" t="2173" r="35899" b="1825"/>
          <a:stretch>
            <a:fillRect/>
          </a:stretch>
        </p:blipFill>
        <p:spPr bwMode="auto">
          <a:xfrm>
            <a:off x="4791075" y="1916113"/>
            <a:ext cx="1917700" cy="2736850"/>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231430" name="Picture 2" descr="http://de-inet.services.idf/PicServer2/pic/082014/87305/d6.jpg"/>
          <p:cNvPicPr>
            <a:picLocks noChangeAspect="1" noChangeArrowheads="1"/>
          </p:cNvPicPr>
          <p:nvPr/>
        </p:nvPicPr>
        <p:blipFill>
          <a:blip r:embed="rId5">
            <a:extLst>
              <a:ext uri="{28A0092B-C50C-407E-A947-70E740481C1C}">
                <a14:useLocalDpi xmlns:a14="http://schemas.microsoft.com/office/drawing/2010/main" val="0"/>
              </a:ext>
            </a:extLst>
          </a:blip>
          <a:srcRect l="45949" t="33028" r="33917" b="15936"/>
          <a:stretch>
            <a:fillRect/>
          </a:stretch>
        </p:blipFill>
        <p:spPr bwMode="auto">
          <a:xfrm>
            <a:off x="2536825" y="1916113"/>
            <a:ext cx="1917700" cy="2736850"/>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sp>
        <p:nvSpPr>
          <p:cNvPr id="14" name="TextBox 13"/>
          <p:cNvSpPr txBox="1"/>
          <p:nvPr/>
        </p:nvSpPr>
        <p:spPr>
          <a:xfrm>
            <a:off x="7046913" y="1438275"/>
            <a:ext cx="1917700" cy="461665"/>
          </a:xfrm>
          <a:prstGeom prst="rect">
            <a:avLst/>
          </a:prstGeom>
          <a:noFill/>
        </p:spPr>
        <p:txBody>
          <a:bodyPr rtlCol="1">
            <a:spAutoFit/>
          </a:bodyPr>
          <a:lstStyle/>
          <a:p>
            <a:pPr algn="ctr" rtl="1" eaLnBrk="1" fontAlgn="auto" hangingPunct="1">
              <a:spcBef>
                <a:spcPts val="0"/>
              </a:spcBef>
              <a:spcAft>
                <a:spcPts val="0"/>
              </a:spcAft>
              <a:defRPr/>
            </a:pPr>
            <a:r>
              <a:rPr lang="he-IL" b="1" dirty="0">
                <a:solidFill>
                  <a:srgbClr val="002060"/>
                </a:solidFill>
                <a:latin typeface="Narkisim" panose="020E0502050101010101" pitchFamily="34" charset="-79"/>
                <a:cs typeface="Narkisim" panose="020E0502050101010101" pitchFamily="34" charset="-79"/>
              </a:rPr>
              <a:t>"היום שאחרי"</a:t>
            </a:r>
            <a:endParaRPr lang="he-IL" sz="2800" b="1" dirty="0">
              <a:solidFill>
                <a:srgbClr val="002060"/>
              </a:solidFill>
              <a:latin typeface="Narkisim" panose="020E0502050101010101" pitchFamily="34" charset="-79"/>
              <a:cs typeface="Narkisim" panose="020E0502050101010101" pitchFamily="34" charset="-79"/>
            </a:endParaRPr>
          </a:p>
        </p:txBody>
      </p:sp>
      <p:sp>
        <p:nvSpPr>
          <p:cNvPr id="15" name="TextBox 14"/>
          <p:cNvSpPr txBox="1"/>
          <p:nvPr/>
        </p:nvSpPr>
        <p:spPr>
          <a:xfrm>
            <a:off x="4768850" y="1438275"/>
            <a:ext cx="1917700" cy="461665"/>
          </a:xfrm>
          <a:prstGeom prst="rect">
            <a:avLst/>
          </a:prstGeom>
          <a:noFill/>
        </p:spPr>
        <p:txBody>
          <a:bodyPr rtlCol="1">
            <a:spAutoFit/>
          </a:bodyPr>
          <a:lstStyle/>
          <a:p>
            <a:pPr algn="ctr" rtl="1" eaLnBrk="1" fontAlgn="auto" hangingPunct="1">
              <a:spcBef>
                <a:spcPts val="0"/>
              </a:spcBef>
              <a:spcAft>
                <a:spcPts val="0"/>
              </a:spcAft>
              <a:defRPr/>
            </a:pPr>
            <a:r>
              <a:rPr lang="he-IL" b="1" dirty="0">
                <a:solidFill>
                  <a:srgbClr val="002060"/>
                </a:solidFill>
                <a:latin typeface="Narkisim" panose="020E0502050101010101" pitchFamily="34" charset="-79"/>
                <a:cs typeface="Narkisim" panose="020E0502050101010101" pitchFamily="34" charset="-79"/>
              </a:rPr>
              <a:t>דשדוש הפיוס</a:t>
            </a:r>
            <a:endParaRPr lang="he-IL" sz="2800" b="1" dirty="0">
              <a:solidFill>
                <a:srgbClr val="002060"/>
              </a:solidFill>
              <a:latin typeface="Narkisim" panose="020E0502050101010101" pitchFamily="34" charset="-79"/>
              <a:cs typeface="Narkisim" panose="020E0502050101010101" pitchFamily="34" charset="-79"/>
            </a:endParaRPr>
          </a:p>
        </p:txBody>
      </p:sp>
      <p:sp>
        <p:nvSpPr>
          <p:cNvPr id="16" name="TextBox 15"/>
          <p:cNvSpPr txBox="1"/>
          <p:nvPr/>
        </p:nvSpPr>
        <p:spPr>
          <a:xfrm>
            <a:off x="2563813" y="1438275"/>
            <a:ext cx="1917700" cy="461665"/>
          </a:xfrm>
          <a:prstGeom prst="rect">
            <a:avLst/>
          </a:prstGeom>
          <a:noFill/>
        </p:spPr>
        <p:txBody>
          <a:bodyPr rtlCol="1">
            <a:spAutoFit/>
          </a:bodyPr>
          <a:lstStyle/>
          <a:p>
            <a:pPr algn="ctr" rtl="1" eaLnBrk="1" fontAlgn="auto" hangingPunct="1">
              <a:spcBef>
                <a:spcPts val="0"/>
              </a:spcBef>
              <a:spcAft>
                <a:spcPts val="0"/>
              </a:spcAft>
              <a:defRPr/>
            </a:pPr>
            <a:r>
              <a:rPr lang="he-IL" b="1" dirty="0">
                <a:solidFill>
                  <a:srgbClr val="002060"/>
                </a:solidFill>
                <a:latin typeface="Narkisim" panose="020E0502050101010101" pitchFamily="34" charset="-79"/>
                <a:cs typeface="Narkisim" panose="020E0502050101010101" pitchFamily="34" charset="-79"/>
              </a:rPr>
              <a:t>קיפאון במו"מ</a:t>
            </a:r>
            <a:endParaRPr lang="he-IL" sz="2800" b="1" dirty="0">
              <a:solidFill>
                <a:srgbClr val="002060"/>
              </a:solidFill>
              <a:latin typeface="Narkisim" panose="020E0502050101010101" pitchFamily="34" charset="-79"/>
              <a:cs typeface="Narkisim" panose="020E0502050101010101" pitchFamily="34" charset="-79"/>
            </a:endParaRPr>
          </a:p>
        </p:txBody>
      </p:sp>
      <p:sp>
        <p:nvSpPr>
          <p:cNvPr id="17" name="TextBox 16"/>
          <p:cNvSpPr txBox="1"/>
          <p:nvPr/>
        </p:nvSpPr>
        <p:spPr>
          <a:xfrm>
            <a:off x="71438" y="1438275"/>
            <a:ext cx="2198687" cy="461665"/>
          </a:xfrm>
          <a:prstGeom prst="rect">
            <a:avLst/>
          </a:prstGeom>
          <a:noFill/>
        </p:spPr>
        <p:txBody>
          <a:bodyPr rtlCol="1">
            <a:spAutoFit/>
          </a:bodyPr>
          <a:lstStyle/>
          <a:p>
            <a:pPr algn="ctr" rtl="1" eaLnBrk="1" fontAlgn="auto" hangingPunct="1">
              <a:spcBef>
                <a:spcPts val="0"/>
              </a:spcBef>
              <a:spcAft>
                <a:spcPts val="0"/>
              </a:spcAft>
              <a:defRPr/>
            </a:pPr>
            <a:r>
              <a:rPr lang="he-IL" b="1" dirty="0">
                <a:solidFill>
                  <a:srgbClr val="002060"/>
                </a:solidFill>
                <a:latin typeface="Narkisim" panose="020E0502050101010101" pitchFamily="34" charset="-79"/>
                <a:cs typeface="Narkisim" panose="020E0502050101010101" pitchFamily="34" charset="-79"/>
              </a:rPr>
              <a:t>התערערות </a:t>
            </a:r>
            <a:r>
              <a:rPr lang="he-IL" b="1" dirty="0" err="1">
                <a:solidFill>
                  <a:srgbClr val="002060"/>
                </a:solidFill>
                <a:latin typeface="Narkisim" panose="020E0502050101010101" pitchFamily="34" charset="-79"/>
                <a:cs typeface="Narkisim" panose="020E0502050101010101" pitchFamily="34" charset="-79"/>
              </a:rPr>
              <a:t>איו"ש</a:t>
            </a:r>
            <a:endParaRPr lang="he-IL" sz="2800" b="1" dirty="0">
              <a:solidFill>
                <a:srgbClr val="002060"/>
              </a:solidFill>
              <a:latin typeface="Narkisim" panose="020E0502050101010101" pitchFamily="34" charset="-79"/>
              <a:cs typeface="Narkisim" panose="020E0502050101010101" pitchFamily="34" charset="-79"/>
            </a:endParaRPr>
          </a:p>
        </p:txBody>
      </p:sp>
      <p:pic>
        <p:nvPicPr>
          <p:cNvPr id="231435" name="תמונה 18"/>
          <p:cNvPicPr>
            <a:picLocks noChangeAspect="1"/>
          </p:cNvPicPr>
          <p:nvPr/>
        </p:nvPicPr>
        <p:blipFill>
          <a:blip r:embed="rId6">
            <a:extLst>
              <a:ext uri="{28A0092B-C50C-407E-A947-70E740481C1C}">
                <a14:useLocalDpi xmlns:a14="http://schemas.microsoft.com/office/drawing/2010/main" val="0"/>
              </a:ext>
            </a:extLst>
          </a:blip>
          <a:srcRect l="25880" t="2420" r="4582" b="4893"/>
          <a:stretch>
            <a:fillRect/>
          </a:stretch>
        </p:blipFill>
        <p:spPr bwMode="auto">
          <a:xfrm>
            <a:off x="7046913" y="1916113"/>
            <a:ext cx="1917700" cy="1296987"/>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231436" name="תמונה 19"/>
          <p:cNvPicPr>
            <a:picLocks noChangeAspect="1" noChangeArrowheads="1"/>
          </p:cNvPicPr>
          <p:nvPr/>
        </p:nvPicPr>
        <p:blipFill>
          <a:blip r:embed="rId7">
            <a:extLst>
              <a:ext uri="{28A0092B-C50C-407E-A947-70E740481C1C}">
                <a14:useLocalDpi xmlns:a14="http://schemas.microsoft.com/office/drawing/2010/main" val="0"/>
              </a:ext>
            </a:extLst>
          </a:blip>
          <a:srcRect l="18057" t="15929" r="21521" b="10739"/>
          <a:stretch>
            <a:fillRect/>
          </a:stretch>
        </p:blipFill>
        <p:spPr bwMode="auto">
          <a:xfrm>
            <a:off x="7051675" y="3429000"/>
            <a:ext cx="1049338" cy="1223963"/>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231437" name="Picture 2" descr="http://de-inet.services.idf/PicServer2/pic/082014/84197/4.jpg"/>
          <p:cNvPicPr>
            <a:picLocks noChangeAspect="1" noChangeArrowheads="1"/>
          </p:cNvPicPr>
          <p:nvPr/>
        </p:nvPicPr>
        <p:blipFill>
          <a:blip r:embed="rId8">
            <a:extLst>
              <a:ext uri="{28A0092B-C50C-407E-A947-70E740481C1C}">
                <a14:useLocalDpi xmlns:a14="http://schemas.microsoft.com/office/drawing/2010/main" val="0"/>
              </a:ext>
            </a:extLst>
          </a:blip>
          <a:srcRect l="19466" t="2972"/>
          <a:stretch>
            <a:fillRect/>
          </a:stretch>
        </p:blipFill>
        <p:spPr bwMode="auto">
          <a:xfrm>
            <a:off x="7051675" y="3357563"/>
            <a:ext cx="1912938" cy="1295400"/>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33564912"/>
      </p:ext>
    </p:extLst>
  </p:cSld>
  <p:clrMapOvr>
    <a:masterClrMapping/>
  </p:clrMapOvr>
  <p:transition/>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bg>
      <p:bgPr>
        <a:blipFill dpi="0" rotWithShape="0">
          <a:blip r:embed="rId3"/>
          <a:srcRect/>
          <a:stretch>
            <a:fillRect/>
          </a:stretch>
        </a:blipFill>
        <a:effectLst/>
      </p:bgPr>
    </p:bg>
    <p:spTree>
      <p:nvGrpSpPr>
        <p:cNvPr id="1" name=""/>
        <p:cNvGrpSpPr/>
        <p:nvPr/>
      </p:nvGrpSpPr>
      <p:grpSpPr>
        <a:xfrm>
          <a:off x="0" y="0"/>
          <a:ext cx="0" cy="0"/>
          <a:chOff x="0" y="0"/>
          <a:chExt cx="0" cy="0"/>
        </a:xfrm>
      </p:grpSpPr>
      <p:sp>
        <p:nvSpPr>
          <p:cNvPr id="2" name="כותרת 1"/>
          <p:cNvSpPr>
            <a:spLocks noGrp="1"/>
          </p:cNvSpPr>
          <p:nvPr>
            <p:ph type="title"/>
          </p:nvPr>
        </p:nvSpPr>
        <p:spPr>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fontScale="90000"/>
          </a:bodyPr>
          <a:lstStyle/>
          <a:p>
            <a:pPr algn="ctr" defTabSz="685983">
              <a:lnSpc>
                <a:spcPct val="90000"/>
              </a:lnSpc>
            </a:pPr>
            <a:r>
              <a:rPr lang="he-IL" sz="3600" b="1" kern="1200" cap="all" dirty="0" smtClean="0">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רשימת האינטרסים הפלסטיניים – תופעות ומגמות</a:t>
            </a:r>
            <a:endParaRPr lang="he-IL" sz="3600" b="1" kern="1200" cap="all" dirty="0">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
        <p:nvSpPr>
          <p:cNvPr id="3" name="מציין מיקום תוכן 2"/>
          <p:cNvSpPr>
            <a:spLocks noGrp="1"/>
          </p:cNvSpPr>
          <p:nvPr>
            <p:ph idx="1"/>
          </p:nvPr>
        </p:nvSpPr>
        <p:spPr>
          <a:xfrm>
            <a:off x="323528" y="1304925"/>
            <a:ext cx="8425185" cy="4895850"/>
          </a:xfrm>
        </p:spPr>
        <p:txBody>
          <a:bodyPr/>
          <a:lstStyle/>
          <a:p>
            <a:r>
              <a:rPr lang="he-IL" sz="3200" dirty="0" smtClean="0">
                <a:latin typeface="Narkisim" panose="020E0502050101010101" pitchFamily="34" charset="-79"/>
                <a:cs typeface="Narkisim" panose="020E0502050101010101" pitchFamily="34" charset="-79"/>
              </a:rPr>
              <a:t>מנהיגות</a:t>
            </a:r>
          </a:p>
          <a:p>
            <a:r>
              <a:rPr lang="he-IL" sz="3200" dirty="0" smtClean="0">
                <a:latin typeface="Narkisim" panose="020E0502050101010101" pitchFamily="34" charset="-79"/>
                <a:cs typeface="Narkisim" panose="020E0502050101010101" pitchFamily="34" charset="-79"/>
              </a:rPr>
              <a:t>בחירות</a:t>
            </a:r>
          </a:p>
          <a:p>
            <a:r>
              <a:rPr lang="he-IL" sz="3200" dirty="0" smtClean="0">
                <a:latin typeface="Narkisim" panose="020E0502050101010101" pitchFamily="34" charset="-79"/>
                <a:cs typeface="Narkisim" panose="020E0502050101010101" pitchFamily="34" charset="-79"/>
              </a:rPr>
              <a:t>גבולות</a:t>
            </a:r>
          </a:p>
          <a:p>
            <a:r>
              <a:rPr lang="he-IL" sz="3200" dirty="0" smtClean="0">
                <a:latin typeface="Narkisim" panose="020E0502050101010101" pitchFamily="34" charset="-79"/>
                <a:cs typeface="Narkisim" panose="020E0502050101010101" pitchFamily="34" charset="-79"/>
              </a:rPr>
              <a:t>אסירים</a:t>
            </a:r>
          </a:p>
          <a:p>
            <a:r>
              <a:rPr lang="he-IL" sz="3200" dirty="0" smtClean="0">
                <a:latin typeface="Narkisim" panose="020E0502050101010101" pitchFamily="34" charset="-79"/>
                <a:cs typeface="Narkisim" panose="020E0502050101010101" pitchFamily="34" charset="-79"/>
              </a:rPr>
              <a:t>הדור הצעיר</a:t>
            </a:r>
          </a:p>
          <a:p>
            <a:r>
              <a:rPr lang="he-IL" sz="3200" dirty="0" smtClean="0">
                <a:latin typeface="Narkisim" panose="020E0502050101010101" pitchFamily="34" charset="-79"/>
                <a:cs typeface="Narkisim" panose="020E0502050101010101" pitchFamily="34" charset="-79"/>
              </a:rPr>
              <a:t>הלאום הפלסטיני</a:t>
            </a:r>
          </a:p>
          <a:p>
            <a:r>
              <a:rPr lang="he-IL" sz="3200" dirty="0" smtClean="0">
                <a:latin typeface="Narkisim" panose="020E0502050101010101" pitchFamily="34" charset="-79"/>
                <a:cs typeface="Narkisim" panose="020E0502050101010101" pitchFamily="34" charset="-79"/>
              </a:rPr>
              <a:t>ההתנחלויות וגם גושי ההתיישבות</a:t>
            </a:r>
          </a:p>
          <a:p>
            <a:r>
              <a:rPr lang="he-IL" sz="3200" dirty="0" smtClean="0">
                <a:latin typeface="Narkisim" panose="020E0502050101010101" pitchFamily="34" charset="-79"/>
                <a:cs typeface="Narkisim" panose="020E0502050101010101" pitchFamily="34" charset="-79"/>
              </a:rPr>
              <a:t>מים, גז, דור 3, מיסים</a:t>
            </a:r>
          </a:p>
          <a:p>
            <a:endParaRPr lang="he-IL" sz="3200" dirty="0" smtClean="0">
              <a:latin typeface="Narkisim" panose="020E0502050101010101" pitchFamily="34" charset="-79"/>
              <a:cs typeface="Narkisim" panose="020E0502050101010101" pitchFamily="34" charset="-79"/>
            </a:endParaRPr>
          </a:p>
          <a:p>
            <a:endParaRPr lang="he-IL" sz="3200" dirty="0" smtClean="0">
              <a:latin typeface="Narkisim" panose="020E0502050101010101" pitchFamily="34" charset="-79"/>
              <a:cs typeface="Narkisim" panose="020E0502050101010101" pitchFamily="34" charset="-79"/>
            </a:endParaRPr>
          </a:p>
          <a:p>
            <a:endParaRPr lang="he-IL" sz="3200" dirty="0" smtClean="0">
              <a:latin typeface="Narkisim" panose="020E0502050101010101" pitchFamily="34" charset="-79"/>
              <a:cs typeface="Narkisim" panose="020E0502050101010101" pitchFamily="34" charset="-79"/>
            </a:endParaRPr>
          </a:p>
          <a:p>
            <a:pPr marL="0" indent="0">
              <a:buNone/>
            </a:pPr>
            <a:r>
              <a:rPr lang="he-IL" sz="3200" dirty="0" smtClean="0">
                <a:latin typeface="Narkisim" panose="020E0502050101010101" pitchFamily="34" charset="-79"/>
                <a:cs typeface="Narkisim" panose="020E0502050101010101" pitchFamily="34" charset="-79"/>
              </a:rPr>
              <a:t> </a:t>
            </a:r>
            <a:endParaRPr lang="he-IL" sz="3200" dirty="0">
              <a:latin typeface="Narkisim" panose="020E0502050101010101" pitchFamily="34" charset="-79"/>
              <a:cs typeface="Narkisim" panose="020E0502050101010101" pitchFamily="34" charset="-79"/>
            </a:endParaRPr>
          </a:p>
        </p:txBody>
      </p:sp>
      <p:pic>
        <p:nvPicPr>
          <p:cNvPr id="4" name="Picture 2" descr="http://de-inet.services.idf/PicServer2/pic/082014/87305/d6.jpg"/>
          <p:cNvPicPr>
            <a:picLocks noChangeAspect="1" noChangeArrowheads="1"/>
          </p:cNvPicPr>
          <p:nvPr/>
        </p:nvPicPr>
        <p:blipFill>
          <a:blip r:embed="rId4">
            <a:extLst>
              <a:ext uri="{28A0092B-C50C-407E-A947-70E740481C1C}">
                <a14:useLocalDpi xmlns:a14="http://schemas.microsoft.com/office/drawing/2010/main" val="0"/>
              </a:ext>
            </a:extLst>
          </a:blip>
          <a:srcRect l="45949" t="33028" r="33917" b="15936"/>
          <a:stretch>
            <a:fillRect/>
          </a:stretch>
        </p:blipFill>
        <p:spPr bwMode="auto">
          <a:xfrm>
            <a:off x="2339752" y="1556792"/>
            <a:ext cx="1917700" cy="2736850"/>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sp>
        <p:nvSpPr>
          <p:cNvPr id="5" name="מלבן 4"/>
          <p:cNvSpPr/>
          <p:nvPr/>
        </p:nvSpPr>
        <p:spPr>
          <a:xfrm rot="19683516">
            <a:off x="329821" y="2571273"/>
            <a:ext cx="2305469" cy="707886"/>
          </a:xfrm>
          <a:prstGeom prst="rect">
            <a:avLst/>
          </a:prstGeom>
        </p:spPr>
        <p:txBody>
          <a:bodyPr wrap="square">
            <a:spAutoFit/>
          </a:bodyPr>
          <a:lstStyle/>
          <a:p>
            <a:r>
              <a:rPr lang="he-IL" sz="2000" dirty="0">
                <a:latin typeface="Narkisim" panose="020E0502050101010101" pitchFamily="34" charset="-79"/>
                <a:cs typeface="Narkisim" panose="020E0502050101010101" pitchFamily="34" charset="-79"/>
              </a:rPr>
              <a:t>כואב לי </a:t>
            </a:r>
            <a:endParaRPr lang="he-IL" sz="2000" dirty="0" smtClean="0">
              <a:latin typeface="Narkisim" panose="020E0502050101010101" pitchFamily="34" charset="-79"/>
              <a:cs typeface="Narkisim" panose="020E0502050101010101" pitchFamily="34" charset="-79"/>
            </a:endParaRPr>
          </a:p>
          <a:p>
            <a:r>
              <a:rPr lang="he-IL" sz="2000" dirty="0" smtClean="0">
                <a:latin typeface="Narkisim" panose="020E0502050101010101" pitchFamily="34" charset="-79"/>
                <a:cs typeface="Narkisim" panose="020E0502050101010101" pitchFamily="34" charset="-79"/>
              </a:rPr>
              <a:t>כבר </a:t>
            </a:r>
            <a:r>
              <a:rPr lang="he-IL" sz="2000" dirty="0">
                <a:latin typeface="Narkisim" panose="020E0502050101010101" pitchFamily="34" charset="-79"/>
                <a:cs typeface="Narkisim" panose="020E0502050101010101" pitchFamily="34" charset="-79"/>
              </a:rPr>
              <a:t>הראש </a:t>
            </a:r>
          </a:p>
        </p:txBody>
      </p:sp>
    </p:spTree>
    <p:extLst>
      <p:ext uri="{BB962C8B-B14F-4D97-AF65-F5344CB8AC3E}">
        <p14:creationId xmlns:p14="http://schemas.microsoft.com/office/powerpoint/2010/main" val="1101447117"/>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p:cNvSpPr>
            <a:spLocks noGrp="1"/>
          </p:cNvSpPr>
          <p:nvPr>
            <p:ph type="title"/>
          </p:nvPr>
        </p:nvSpPr>
        <p:spPr>
          <a:xfrm>
            <a:off x="1042988" y="44624"/>
            <a:ext cx="7705725" cy="504056"/>
          </a:xfrm>
        </p:spPr>
        <p:txBody>
          <a:bodyPr/>
          <a:lstStyle/>
          <a:p>
            <a:pPr algn="ctr"/>
            <a:r>
              <a:rPr lang="en-US" dirty="0" smtClean="0">
                <a:latin typeface="Narkisim" panose="020E0502050101010101" pitchFamily="34" charset="-79"/>
                <a:cs typeface="Narkisim" panose="020E0502050101010101" pitchFamily="34" charset="-79"/>
              </a:rPr>
              <a:t>S.W.O.T</a:t>
            </a:r>
            <a:endParaRPr lang="he-IL" dirty="0">
              <a:latin typeface="Narkisim" panose="020E0502050101010101" pitchFamily="34" charset="-79"/>
              <a:cs typeface="Narkisim" panose="020E0502050101010101" pitchFamily="34" charset="-79"/>
            </a:endParaRPr>
          </a:p>
        </p:txBody>
      </p:sp>
      <p:sp>
        <p:nvSpPr>
          <p:cNvPr id="3" name="מציין מיקום תוכן 2"/>
          <p:cNvSpPr>
            <a:spLocks noGrp="1"/>
          </p:cNvSpPr>
          <p:nvPr>
            <p:ph idx="1"/>
          </p:nvPr>
        </p:nvSpPr>
        <p:spPr>
          <a:xfrm>
            <a:off x="-252536" y="1124744"/>
            <a:ext cx="4960168" cy="3024336"/>
          </a:xfrm>
          <a:ln>
            <a:noFill/>
          </a:ln>
        </p:spPr>
        <p:txBody>
          <a:bodyPr/>
          <a:lstStyle/>
          <a:p>
            <a:pPr marL="0" indent="0">
              <a:buNone/>
            </a:pPr>
            <a:r>
              <a:rPr lang="he-IL" sz="2000" b="1" u="sng" dirty="0" smtClean="0">
                <a:latin typeface="Narkisim" panose="020E0502050101010101" pitchFamily="34" charset="-79"/>
                <a:cs typeface="Narkisim" panose="020E0502050101010101" pitchFamily="34" charset="-79"/>
              </a:rPr>
              <a:t>חולשות</a:t>
            </a:r>
          </a:p>
          <a:p>
            <a:r>
              <a:rPr lang="he-IL" sz="1800" dirty="0" smtClean="0">
                <a:latin typeface="Narkisim" panose="020E0502050101010101" pitchFamily="34" charset="-79"/>
                <a:cs typeface="Narkisim" panose="020E0502050101010101" pitchFamily="34" charset="-79"/>
              </a:rPr>
              <a:t>שתי </a:t>
            </a:r>
            <a:r>
              <a:rPr lang="he-IL" sz="1800" dirty="0">
                <a:latin typeface="Narkisim" panose="020E0502050101010101" pitchFamily="34" charset="-79"/>
                <a:cs typeface="Narkisim" panose="020E0502050101010101" pitchFamily="34" charset="-79"/>
              </a:rPr>
              <a:t>ישויות </a:t>
            </a:r>
            <a:r>
              <a:rPr lang="he-IL" sz="1800" dirty="0" smtClean="0">
                <a:latin typeface="Narkisim" panose="020E0502050101010101" pitchFamily="34" charset="-79"/>
                <a:cs typeface="Narkisim" panose="020E0502050101010101" pitchFamily="34" charset="-79"/>
              </a:rPr>
              <a:t>כמעט נפרדות.</a:t>
            </a:r>
            <a:endParaRPr lang="he-IL" sz="1800" dirty="0">
              <a:latin typeface="Narkisim" panose="020E0502050101010101" pitchFamily="34" charset="-79"/>
              <a:cs typeface="Narkisim" panose="020E0502050101010101" pitchFamily="34" charset="-79"/>
            </a:endParaRPr>
          </a:p>
          <a:p>
            <a:r>
              <a:rPr lang="he-IL" sz="1800" dirty="0" smtClean="0">
                <a:latin typeface="Narkisim" panose="020E0502050101010101" pitchFamily="34" charset="-79"/>
                <a:cs typeface="Narkisim" panose="020E0502050101010101" pitchFamily="34" charset="-79"/>
              </a:rPr>
              <a:t>חוסר </a:t>
            </a:r>
            <a:r>
              <a:rPr lang="he-IL" sz="1800" dirty="0">
                <a:latin typeface="Narkisim" panose="020E0502050101010101" pitchFamily="34" charset="-79"/>
                <a:cs typeface="Narkisim" panose="020E0502050101010101" pitchFamily="34" charset="-79"/>
              </a:rPr>
              <a:t>עצמאות כלכלית, עד כדי תלות מוחלטת בישראל ובסיוע </a:t>
            </a:r>
            <a:r>
              <a:rPr lang="he-IL" sz="1800" dirty="0" smtClean="0">
                <a:latin typeface="Narkisim" panose="020E0502050101010101" pitchFamily="34" charset="-79"/>
                <a:cs typeface="Narkisim" panose="020E0502050101010101" pitchFamily="34" charset="-79"/>
              </a:rPr>
              <a:t>חוץ.</a:t>
            </a:r>
            <a:endParaRPr lang="he-IL" sz="1800" dirty="0">
              <a:latin typeface="Narkisim" panose="020E0502050101010101" pitchFamily="34" charset="-79"/>
              <a:cs typeface="Narkisim" panose="020E0502050101010101" pitchFamily="34" charset="-79"/>
            </a:endParaRPr>
          </a:p>
          <a:p>
            <a:r>
              <a:rPr lang="he-IL" sz="1800" dirty="0" smtClean="0">
                <a:latin typeface="Narkisim" panose="020E0502050101010101" pitchFamily="34" charset="-79"/>
                <a:cs typeface="Narkisim" panose="020E0502050101010101" pitchFamily="34" charset="-79"/>
              </a:rPr>
              <a:t>רשות </a:t>
            </a:r>
            <a:r>
              <a:rPr lang="he-IL" sz="1800" dirty="0">
                <a:latin typeface="Narkisim" panose="020E0502050101010101" pitchFamily="34" charset="-79"/>
                <a:cs typeface="Narkisim" panose="020E0502050101010101" pitchFamily="34" charset="-79"/>
              </a:rPr>
              <a:t>מוחלשת גם </a:t>
            </a:r>
            <a:r>
              <a:rPr lang="he-IL" sz="1800" dirty="0" smtClean="0">
                <a:latin typeface="Narkisim" panose="020E0502050101010101" pitchFamily="34" charset="-79"/>
                <a:cs typeface="Narkisim" panose="020E0502050101010101" pitchFamily="34" charset="-79"/>
              </a:rPr>
              <a:t>במונחי פנים</a:t>
            </a:r>
            <a:r>
              <a:rPr lang="he-IL" sz="1800" dirty="0" smtClean="0">
                <a:latin typeface="Narkisim" panose="020E0502050101010101" pitchFamily="34" charset="-79"/>
                <a:cs typeface="Narkisim" panose="020E0502050101010101" pitchFamily="34" charset="-79"/>
              </a:rPr>
              <a:t>.</a:t>
            </a:r>
            <a:endParaRPr lang="he-IL" sz="1800" dirty="0" smtClean="0">
              <a:latin typeface="Narkisim" panose="020E0502050101010101" pitchFamily="34" charset="-79"/>
              <a:cs typeface="Narkisim" panose="020E0502050101010101" pitchFamily="34" charset="-79"/>
            </a:endParaRPr>
          </a:p>
          <a:p>
            <a:r>
              <a:rPr lang="he-IL" sz="1800" dirty="0" smtClean="0">
                <a:latin typeface="Narkisim" panose="020E0502050101010101" pitchFamily="34" charset="-79"/>
                <a:cs typeface="Narkisim" panose="020E0502050101010101" pitchFamily="34" charset="-79"/>
              </a:rPr>
              <a:t>צמיחה </a:t>
            </a:r>
            <a:r>
              <a:rPr lang="he-IL" sz="1800" dirty="0">
                <a:latin typeface="Narkisim" panose="020E0502050101010101" pitchFamily="34" charset="-79"/>
                <a:cs typeface="Narkisim" panose="020E0502050101010101" pitchFamily="34" charset="-79"/>
              </a:rPr>
              <a:t>גוברת של ההתיישבות הישראלית שמייצרת מציאות בשטח. </a:t>
            </a:r>
          </a:p>
          <a:p>
            <a:r>
              <a:rPr lang="he-IL" sz="1800" dirty="0" smtClean="0">
                <a:latin typeface="Narkisim" panose="020E0502050101010101" pitchFamily="34" charset="-79"/>
                <a:cs typeface="Narkisim" panose="020E0502050101010101" pitchFamily="34" charset="-79"/>
              </a:rPr>
              <a:t>ממשל </a:t>
            </a:r>
            <a:r>
              <a:rPr lang="he-IL" sz="1800" dirty="0">
                <a:latin typeface="Narkisim" panose="020E0502050101010101" pitchFamily="34" charset="-79"/>
                <a:cs typeface="Narkisim" panose="020E0502050101010101" pitchFamily="34" charset="-79"/>
              </a:rPr>
              <a:t>אמריקאי בסוף דרכו, עם "צרות" </a:t>
            </a:r>
            <a:r>
              <a:rPr lang="he-IL" sz="1800" dirty="0" smtClean="0">
                <a:latin typeface="Narkisim" panose="020E0502050101010101" pitchFamily="34" charset="-79"/>
                <a:cs typeface="Narkisim" panose="020E0502050101010101" pitchFamily="34" charset="-79"/>
              </a:rPr>
              <a:t>אחרות.</a:t>
            </a:r>
            <a:endParaRPr lang="he-IL" sz="1800" dirty="0">
              <a:latin typeface="Narkisim" panose="020E0502050101010101" pitchFamily="34" charset="-79"/>
              <a:cs typeface="Narkisim" panose="020E0502050101010101" pitchFamily="34" charset="-79"/>
            </a:endParaRPr>
          </a:p>
          <a:p>
            <a:endParaRPr lang="he-IL" sz="1800" dirty="0">
              <a:latin typeface="Narkisim" panose="020E0502050101010101" pitchFamily="34" charset="-79"/>
              <a:cs typeface="Narkisim" panose="020E0502050101010101" pitchFamily="34" charset="-79"/>
            </a:endParaRPr>
          </a:p>
        </p:txBody>
      </p:sp>
      <p:sp>
        <p:nvSpPr>
          <p:cNvPr id="4" name="מציין מיקום תוכן 2"/>
          <p:cNvSpPr txBox="1">
            <a:spLocks/>
          </p:cNvSpPr>
          <p:nvPr/>
        </p:nvSpPr>
        <p:spPr bwMode="auto">
          <a:xfrm>
            <a:off x="4644008" y="1124745"/>
            <a:ext cx="4536504" cy="2952327"/>
          </a:xfrm>
          <a:prstGeom prst="rect">
            <a:avLst/>
          </a:prstGeom>
          <a:noFill/>
          <a:ln w="9525">
            <a:no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marL="342900" indent="-342900" algn="r" rtl="1" eaLnBrk="1" fontAlgn="base" hangingPunct="1">
              <a:spcBef>
                <a:spcPct val="20000"/>
              </a:spcBef>
              <a:spcAft>
                <a:spcPct val="0"/>
              </a:spcAft>
              <a:buClr>
                <a:schemeClr val="tx1"/>
              </a:buClr>
              <a:buChar char="•"/>
              <a:defRPr sz="2400">
                <a:solidFill>
                  <a:schemeClr val="tx1"/>
                </a:solidFill>
                <a:latin typeface="+mn-lt"/>
                <a:ea typeface="+mn-ea"/>
                <a:cs typeface="+mn-cs"/>
              </a:defRPr>
            </a:lvl1pPr>
            <a:lvl2pPr marL="742950" indent="-285750" algn="r" rtl="1" eaLnBrk="1" fontAlgn="base" hangingPunct="1">
              <a:spcBef>
                <a:spcPct val="20000"/>
              </a:spcBef>
              <a:spcAft>
                <a:spcPct val="0"/>
              </a:spcAft>
              <a:buClr>
                <a:schemeClr val="tx1"/>
              </a:buClr>
              <a:buChar char="•"/>
              <a:defRPr sz="2000">
                <a:solidFill>
                  <a:schemeClr val="tx1"/>
                </a:solidFill>
                <a:latin typeface="+mn-lt"/>
                <a:cs typeface="+mn-cs"/>
              </a:defRPr>
            </a:lvl2pPr>
            <a:lvl3pPr marL="1143000" indent="-228600" algn="r" rtl="1" eaLnBrk="1" fontAlgn="base" hangingPunct="1">
              <a:spcBef>
                <a:spcPct val="20000"/>
              </a:spcBef>
              <a:spcAft>
                <a:spcPct val="0"/>
              </a:spcAft>
              <a:buClr>
                <a:schemeClr val="tx1"/>
              </a:buClr>
              <a:buChar char="•"/>
              <a:defRPr>
                <a:solidFill>
                  <a:schemeClr val="tx1"/>
                </a:solidFill>
                <a:latin typeface="+mn-lt"/>
                <a:cs typeface="+mn-cs"/>
              </a:defRPr>
            </a:lvl3pPr>
            <a:lvl4pPr marL="1600200" indent="-228600" algn="r" rtl="1" eaLnBrk="1" fontAlgn="base" hangingPunct="1">
              <a:spcBef>
                <a:spcPct val="20000"/>
              </a:spcBef>
              <a:spcAft>
                <a:spcPct val="0"/>
              </a:spcAft>
              <a:buClr>
                <a:schemeClr val="tx1"/>
              </a:buClr>
              <a:buChar char="•"/>
              <a:defRPr sz="1600">
                <a:solidFill>
                  <a:schemeClr val="tx1"/>
                </a:solidFill>
                <a:latin typeface="+mn-lt"/>
                <a:cs typeface="+mn-cs"/>
              </a:defRPr>
            </a:lvl4pPr>
            <a:lvl5pPr marL="2057400" indent="-228600" algn="r" rtl="1" eaLnBrk="1" fontAlgn="base" hangingPunct="1">
              <a:spcBef>
                <a:spcPct val="20000"/>
              </a:spcBef>
              <a:spcAft>
                <a:spcPct val="0"/>
              </a:spcAft>
              <a:buClr>
                <a:schemeClr val="tx1"/>
              </a:buClr>
              <a:buChar char="•"/>
              <a:defRPr sz="1600">
                <a:solidFill>
                  <a:schemeClr val="tx1"/>
                </a:solidFill>
                <a:latin typeface="+mn-lt"/>
                <a:cs typeface="+mn-cs"/>
              </a:defRPr>
            </a:lvl5pPr>
            <a:lvl6pPr marL="2514600" indent="-228600" algn="r" rtl="1" eaLnBrk="1" fontAlgn="base" hangingPunct="1">
              <a:spcBef>
                <a:spcPct val="20000"/>
              </a:spcBef>
              <a:spcAft>
                <a:spcPct val="0"/>
              </a:spcAft>
              <a:buClr>
                <a:schemeClr val="tx1"/>
              </a:buClr>
              <a:buChar char="•"/>
              <a:defRPr sz="1600">
                <a:solidFill>
                  <a:schemeClr val="tx1"/>
                </a:solidFill>
                <a:latin typeface="+mn-lt"/>
                <a:cs typeface="+mn-cs"/>
              </a:defRPr>
            </a:lvl6pPr>
            <a:lvl7pPr marL="2971800" indent="-228600" algn="r" rtl="1" eaLnBrk="1" fontAlgn="base" hangingPunct="1">
              <a:spcBef>
                <a:spcPct val="20000"/>
              </a:spcBef>
              <a:spcAft>
                <a:spcPct val="0"/>
              </a:spcAft>
              <a:buClr>
                <a:schemeClr val="tx1"/>
              </a:buClr>
              <a:buChar char="•"/>
              <a:defRPr sz="1600">
                <a:solidFill>
                  <a:schemeClr val="tx1"/>
                </a:solidFill>
                <a:latin typeface="+mn-lt"/>
                <a:cs typeface="+mn-cs"/>
              </a:defRPr>
            </a:lvl7pPr>
            <a:lvl8pPr marL="3429000" indent="-228600" algn="r" rtl="1" eaLnBrk="1" fontAlgn="base" hangingPunct="1">
              <a:spcBef>
                <a:spcPct val="20000"/>
              </a:spcBef>
              <a:spcAft>
                <a:spcPct val="0"/>
              </a:spcAft>
              <a:buClr>
                <a:schemeClr val="tx1"/>
              </a:buClr>
              <a:buChar char="•"/>
              <a:defRPr sz="1600">
                <a:solidFill>
                  <a:schemeClr val="tx1"/>
                </a:solidFill>
                <a:latin typeface="+mn-lt"/>
                <a:cs typeface="+mn-cs"/>
              </a:defRPr>
            </a:lvl8pPr>
            <a:lvl9pPr marL="3886200" indent="-228600" algn="r" rtl="1" eaLnBrk="1" fontAlgn="base" hangingPunct="1">
              <a:spcBef>
                <a:spcPct val="20000"/>
              </a:spcBef>
              <a:spcAft>
                <a:spcPct val="0"/>
              </a:spcAft>
              <a:buClr>
                <a:schemeClr val="tx1"/>
              </a:buClr>
              <a:buChar char="•"/>
              <a:defRPr sz="1600">
                <a:solidFill>
                  <a:schemeClr val="tx1"/>
                </a:solidFill>
                <a:latin typeface="+mn-lt"/>
                <a:cs typeface="+mn-cs"/>
              </a:defRPr>
            </a:lvl9pPr>
          </a:lstStyle>
          <a:p>
            <a:pPr marL="0" indent="0">
              <a:buFontTx/>
              <a:buNone/>
            </a:pPr>
            <a:r>
              <a:rPr lang="he-IL" sz="2000" b="1" u="sng" kern="0" dirty="0" err="1" smtClean="0">
                <a:latin typeface="Narkisim" panose="020E0502050101010101" pitchFamily="34" charset="-79"/>
                <a:cs typeface="Narkisim" panose="020E0502050101010101" pitchFamily="34" charset="-79"/>
              </a:rPr>
              <a:t>חוזקות</a:t>
            </a:r>
            <a:endParaRPr lang="he-IL" sz="2000" b="1" u="sng" kern="0" dirty="0" smtClean="0">
              <a:latin typeface="Narkisim" panose="020E0502050101010101" pitchFamily="34" charset="-79"/>
              <a:cs typeface="Narkisim" panose="020E0502050101010101" pitchFamily="34" charset="-79"/>
            </a:endParaRPr>
          </a:p>
          <a:p>
            <a:r>
              <a:rPr lang="he-IL" sz="1800" kern="0" dirty="0" smtClean="0">
                <a:latin typeface="Narkisim" panose="020E0502050101010101" pitchFamily="34" charset="-79"/>
                <a:cs typeface="Narkisim" panose="020E0502050101010101" pitchFamily="34" charset="-79"/>
              </a:rPr>
              <a:t>קיימת </a:t>
            </a:r>
            <a:r>
              <a:rPr lang="he-IL" sz="1800" kern="0" dirty="0" smtClean="0">
                <a:latin typeface="Narkisim" panose="020E0502050101010101" pitchFamily="34" charset="-79"/>
                <a:cs typeface="Narkisim" panose="020E0502050101010101" pitchFamily="34" charset="-79"/>
              </a:rPr>
              <a:t>הכרה </a:t>
            </a:r>
            <a:r>
              <a:rPr lang="he-IL" sz="1800" kern="0" dirty="0" smtClean="0">
                <a:latin typeface="Narkisim" panose="020E0502050101010101" pitchFamily="34" charset="-79"/>
                <a:cs typeface="Narkisim" panose="020E0502050101010101" pitchFamily="34" charset="-79"/>
              </a:rPr>
              <a:t>בינלאומית </a:t>
            </a:r>
            <a:r>
              <a:rPr lang="he-IL" sz="1800" kern="0" dirty="0" smtClean="0">
                <a:latin typeface="Narkisim" panose="020E0502050101010101" pitchFamily="34" charset="-79"/>
                <a:cs typeface="Narkisim" panose="020E0502050101010101" pitchFamily="34" charset="-79"/>
              </a:rPr>
              <a:t>חלקית כמדינה </a:t>
            </a:r>
            <a:r>
              <a:rPr lang="he-IL" sz="1800" kern="0" dirty="0" smtClean="0">
                <a:latin typeface="Narkisim" panose="020E0502050101010101" pitchFamily="34" charset="-79"/>
                <a:cs typeface="Narkisim" panose="020E0502050101010101" pitchFamily="34" charset="-79"/>
              </a:rPr>
              <a:t>משקיפה באו"ם.</a:t>
            </a:r>
          </a:p>
          <a:p>
            <a:r>
              <a:rPr lang="he-IL" sz="1800" kern="0" dirty="0" smtClean="0">
                <a:latin typeface="Narkisim" panose="020E0502050101010101" pitchFamily="34" charset="-79"/>
                <a:cs typeface="Narkisim" panose="020E0502050101010101" pitchFamily="34" charset="-79"/>
              </a:rPr>
              <a:t>הסכסוך ממוצב כאחת הבעיות המרכזיות בעולם.</a:t>
            </a:r>
          </a:p>
          <a:p>
            <a:r>
              <a:rPr lang="he-IL" sz="1800" kern="0" dirty="0" smtClean="0">
                <a:latin typeface="Narkisim" panose="020E0502050101010101" pitchFamily="34" charset="-79"/>
                <a:cs typeface="Narkisim" panose="020E0502050101010101" pitchFamily="34" charset="-79"/>
              </a:rPr>
              <a:t>תמיכה נרחבת של העולם, עד כדי </a:t>
            </a:r>
            <a:r>
              <a:rPr lang="he-IL" sz="1800" kern="0" dirty="0" smtClean="0">
                <a:latin typeface="Narkisim" panose="020E0502050101010101" pitchFamily="34" charset="-79"/>
                <a:cs typeface="Narkisim" panose="020E0502050101010101" pitchFamily="34" charset="-79"/>
              </a:rPr>
              <a:t>בידוד </a:t>
            </a:r>
            <a:r>
              <a:rPr lang="he-IL" sz="1800" kern="0" dirty="0" smtClean="0">
                <a:latin typeface="Narkisim" panose="020E0502050101010101" pitchFamily="34" charset="-79"/>
                <a:cs typeface="Narkisim" panose="020E0502050101010101" pitchFamily="34" charset="-79"/>
              </a:rPr>
              <a:t>ישראל.</a:t>
            </a:r>
          </a:p>
          <a:p>
            <a:r>
              <a:rPr lang="he-IL" sz="1800" kern="0" dirty="0" smtClean="0">
                <a:latin typeface="Narkisim" panose="020E0502050101010101" pitchFamily="34" charset="-79"/>
                <a:cs typeface="Narkisim" panose="020E0502050101010101" pitchFamily="34" charset="-79"/>
              </a:rPr>
              <a:t>תלות </a:t>
            </a:r>
            <a:r>
              <a:rPr lang="he-IL" sz="1800" kern="0" dirty="0" smtClean="0">
                <a:latin typeface="Narkisim" panose="020E0502050101010101" pitchFamily="34" charset="-79"/>
                <a:cs typeface="Narkisim" panose="020E0502050101010101" pitchFamily="34" charset="-79"/>
              </a:rPr>
              <a:t>ישראלית </a:t>
            </a:r>
            <a:r>
              <a:rPr lang="he-IL" sz="1800" kern="0" dirty="0" smtClean="0">
                <a:latin typeface="Narkisim" panose="020E0502050101010101" pitchFamily="34" charset="-79"/>
                <a:cs typeface="Narkisim" panose="020E0502050101010101" pitchFamily="34" charset="-79"/>
              </a:rPr>
              <a:t>בכוח העבודה הפלשתיני</a:t>
            </a:r>
          </a:p>
          <a:p>
            <a:r>
              <a:rPr lang="he-IL" sz="1800" kern="0" dirty="0" smtClean="0">
                <a:latin typeface="Narkisim" panose="020E0502050101010101" pitchFamily="34" charset="-79"/>
                <a:cs typeface="Narkisim" panose="020E0502050101010101" pitchFamily="34" charset="-79"/>
              </a:rPr>
              <a:t>מרקם חיים עדין בשטח </a:t>
            </a:r>
            <a:r>
              <a:rPr lang="he-IL" sz="1800" kern="0" dirty="0" smtClean="0">
                <a:latin typeface="Narkisim" panose="020E0502050101010101" pitchFamily="34" charset="-79"/>
                <a:cs typeface="Narkisim" panose="020E0502050101010101" pitchFamily="34" charset="-79"/>
              </a:rPr>
              <a:t>, כזה שמחייב </a:t>
            </a:r>
            <a:r>
              <a:rPr lang="he-IL" sz="1800" kern="0" dirty="0" smtClean="0">
                <a:latin typeface="Narkisim" panose="020E0502050101010101" pitchFamily="34" charset="-79"/>
                <a:cs typeface="Narkisim" panose="020E0502050101010101" pitchFamily="34" charset="-79"/>
              </a:rPr>
              <a:t>תיאום ביטחוני הדוק למול המנגנונים.</a:t>
            </a:r>
          </a:p>
          <a:p>
            <a:endParaRPr lang="he-IL" kern="0" dirty="0">
              <a:latin typeface="Narkisim" panose="020E0502050101010101" pitchFamily="34" charset="-79"/>
              <a:cs typeface="Narkisim" panose="020E0502050101010101" pitchFamily="34" charset="-79"/>
            </a:endParaRPr>
          </a:p>
        </p:txBody>
      </p:sp>
      <p:sp>
        <p:nvSpPr>
          <p:cNvPr id="5" name="מציין מיקום תוכן 2"/>
          <p:cNvSpPr txBox="1">
            <a:spLocks/>
          </p:cNvSpPr>
          <p:nvPr/>
        </p:nvSpPr>
        <p:spPr bwMode="auto">
          <a:xfrm>
            <a:off x="0" y="3573016"/>
            <a:ext cx="4860032" cy="3429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marL="342900" indent="-342900" algn="r" rtl="1" eaLnBrk="1" fontAlgn="base" hangingPunct="1">
              <a:spcBef>
                <a:spcPct val="20000"/>
              </a:spcBef>
              <a:spcAft>
                <a:spcPct val="0"/>
              </a:spcAft>
              <a:buClr>
                <a:schemeClr val="tx1"/>
              </a:buClr>
              <a:buChar char="•"/>
              <a:defRPr sz="2400">
                <a:solidFill>
                  <a:schemeClr val="tx1"/>
                </a:solidFill>
                <a:latin typeface="+mn-lt"/>
                <a:ea typeface="+mn-ea"/>
                <a:cs typeface="+mn-cs"/>
              </a:defRPr>
            </a:lvl1pPr>
            <a:lvl2pPr marL="742950" indent="-285750" algn="r" rtl="1" eaLnBrk="1" fontAlgn="base" hangingPunct="1">
              <a:spcBef>
                <a:spcPct val="20000"/>
              </a:spcBef>
              <a:spcAft>
                <a:spcPct val="0"/>
              </a:spcAft>
              <a:buClr>
                <a:schemeClr val="tx1"/>
              </a:buClr>
              <a:buChar char="•"/>
              <a:defRPr sz="2000">
                <a:solidFill>
                  <a:schemeClr val="tx1"/>
                </a:solidFill>
                <a:latin typeface="+mn-lt"/>
                <a:cs typeface="+mn-cs"/>
              </a:defRPr>
            </a:lvl2pPr>
            <a:lvl3pPr marL="1143000" indent="-228600" algn="r" rtl="1" eaLnBrk="1" fontAlgn="base" hangingPunct="1">
              <a:spcBef>
                <a:spcPct val="20000"/>
              </a:spcBef>
              <a:spcAft>
                <a:spcPct val="0"/>
              </a:spcAft>
              <a:buClr>
                <a:schemeClr val="tx1"/>
              </a:buClr>
              <a:buChar char="•"/>
              <a:defRPr>
                <a:solidFill>
                  <a:schemeClr val="tx1"/>
                </a:solidFill>
                <a:latin typeface="+mn-lt"/>
                <a:cs typeface="+mn-cs"/>
              </a:defRPr>
            </a:lvl3pPr>
            <a:lvl4pPr marL="1600200" indent="-228600" algn="r" rtl="1" eaLnBrk="1" fontAlgn="base" hangingPunct="1">
              <a:spcBef>
                <a:spcPct val="20000"/>
              </a:spcBef>
              <a:spcAft>
                <a:spcPct val="0"/>
              </a:spcAft>
              <a:buClr>
                <a:schemeClr val="tx1"/>
              </a:buClr>
              <a:buChar char="•"/>
              <a:defRPr sz="1600">
                <a:solidFill>
                  <a:schemeClr val="tx1"/>
                </a:solidFill>
                <a:latin typeface="+mn-lt"/>
                <a:cs typeface="+mn-cs"/>
              </a:defRPr>
            </a:lvl4pPr>
            <a:lvl5pPr marL="2057400" indent="-228600" algn="r" rtl="1" eaLnBrk="1" fontAlgn="base" hangingPunct="1">
              <a:spcBef>
                <a:spcPct val="20000"/>
              </a:spcBef>
              <a:spcAft>
                <a:spcPct val="0"/>
              </a:spcAft>
              <a:buClr>
                <a:schemeClr val="tx1"/>
              </a:buClr>
              <a:buChar char="•"/>
              <a:defRPr sz="1600">
                <a:solidFill>
                  <a:schemeClr val="tx1"/>
                </a:solidFill>
                <a:latin typeface="+mn-lt"/>
                <a:cs typeface="+mn-cs"/>
              </a:defRPr>
            </a:lvl5pPr>
            <a:lvl6pPr marL="2514600" indent="-228600" algn="r" rtl="1" eaLnBrk="1" fontAlgn="base" hangingPunct="1">
              <a:spcBef>
                <a:spcPct val="20000"/>
              </a:spcBef>
              <a:spcAft>
                <a:spcPct val="0"/>
              </a:spcAft>
              <a:buClr>
                <a:schemeClr val="tx1"/>
              </a:buClr>
              <a:buChar char="•"/>
              <a:defRPr sz="1600">
                <a:solidFill>
                  <a:schemeClr val="tx1"/>
                </a:solidFill>
                <a:latin typeface="+mn-lt"/>
                <a:cs typeface="+mn-cs"/>
              </a:defRPr>
            </a:lvl6pPr>
            <a:lvl7pPr marL="2971800" indent="-228600" algn="r" rtl="1" eaLnBrk="1" fontAlgn="base" hangingPunct="1">
              <a:spcBef>
                <a:spcPct val="20000"/>
              </a:spcBef>
              <a:spcAft>
                <a:spcPct val="0"/>
              </a:spcAft>
              <a:buClr>
                <a:schemeClr val="tx1"/>
              </a:buClr>
              <a:buChar char="•"/>
              <a:defRPr sz="1600">
                <a:solidFill>
                  <a:schemeClr val="tx1"/>
                </a:solidFill>
                <a:latin typeface="+mn-lt"/>
                <a:cs typeface="+mn-cs"/>
              </a:defRPr>
            </a:lvl7pPr>
            <a:lvl8pPr marL="3429000" indent="-228600" algn="r" rtl="1" eaLnBrk="1" fontAlgn="base" hangingPunct="1">
              <a:spcBef>
                <a:spcPct val="20000"/>
              </a:spcBef>
              <a:spcAft>
                <a:spcPct val="0"/>
              </a:spcAft>
              <a:buClr>
                <a:schemeClr val="tx1"/>
              </a:buClr>
              <a:buChar char="•"/>
              <a:defRPr sz="1600">
                <a:solidFill>
                  <a:schemeClr val="tx1"/>
                </a:solidFill>
                <a:latin typeface="+mn-lt"/>
                <a:cs typeface="+mn-cs"/>
              </a:defRPr>
            </a:lvl8pPr>
            <a:lvl9pPr marL="3886200" indent="-228600" algn="r" rtl="1" eaLnBrk="1" fontAlgn="base" hangingPunct="1">
              <a:spcBef>
                <a:spcPct val="20000"/>
              </a:spcBef>
              <a:spcAft>
                <a:spcPct val="0"/>
              </a:spcAft>
              <a:buClr>
                <a:schemeClr val="tx1"/>
              </a:buClr>
              <a:buChar char="•"/>
              <a:defRPr sz="1600">
                <a:solidFill>
                  <a:schemeClr val="tx1"/>
                </a:solidFill>
                <a:latin typeface="+mn-lt"/>
                <a:cs typeface="+mn-cs"/>
              </a:defRPr>
            </a:lvl9pPr>
          </a:lstStyle>
          <a:p>
            <a:pPr marL="0" indent="0">
              <a:buNone/>
            </a:pPr>
            <a:r>
              <a:rPr lang="he-IL" sz="2000" b="1" u="sng" kern="0" dirty="0" smtClean="0">
                <a:latin typeface="Narkisim" panose="020E0502050101010101" pitchFamily="34" charset="-79"/>
                <a:cs typeface="Narkisim" panose="020E0502050101010101" pitchFamily="34" charset="-79"/>
              </a:rPr>
              <a:t>איומים</a:t>
            </a:r>
          </a:p>
          <a:p>
            <a:r>
              <a:rPr lang="he-IL" sz="1800" kern="0" dirty="0" smtClean="0">
                <a:latin typeface="Narkisim" panose="020E0502050101010101" pitchFamily="34" charset="-79"/>
                <a:cs typeface="Narkisim" panose="020E0502050101010101" pitchFamily="34" charset="-79"/>
              </a:rPr>
              <a:t>חוסר </a:t>
            </a:r>
            <a:r>
              <a:rPr lang="he-IL" sz="1800" kern="0" dirty="0">
                <a:latin typeface="Narkisim" panose="020E0502050101010101" pitchFamily="34" charset="-79"/>
                <a:cs typeface="Narkisim" panose="020E0502050101010101" pitchFamily="34" charset="-79"/>
              </a:rPr>
              <a:t>עניין בסכסוך הפלסטיני בעקבות האירועים בסוריה ובאירופה.</a:t>
            </a:r>
          </a:p>
          <a:p>
            <a:r>
              <a:rPr lang="he-IL" sz="1800" kern="0" dirty="0" smtClean="0">
                <a:latin typeface="Narkisim" panose="020E0502050101010101" pitchFamily="34" charset="-79"/>
                <a:cs typeface="Narkisim" panose="020E0502050101010101" pitchFamily="34" charset="-79"/>
              </a:rPr>
              <a:t>מהלך </a:t>
            </a:r>
            <a:r>
              <a:rPr lang="he-IL" sz="1800" kern="0" dirty="0">
                <a:latin typeface="Narkisim" panose="020E0502050101010101" pitchFamily="34" charset="-79"/>
                <a:cs typeface="Narkisim" panose="020E0502050101010101" pitchFamily="34" charset="-79"/>
              </a:rPr>
              <a:t>חד צדדי של ישראל.</a:t>
            </a:r>
          </a:p>
          <a:p>
            <a:r>
              <a:rPr lang="he-IL" sz="1800" kern="0" dirty="0" smtClean="0">
                <a:latin typeface="Narkisim" panose="020E0502050101010101" pitchFamily="34" charset="-79"/>
                <a:cs typeface="Narkisim" panose="020E0502050101010101" pitchFamily="34" charset="-79"/>
              </a:rPr>
              <a:t>התחזקות </a:t>
            </a:r>
            <a:r>
              <a:rPr lang="he-IL" sz="1800" kern="0" dirty="0">
                <a:latin typeface="Narkisim" panose="020E0502050101010101" pitchFamily="34" charset="-79"/>
                <a:cs typeface="Narkisim" panose="020E0502050101010101" pitchFamily="34" charset="-79"/>
              </a:rPr>
              <a:t>גוש הימין בישראל.</a:t>
            </a:r>
          </a:p>
          <a:p>
            <a:r>
              <a:rPr lang="he-IL" sz="1800" kern="0" dirty="0" smtClean="0">
                <a:latin typeface="Narkisim" panose="020E0502050101010101" pitchFamily="34" charset="-79"/>
                <a:cs typeface="Narkisim" panose="020E0502050101010101" pitchFamily="34" charset="-79"/>
              </a:rPr>
              <a:t>התגברות </a:t>
            </a:r>
            <a:r>
              <a:rPr lang="he-IL" sz="1800" kern="0" dirty="0">
                <a:latin typeface="Narkisim" panose="020E0502050101010101" pitchFamily="34" charset="-79"/>
                <a:cs typeface="Narkisim" panose="020E0502050101010101" pitchFamily="34" charset="-79"/>
              </a:rPr>
              <a:t>של </a:t>
            </a:r>
            <a:r>
              <a:rPr lang="he-IL" sz="1800" kern="0" dirty="0" smtClean="0">
                <a:latin typeface="Narkisim" panose="020E0502050101010101" pitchFamily="34" charset="-79"/>
                <a:cs typeface="Narkisim" panose="020E0502050101010101" pitchFamily="34" charset="-79"/>
              </a:rPr>
              <a:t>"טרור הסכינים" </a:t>
            </a:r>
            <a:r>
              <a:rPr lang="he-IL" sz="1800" kern="0" dirty="0">
                <a:latin typeface="Narkisim" panose="020E0502050101010101" pitchFamily="34" charset="-79"/>
                <a:cs typeface="Narkisim" panose="020E0502050101010101" pitchFamily="34" charset="-79"/>
              </a:rPr>
              <a:t>שעלול לגרור את השטח </a:t>
            </a:r>
            <a:r>
              <a:rPr lang="he-IL" sz="1800" kern="0" dirty="0" smtClean="0">
                <a:latin typeface="Narkisim" panose="020E0502050101010101" pitchFamily="34" charset="-79"/>
                <a:cs typeface="Narkisim" panose="020E0502050101010101" pitchFamily="34" charset="-79"/>
              </a:rPr>
              <a:t>ולחזק </a:t>
            </a:r>
            <a:r>
              <a:rPr lang="he-IL" sz="1800" kern="0" dirty="0">
                <a:latin typeface="Narkisim" panose="020E0502050101010101" pitchFamily="34" charset="-79"/>
                <a:cs typeface="Narkisim" panose="020E0502050101010101" pitchFamily="34" charset="-79"/>
              </a:rPr>
              <a:t>את </a:t>
            </a:r>
            <a:r>
              <a:rPr lang="he-IL" sz="1800" kern="0" dirty="0" smtClean="0">
                <a:latin typeface="Narkisim" panose="020E0502050101010101" pitchFamily="34" charset="-79"/>
                <a:cs typeface="Narkisim" panose="020E0502050101010101" pitchFamily="34" charset="-79"/>
              </a:rPr>
              <a:t>טענות </a:t>
            </a:r>
            <a:r>
              <a:rPr lang="he-IL" sz="1800" kern="0" dirty="0">
                <a:latin typeface="Narkisim" panose="020E0502050101010101" pitchFamily="34" charset="-79"/>
                <a:cs typeface="Narkisim" panose="020E0502050101010101" pitchFamily="34" charset="-79"/>
              </a:rPr>
              <a:t>ישראל.</a:t>
            </a:r>
          </a:p>
          <a:p>
            <a:r>
              <a:rPr lang="he-IL" sz="1800" kern="0" dirty="0" smtClean="0">
                <a:latin typeface="Narkisim" panose="020E0502050101010101" pitchFamily="34" charset="-79"/>
                <a:cs typeface="Narkisim" panose="020E0502050101010101" pitchFamily="34" charset="-79"/>
              </a:rPr>
              <a:t>מהלך </a:t>
            </a:r>
            <a:r>
              <a:rPr lang="he-IL" sz="1800" kern="0" dirty="0">
                <a:latin typeface="Narkisim" panose="020E0502050101010101" pitchFamily="34" charset="-79"/>
                <a:cs typeface="Narkisim" panose="020E0502050101010101" pitchFamily="34" charset="-79"/>
              </a:rPr>
              <a:t>התקפי בעזה שיחזק את מעמדה של </a:t>
            </a:r>
            <a:r>
              <a:rPr lang="he-IL" sz="1800" kern="0" dirty="0" smtClean="0">
                <a:latin typeface="Narkisim" panose="020E0502050101010101" pitchFamily="34" charset="-79"/>
                <a:cs typeface="Narkisim" panose="020E0502050101010101" pitchFamily="34" charset="-79"/>
              </a:rPr>
              <a:t>חמאס.</a:t>
            </a:r>
          </a:p>
          <a:p>
            <a:r>
              <a:rPr lang="he-IL" sz="1800" kern="0" dirty="0">
                <a:latin typeface="Narkisim" panose="020E0502050101010101" pitchFamily="34" charset="-79"/>
                <a:cs typeface="Narkisim" panose="020E0502050101010101" pitchFamily="34" charset="-79"/>
              </a:rPr>
              <a:t>מ</a:t>
            </a:r>
            <a:r>
              <a:rPr lang="he-IL" sz="1800" kern="0" dirty="0" smtClean="0">
                <a:latin typeface="Narkisim" panose="020E0502050101010101" pitchFamily="34" charset="-79"/>
                <a:cs typeface="Narkisim" panose="020E0502050101010101" pitchFamily="34" charset="-79"/>
              </a:rPr>
              <a:t>נהיגות </a:t>
            </a:r>
            <a:r>
              <a:rPr lang="he-IL" sz="1800" kern="0" dirty="0">
                <a:latin typeface="Narkisim" panose="020E0502050101010101" pitchFamily="34" charset="-79"/>
                <a:cs typeface="Narkisim" panose="020E0502050101010101" pitchFamily="34" charset="-79"/>
              </a:rPr>
              <a:t>חלשה ומזדקנת, עם מאבקי ירושה לקראת היום </a:t>
            </a:r>
            <a:r>
              <a:rPr lang="he-IL" sz="1800" kern="0" dirty="0" smtClean="0">
                <a:latin typeface="Narkisim" panose="020E0502050101010101" pitchFamily="34" charset="-79"/>
                <a:cs typeface="Narkisim" panose="020E0502050101010101" pitchFamily="34" charset="-79"/>
              </a:rPr>
              <a:t>שאחרי.</a:t>
            </a:r>
          </a:p>
          <a:p>
            <a:r>
              <a:rPr lang="he-IL" sz="1800" kern="0" dirty="0" smtClean="0">
                <a:latin typeface="Narkisim" panose="020E0502050101010101" pitchFamily="34" charset="-79"/>
                <a:cs typeface="Narkisim" panose="020E0502050101010101" pitchFamily="34" charset="-79"/>
              </a:rPr>
              <a:t>דור </a:t>
            </a:r>
            <a:r>
              <a:rPr lang="he-IL" sz="1800" kern="0" dirty="0">
                <a:latin typeface="Narkisim" panose="020E0502050101010101" pitchFamily="34" charset="-79"/>
                <a:cs typeface="Narkisim" panose="020E0502050101010101" pitchFamily="34" charset="-79"/>
              </a:rPr>
              <a:t>צעיר שהולך ומקצין.</a:t>
            </a:r>
          </a:p>
        </p:txBody>
      </p:sp>
      <p:sp>
        <p:nvSpPr>
          <p:cNvPr id="6" name="מציין מיקום תוכן 2"/>
          <p:cNvSpPr txBox="1">
            <a:spLocks/>
          </p:cNvSpPr>
          <p:nvPr/>
        </p:nvSpPr>
        <p:spPr bwMode="auto">
          <a:xfrm>
            <a:off x="4860032" y="4077073"/>
            <a:ext cx="4248472" cy="288031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marL="342900" indent="-342900" algn="r" rtl="1" eaLnBrk="1" fontAlgn="base" hangingPunct="1">
              <a:spcBef>
                <a:spcPct val="20000"/>
              </a:spcBef>
              <a:spcAft>
                <a:spcPct val="0"/>
              </a:spcAft>
              <a:buClr>
                <a:schemeClr val="tx1"/>
              </a:buClr>
              <a:buChar char="•"/>
              <a:defRPr sz="2400">
                <a:solidFill>
                  <a:schemeClr val="tx1"/>
                </a:solidFill>
                <a:latin typeface="+mn-lt"/>
                <a:ea typeface="+mn-ea"/>
                <a:cs typeface="+mn-cs"/>
              </a:defRPr>
            </a:lvl1pPr>
            <a:lvl2pPr marL="742950" indent="-285750" algn="r" rtl="1" eaLnBrk="1" fontAlgn="base" hangingPunct="1">
              <a:spcBef>
                <a:spcPct val="20000"/>
              </a:spcBef>
              <a:spcAft>
                <a:spcPct val="0"/>
              </a:spcAft>
              <a:buClr>
                <a:schemeClr val="tx1"/>
              </a:buClr>
              <a:buChar char="•"/>
              <a:defRPr sz="2000">
                <a:solidFill>
                  <a:schemeClr val="tx1"/>
                </a:solidFill>
                <a:latin typeface="+mn-lt"/>
                <a:cs typeface="+mn-cs"/>
              </a:defRPr>
            </a:lvl2pPr>
            <a:lvl3pPr marL="1143000" indent="-228600" algn="r" rtl="1" eaLnBrk="1" fontAlgn="base" hangingPunct="1">
              <a:spcBef>
                <a:spcPct val="20000"/>
              </a:spcBef>
              <a:spcAft>
                <a:spcPct val="0"/>
              </a:spcAft>
              <a:buClr>
                <a:schemeClr val="tx1"/>
              </a:buClr>
              <a:buChar char="•"/>
              <a:defRPr>
                <a:solidFill>
                  <a:schemeClr val="tx1"/>
                </a:solidFill>
                <a:latin typeface="+mn-lt"/>
                <a:cs typeface="+mn-cs"/>
              </a:defRPr>
            </a:lvl3pPr>
            <a:lvl4pPr marL="1600200" indent="-228600" algn="r" rtl="1" eaLnBrk="1" fontAlgn="base" hangingPunct="1">
              <a:spcBef>
                <a:spcPct val="20000"/>
              </a:spcBef>
              <a:spcAft>
                <a:spcPct val="0"/>
              </a:spcAft>
              <a:buClr>
                <a:schemeClr val="tx1"/>
              </a:buClr>
              <a:buChar char="•"/>
              <a:defRPr sz="1600">
                <a:solidFill>
                  <a:schemeClr val="tx1"/>
                </a:solidFill>
                <a:latin typeface="+mn-lt"/>
                <a:cs typeface="+mn-cs"/>
              </a:defRPr>
            </a:lvl4pPr>
            <a:lvl5pPr marL="2057400" indent="-228600" algn="r" rtl="1" eaLnBrk="1" fontAlgn="base" hangingPunct="1">
              <a:spcBef>
                <a:spcPct val="20000"/>
              </a:spcBef>
              <a:spcAft>
                <a:spcPct val="0"/>
              </a:spcAft>
              <a:buClr>
                <a:schemeClr val="tx1"/>
              </a:buClr>
              <a:buChar char="•"/>
              <a:defRPr sz="1600">
                <a:solidFill>
                  <a:schemeClr val="tx1"/>
                </a:solidFill>
                <a:latin typeface="+mn-lt"/>
                <a:cs typeface="+mn-cs"/>
              </a:defRPr>
            </a:lvl5pPr>
            <a:lvl6pPr marL="2514600" indent="-228600" algn="r" rtl="1" eaLnBrk="1" fontAlgn="base" hangingPunct="1">
              <a:spcBef>
                <a:spcPct val="20000"/>
              </a:spcBef>
              <a:spcAft>
                <a:spcPct val="0"/>
              </a:spcAft>
              <a:buClr>
                <a:schemeClr val="tx1"/>
              </a:buClr>
              <a:buChar char="•"/>
              <a:defRPr sz="1600">
                <a:solidFill>
                  <a:schemeClr val="tx1"/>
                </a:solidFill>
                <a:latin typeface="+mn-lt"/>
                <a:cs typeface="+mn-cs"/>
              </a:defRPr>
            </a:lvl6pPr>
            <a:lvl7pPr marL="2971800" indent="-228600" algn="r" rtl="1" eaLnBrk="1" fontAlgn="base" hangingPunct="1">
              <a:spcBef>
                <a:spcPct val="20000"/>
              </a:spcBef>
              <a:spcAft>
                <a:spcPct val="0"/>
              </a:spcAft>
              <a:buClr>
                <a:schemeClr val="tx1"/>
              </a:buClr>
              <a:buChar char="•"/>
              <a:defRPr sz="1600">
                <a:solidFill>
                  <a:schemeClr val="tx1"/>
                </a:solidFill>
                <a:latin typeface="+mn-lt"/>
                <a:cs typeface="+mn-cs"/>
              </a:defRPr>
            </a:lvl7pPr>
            <a:lvl8pPr marL="3429000" indent="-228600" algn="r" rtl="1" eaLnBrk="1" fontAlgn="base" hangingPunct="1">
              <a:spcBef>
                <a:spcPct val="20000"/>
              </a:spcBef>
              <a:spcAft>
                <a:spcPct val="0"/>
              </a:spcAft>
              <a:buClr>
                <a:schemeClr val="tx1"/>
              </a:buClr>
              <a:buChar char="•"/>
              <a:defRPr sz="1600">
                <a:solidFill>
                  <a:schemeClr val="tx1"/>
                </a:solidFill>
                <a:latin typeface="+mn-lt"/>
                <a:cs typeface="+mn-cs"/>
              </a:defRPr>
            </a:lvl8pPr>
            <a:lvl9pPr marL="3886200" indent="-228600" algn="r" rtl="1" eaLnBrk="1" fontAlgn="base" hangingPunct="1">
              <a:spcBef>
                <a:spcPct val="20000"/>
              </a:spcBef>
              <a:spcAft>
                <a:spcPct val="0"/>
              </a:spcAft>
              <a:buClr>
                <a:schemeClr val="tx1"/>
              </a:buClr>
              <a:buChar char="•"/>
              <a:defRPr sz="1600">
                <a:solidFill>
                  <a:schemeClr val="tx1"/>
                </a:solidFill>
                <a:latin typeface="+mn-lt"/>
                <a:cs typeface="+mn-cs"/>
              </a:defRPr>
            </a:lvl9pPr>
          </a:lstStyle>
          <a:p>
            <a:pPr marL="0" indent="0">
              <a:buNone/>
            </a:pPr>
            <a:r>
              <a:rPr lang="he-IL" sz="2000" b="1" u="sng" kern="0" dirty="0">
                <a:latin typeface="Narkisim" panose="020E0502050101010101" pitchFamily="34" charset="-79"/>
                <a:cs typeface="Narkisim" panose="020E0502050101010101" pitchFamily="34" charset="-79"/>
              </a:rPr>
              <a:t>הזדמנויות</a:t>
            </a:r>
          </a:p>
          <a:p>
            <a:r>
              <a:rPr lang="he-IL" sz="1800" kern="0" dirty="0" smtClean="0">
                <a:latin typeface="Narkisim" panose="020E0502050101010101" pitchFamily="34" charset="-79"/>
                <a:cs typeface="Narkisim" panose="020E0502050101010101" pitchFamily="34" charset="-79"/>
              </a:rPr>
              <a:t>בידודה </a:t>
            </a:r>
            <a:r>
              <a:rPr lang="he-IL" sz="1800" kern="0" dirty="0">
                <a:latin typeface="Narkisim" panose="020E0502050101010101" pitchFamily="34" charset="-79"/>
                <a:cs typeface="Narkisim" panose="020E0502050101010101" pitchFamily="34" charset="-79"/>
              </a:rPr>
              <a:t>של ישראל ולחץ בינלאומי ליצירת הסכם – ריבוי יוזמות.</a:t>
            </a:r>
          </a:p>
          <a:p>
            <a:r>
              <a:rPr lang="he-IL" sz="1800" kern="0" dirty="0" smtClean="0">
                <a:latin typeface="Narkisim" panose="020E0502050101010101" pitchFamily="34" charset="-79"/>
                <a:cs typeface="Narkisim" panose="020E0502050101010101" pitchFamily="34" charset="-79"/>
              </a:rPr>
              <a:t>לחץ </a:t>
            </a:r>
            <a:r>
              <a:rPr lang="he-IL" sz="1800" kern="0" dirty="0">
                <a:latin typeface="Narkisim" panose="020E0502050101010101" pitchFamily="34" charset="-79"/>
                <a:cs typeface="Narkisim" panose="020E0502050101010101" pitchFamily="34" charset="-79"/>
              </a:rPr>
              <a:t>מצרי וישראלי על עזה שמגביר את בידודה, ועשוי לזרז את הפיוס.</a:t>
            </a:r>
          </a:p>
          <a:p>
            <a:r>
              <a:rPr lang="he-IL" sz="1800" kern="0" dirty="0">
                <a:latin typeface="Narkisim" panose="020E0502050101010101" pitchFamily="34" charset="-79"/>
                <a:cs typeface="Narkisim" panose="020E0502050101010101" pitchFamily="34" charset="-79"/>
              </a:rPr>
              <a:t>ר</a:t>
            </a:r>
            <a:r>
              <a:rPr lang="he-IL" sz="1800" kern="0" dirty="0" smtClean="0">
                <a:latin typeface="Narkisim" panose="020E0502050101010101" pitchFamily="34" charset="-79"/>
                <a:cs typeface="Narkisim" panose="020E0502050101010101" pitchFamily="34" charset="-79"/>
              </a:rPr>
              <a:t>וסיה </a:t>
            </a:r>
            <a:r>
              <a:rPr lang="he-IL" sz="1800" kern="0" dirty="0">
                <a:latin typeface="Narkisim" panose="020E0502050101010101" pitchFamily="34" charset="-79"/>
                <a:cs typeface="Narkisim" panose="020E0502050101010101" pitchFamily="34" charset="-79"/>
              </a:rPr>
              <a:t>כשחקן חדש/ישן שמחפש השפעה במזרח התיכון.</a:t>
            </a:r>
          </a:p>
        </p:txBody>
      </p:sp>
    </p:spTree>
    <p:extLst>
      <p:ext uri="{BB962C8B-B14F-4D97-AF65-F5344CB8AC3E}">
        <p14:creationId xmlns:p14="http://schemas.microsoft.com/office/powerpoint/2010/main" val="713685757"/>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bg>
      <p:bgPr>
        <a:blipFill dpi="0" rotWithShape="0">
          <a:blip r:embed="rId4"/>
          <a:srcRect/>
          <a:stretch>
            <a:fillRect/>
          </a:stretch>
        </a:blipFill>
        <a:effectLst/>
      </p:bgPr>
    </p:bg>
    <p:spTree>
      <p:nvGrpSpPr>
        <p:cNvPr id="1" name=""/>
        <p:cNvGrpSpPr/>
        <p:nvPr/>
      </p:nvGrpSpPr>
      <p:grpSpPr>
        <a:xfrm>
          <a:off x="0" y="0"/>
          <a:ext cx="0" cy="0"/>
          <a:chOff x="0" y="0"/>
          <a:chExt cx="0" cy="0"/>
        </a:xfrm>
      </p:grpSpPr>
      <p:sp>
        <p:nvSpPr>
          <p:cNvPr id="2" name="כותרת 1"/>
          <p:cNvSpPr>
            <a:spLocks noGrp="1"/>
          </p:cNvSpPr>
          <p:nvPr>
            <p:ph type="title"/>
          </p:nvPr>
        </p:nvSpPr>
        <p:spPr>
          <a:xfrm>
            <a:off x="539552" y="225425"/>
            <a:ext cx="7705725" cy="683295"/>
          </a:xfrm>
        </p:spPr>
        <p:txBody>
          <a:bodyPr/>
          <a:lstStyle/>
          <a:p>
            <a:pPr algn="ctr"/>
            <a:r>
              <a:rPr lang="he-IL" sz="4000" b="1"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תהליך אסטרטגי – המשך </a:t>
            </a:r>
            <a:r>
              <a:rPr lang="he-IL" sz="2800" b="1"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2) </a:t>
            </a:r>
            <a:endParaRPr lang="he-IL" sz="2800" b="1"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
        <p:nvSpPr>
          <p:cNvPr id="3" name="מציין מיקום תוכן 2"/>
          <p:cNvSpPr>
            <a:spLocks noGrp="1"/>
          </p:cNvSpPr>
          <p:nvPr>
            <p:ph idx="1"/>
          </p:nvPr>
        </p:nvSpPr>
        <p:spPr>
          <a:xfrm>
            <a:off x="0" y="1196752"/>
            <a:ext cx="9114904" cy="4895850"/>
          </a:xfrm>
        </p:spPr>
        <p:txBody>
          <a:bodyPr/>
          <a:lstStyle/>
          <a:p>
            <a:r>
              <a:rPr lang="he-IL" sz="3600" dirty="0" smtClean="0">
                <a:latin typeface="Narkisim" panose="020E0502050101010101" pitchFamily="34" charset="-79"/>
                <a:cs typeface="Narkisim" panose="020E0502050101010101" pitchFamily="34" charset="-79"/>
              </a:rPr>
              <a:t>מערכת האינטרסים הכוללת</a:t>
            </a:r>
          </a:p>
          <a:p>
            <a:r>
              <a:rPr lang="he-IL" sz="3600" dirty="0">
                <a:latin typeface="Narkisim" panose="020E0502050101010101" pitchFamily="34" charset="-79"/>
                <a:cs typeface="Narkisim" panose="020E0502050101010101" pitchFamily="34" charset="-79"/>
              </a:rPr>
              <a:t>אינטרסים אל מול/עם כל "שחקן" במערכת</a:t>
            </a:r>
          </a:p>
          <a:p>
            <a:r>
              <a:rPr lang="he-IL" sz="3600" dirty="0" smtClean="0">
                <a:latin typeface="Narkisim" panose="020E0502050101010101" pitchFamily="34" charset="-79"/>
                <a:cs typeface="Narkisim" panose="020E0502050101010101" pitchFamily="34" charset="-79"/>
              </a:rPr>
              <a:t>הגיון אסטרטגי, תכלית – מטרה – זה הבסיס למערכת המערכות (</a:t>
            </a:r>
            <a:r>
              <a:rPr lang="he-IL" sz="3600" dirty="0" smtClean="0">
                <a:solidFill>
                  <a:srgbClr val="FFFF00"/>
                </a:solidFill>
                <a:latin typeface="Narkisim" panose="020E0502050101010101" pitchFamily="34" charset="-79"/>
                <a:cs typeface="Narkisim" panose="020E0502050101010101" pitchFamily="34" charset="-79"/>
              </a:rPr>
              <a:t>שונות בחשיבה</a:t>
            </a:r>
            <a:r>
              <a:rPr lang="he-IL" sz="3600" dirty="0" smtClean="0">
                <a:latin typeface="Narkisim" panose="020E0502050101010101" pitchFamily="34" charset="-79"/>
                <a:cs typeface="Narkisim" panose="020E0502050101010101" pitchFamily="34" charset="-79"/>
              </a:rPr>
              <a:t>)</a:t>
            </a:r>
          </a:p>
          <a:p>
            <a:r>
              <a:rPr lang="he-IL" sz="3600" dirty="0" smtClean="0">
                <a:latin typeface="Narkisim" panose="020E0502050101010101" pitchFamily="34" charset="-79"/>
                <a:cs typeface="Narkisim" panose="020E0502050101010101" pitchFamily="34" charset="-79"/>
              </a:rPr>
              <a:t>תצורת "מערכת המערכות"</a:t>
            </a:r>
          </a:p>
          <a:p>
            <a:r>
              <a:rPr lang="he-IL" sz="3600" b="1" dirty="0">
                <a:solidFill>
                  <a:srgbClr val="FF0000"/>
                </a:solidFill>
                <a:latin typeface="Narkisim" panose="020E0502050101010101" pitchFamily="34" charset="-79"/>
                <a:cs typeface="Narkisim" panose="020E0502050101010101" pitchFamily="34" charset="-79"/>
              </a:rPr>
              <a:t>הנגדה</a:t>
            </a:r>
          </a:p>
          <a:p>
            <a:r>
              <a:rPr lang="he-IL" sz="3600" dirty="0" smtClean="0">
                <a:latin typeface="Narkisim" panose="020E0502050101010101" pitchFamily="34" charset="-79"/>
                <a:cs typeface="Narkisim" panose="020E0502050101010101" pitchFamily="34" charset="-79"/>
              </a:rPr>
              <a:t>תפוקות, מדיניות ואסטרטגיית פעולה </a:t>
            </a:r>
          </a:p>
          <a:p>
            <a:endParaRPr lang="he-IL" sz="3600" dirty="0" smtClean="0">
              <a:latin typeface="Narkisim" panose="020E0502050101010101" pitchFamily="34" charset="-79"/>
              <a:cs typeface="Narkisim" panose="020E0502050101010101" pitchFamily="34" charset="-79"/>
            </a:endParaRPr>
          </a:p>
          <a:p>
            <a:endParaRPr lang="he-IL" sz="3600" dirty="0">
              <a:latin typeface="Narkisim" panose="020E0502050101010101" pitchFamily="34" charset="-79"/>
              <a:cs typeface="Narkisim" panose="020E0502050101010101" pitchFamily="34" charset="-79"/>
            </a:endParaRPr>
          </a:p>
        </p:txBody>
      </p:sp>
      <p:pic>
        <p:nvPicPr>
          <p:cNvPr id="4" name="מציין מיקום של תמונה מקוונת 1"/>
          <p:cNvPicPr>
            <a:picLocks noChangeAspect="1"/>
          </p:cNvPicPr>
          <p:nvPr/>
        </p:nvPicPr>
        <p:blipFill>
          <a:blip r:embed="rId5">
            <a:extLst>
              <a:ext uri="{28A0092B-C50C-407E-A947-70E740481C1C}">
                <a14:useLocalDpi xmlns:a14="http://schemas.microsoft.com/office/drawing/2010/main" val="0"/>
              </a:ext>
            </a:extLst>
          </a:blip>
          <a:stretch>
            <a:fillRect/>
          </a:stretch>
        </p:blipFill>
        <p:spPr bwMode="auto">
          <a:xfrm>
            <a:off x="7609954" y="27980"/>
            <a:ext cx="1504950" cy="10001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5" name="חץ למטה 4"/>
          <p:cNvSpPr/>
          <p:nvPr/>
        </p:nvSpPr>
        <p:spPr bwMode="auto">
          <a:xfrm>
            <a:off x="5220072" y="5517232"/>
            <a:ext cx="306956" cy="720080"/>
          </a:xfrm>
          <a:prstGeom prst="downArrow">
            <a:avLst/>
          </a:prstGeom>
          <a:solidFill>
            <a:srgbClr val="00B050"/>
          </a:solidFill>
          <a:ln w="9525" cap="flat" cmpd="sng" algn="ctr">
            <a:solidFill>
              <a:schemeClr val="tx1"/>
            </a:solidFill>
            <a:prstDash val="solid"/>
            <a:round/>
            <a:headEnd type="none" w="med" len="med"/>
            <a:tailEnd type="none" w="med" len="med"/>
          </a:ln>
          <a:effectLst/>
          <a:extLst/>
        </p:spPr>
        <p:txBody>
          <a:bodyPr vert="horz" wrap="none" lIns="91440" tIns="45720" rIns="91440" bIns="45720" numCol="1" rtlCol="1"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he-IL" sz="2400" b="0" i="0" u="none" strike="noStrike" cap="none" normalizeH="0" baseline="0" smtClean="0">
              <a:ln>
                <a:noFill/>
              </a:ln>
              <a:solidFill>
                <a:schemeClr val="tx1"/>
              </a:solidFill>
              <a:effectLst/>
              <a:latin typeface="Times New Roman" pitchFamily="18" charset="0"/>
              <a:cs typeface="Times New Roman" pitchFamily="18" charset="0"/>
            </a:endParaRPr>
          </a:p>
        </p:txBody>
      </p:sp>
      <p:sp>
        <p:nvSpPr>
          <p:cNvPr id="6" name="כותרת 1"/>
          <p:cNvSpPr txBox="1">
            <a:spLocks/>
          </p:cNvSpPr>
          <p:nvPr/>
        </p:nvSpPr>
        <p:spPr bwMode="auto">
          <a:xfrm>
            <a:off x="970731" y="6093296"/>
            <a:ext cx="7705725" cy="68329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anchor="b" anchorCtr="0" compatLnSpc="1">
            <a:prstTxWarp prst="textNoShape">
              <a:avLst/>
            </a:prstTxWarp>
          </a:bodyPr>
          <a:lstStyle>
            <a:lvl1pPr algn="r" rtl="1" eaLnBrk="1" fontAlgn="base" hangingPunct="1">
              <a:spcBef>
                <a:spcPct val="0"/>
              </a:spcBef>
              <a:spcAft>
                <a:spcPct val="0"/>
              </a:spcAft>
              <a:defRPr sz="3200">
                <a:solidFill>
                  <a:schemeClr val="tx1"/>
                </a:solidFill>
                <a:latin typeface="+mj-lt"/>
                <a:ea typeface="+mj-ea"/>
                <a:cs typeface="+mj-cs"/>
              </a:defRPr>
            </a:lvl1pPr>
            <a:lvl2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2pPr>
            <a:lvl3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3pPr>
            <a:lvl4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4pPr>
            <a:lvl5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5pPr>
            <a:lvl6pPr marL="4572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6pPr>
            <a:lvl7pPr marL="9144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7pPr>
            <a:lvl8pPr marL="13716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8pPr>
            <a:lvl9pPr marL="18288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9pPr>
          </a:lstStyle>
          <a:p>
            <a:pPr algn="ctr"/>
            <a:r>
              <a:rPr lang="he-IL" sz="4000" b="1" kern="0"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אסטרטגיה מכוננת </a:t>
            </a:r>
            <a:r>
              <a:rPr lang="he-IL" sz="2800" b="1" kern="0"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בואכה</a:t>
            </a:r>
            <a:r>
              <a:rPr lang="he-IL" sz="4000" b="1" kern="0"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 תכנון המערכה </a:t>
            </a:r>
            <a:endParaRPr lang="he-IL" sz="4000" b="1" kern="0"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Tree>
    <p:extLst>
      <p:ext uri="{BB962C8B-B14F-4D97-AF65-F5344CB8AC3E}">
        <p14:creationId xmlns:p14="http://schemas.microsoft.com/office/powerpoint/2010/main" val="2623584169"/>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bg>
      <p:bgPr>
        <a:blipFill dpi="0" rotWithShape="0">
          <a:blip r:embed="rId4"/>
          <a:srcRect/>
          <a:stretch>
            <a:fillRect/>
          </a:stretch>
        </a:blipFill>
        <a:effectLst/>
      </p:bgPr>
    </p:bg>
    <p:spTree>
      <p:nvGrpSpPr>
        <p:cNvPr id="1" name=""/>
        <p:cNvGrpSpPr/>
        <p:nvPr/>
      </p:nvGrpSpPr>
      <p:grpSpPr>
        <a:xfrm>
          <a:off x="0" y="0"/>
          <a:ext cx="0" cy="0"/>
          <a:chOff x="0" y="0"/>
          <a:chExt cx="0" cy="0"/>
        </a:xfrm>
      </p:grpSpPr>
      <p:sp>
        <p:nvSpPr>
          <p:cNvPr id="2" name="כותרת 1"/>
          <p:cNvSpPr>
            <a:spLocks noGrp="1"/>
          </p:cNvSpPr>
          <p:nvPr>
            <p:ph type="title"/>
          </p:nvPr>
        </p:nvSpPr>
        <p:spPr>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p>
            <a:pPr algn="ctr" defTabSz="685983">
              <a:lnSpc>
                <a:spcPct val="90000"/>
              </a:lnSpc>
            </a:pPr>
            <a:r>
              <a:rPr lang="he-IL" sz="3600" b="1" kern="1200" cap="all" dirty="0" smtClean="0">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רשימת האינטרסים הפלסטיניים</a:t>
            </a:r>
            <a:endParaRPr lang="he-IL" sz="3600" b="1" kern="1200" cap="all" dirty="0">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
        <p:nvSpPr>
          <p:cNvPr id="3" name="מציין מיקום תוכן 2"/>
          <p:cNvSpPr>
            <a:spLocks noGrp="1"/>
          </p:cNvSpPr>
          <p:nvPr>
            <p:ph idx="1"/>
          </p:nvPr>
        </p:nvSpPr>
        <p:spPr>
          <a:xfrm>
            <a:off x="0" y="1304924"/>
            <a:ext cx="9144000" cy="5868491"/>
          </a:xfrm>
        </p:spPr>
        <p:txBody>
          <a:bodyPr/>
          <a:lstStyle/>
          <a:p>
            <a:pPr marL="457200" lvl="0" indent="-457200">
              <a:buFont typeface="+mj-lt"/>
              <a:buAutoNum type="arabicPeriod"/>
            </a:pPr>
            <a:r>
              <a:rPr lang="he-IL" sz="2800" b="1" dirty="0">
                <a:latin typeface="Narkisim" panose="020E0502050101010101" pitchFamily="34" charset="-79"/>
                <a:cs typeface="Narkisim" panose="020E0502050101010101" pitchFamily="34" charset="-79"/>
              </a:rPr>
              <a:t>שלטון לאומי אחד</a:t>
            </a:r>
            <a:r>
              <a:rPr lang="he-IL" sz="2800" dirty="0">
                <a:latin typeface="Narkisim" panose="020E0502050101010101" pitchFamily="34" charset="-79"/>
                <a:cs typeface="Narkisim" panose="020E0502050101010101" pitchFamily="34" charset="-79"/>
              </a:rPr>
              <a:t> משותף, </a:t>
            </a:r>
            <a:r>
              <a:rPr lang="he-IL" sz="2800" dirty="0" smtClean="0">
                <a:latin typeface="Narkisim" panose="020E0502050101010101" pitchFamily="34" charset="-79"/>
                <a:cs typeface="Narkisim" panose="020E0502050101010101" pitchFamily="34" charset="-79"/>
              </a:rPr>
              <a:t>יציב, </a:t>
            </a:r>
            <a:r>
              <a:rPr lang="he-IL" sz="2800" dirty="0" err="1" smtClean="0">
                <a:latin typeface="Narkisim" panose="020E0502050101010101" pitchFamily="34" charset="-79"/>
                <a:cs typeface="Narkisim" panose="020E0502050101010101" pitchFamily="34" charset="-79"/>
              </a:rPr>
              <a:t>באיו"ש</a:t>
            </a:r>
            <a:r>
              <a:rPr lang="he-IL" sz="2800" dirty="0" smtClean="0">
                <a:latin typeface="Narkisim" panose="020E0502050101010101" pitchFamily="34" charset="-79"/>
                <a:cs typeface="Narkisim" panose="020E0502050101010101" pitchFamily="34" charset="-79"/>
              </a:rPr>
              <a:t> </a:t>
            </a:r>
            <a:r>
              <a:rPr lang="he-IL" sz="2800" dirty="0">
                <a:latin typeface="Narkisim" panose="020E0502050101010101" pitchFamily="34" charset="-79"/>
                <a:cs typeface="Narkisim" panose="020E0502050101010101" pitchFamily="34" charset="-79"/>
              </a:rPr>
              <a:t>ועזה ולאורך זמן.</a:t>
            </a:r>
            <a:endParaRPr lang="en-US" sz="2800" dirty="0">
              <a:latin typeface="Narkisim" panose="020E0502050101010101" pitchFamily="34" charset="-79"/>
              <a:cs typeface="Narkisim" panose="020E0502050101010101" pitchFamily="34" charset="-79"/>
            </a:endParaRPr>
          </a:p>
          <a:p>
            <a:pPr marL="457200" lvl="0" indent="-457200">
              <a:buFont typeface="+mj-lt"/>
              <a:buAutoNum type="arabicPeriod"/>
            </a:pPr>
            <a:r>
              <a:rPr lang="he-IL" sz="2800" b="1" dirty="0">
                <a:latin typeface="Narkisim" panose="020E0502050101010101" pitchFamily="34" charset="-79"/>
                <a:cs typeface="Narkisim" panose="020E0502050101010101" pitchFamily="34" charset="-79"/>
              </a:rPr>
              <a:t>פיוס </a:t>
            </a:r>
            <a:r>
              <a:rPr lang="he-IL" sz="2800" dirty="0">
                <a:latin typeface="Narkisim" panose="020E0502050101010101" pitchFamily="34" charset="-79"/>
                <a:cs typeface="Narkisim" panose="020E0502050101010101" pitchFamily="34" charset="-79"/>
              </a:rPr>
              <a:t>לאומי פלסטיני עזה </a:t>
            </a:r>
            <a:r>
              <a:rPr lang="he-IL" sz="2800" dirty="0" err="1">
                <a:latin typeface="Narkisim" panose="020E0502050101010101" pitchFamily="34" charset="-79"/>
                <a:cs typeface="Narkisim" panose="020E0502050101010101" pitchFamily="34" charset="-79"/>
              </a:rPr>
              <a:t>ואיו"ש</a:t>
            </a:r>
            <a:r>
              <a:rPr lang="he-IL" sz="2800" dirty="0">
                <a:latin typeface="Narkisim" panose="020E0502050101010101" pitchFamily="34" charset="-79"/>
                <a:cs typeface="Narkisim" panose="020E0502050101010101" pitchFamily="34" charset="-79"/>
              </a:rPr>
              <a:t> שיאפשר ליצור רצף מדינתי.</a:t>
            </a:r>
            <a:endParaRPr lang="en-US" sz="2800" dirty="0">
              <a:latin typeface="Narkisim" panose="020E0502050101010101" pitchFamily="34" charset="-79"/>
              <a:cs typeface="Narkisim" panose="020E0502050101010101" pitchFamily="34" charset="-79"/>
            </a:endParaRPr>
          </a:p>
          <a:p>
            <a:pPr marL="457200" lvl="0" indent="-457200">
              <a:buFont typeface="+mj-lt"/>
              <a:buAutoNum type="arabicPeriod"/>
            </a:pPr>
            <a:r>
              <a:rPr lang="he-IL" sz="2800" dirty="0">
                <a:latin typeface="Narkisim" panose="020E0502050101010101" pitchFamily="34" charset="-79"/>
                <a:cs typeface="Narkisim" panose="020E0502050101010101" pitchFamily="34" charset="-79"/>
              </a:rPr>
              <a:t>שימור הקשרים הכלכליים עם ישראל ואף הרחבתם בהסכם.</a:t>
            </a:r>
            <a:endParaRPr lang="en-US" sz="2800" dirty="0">
              <a:latin typeface="Narkisim" panose="020E0502050101010101" pitchFamily="34" charset="-79"/>
              <a:cs typeface="Narkisim" panose="020E0502050101010101" pitchFamily="34" charset="-79"/>
            </a:endParaRPr>
          </a:p>
          <a:p>
            <a:pPr marL="457200" lvl="0" indent="-457200">
              <a:buFont typeface="+mj-lt"/>
              <a:buAutoNum type="arabicPeriod"/>
            </a:pPr>
            <a:r>
              <a:rPr lang="he-IL" sz="2800" dirty="0">
                <a:latin typeface="Narkisim" panose="020E0502050101010101" pitchFamily="34" charset="-79"/>
                <a:cs typeface="Narkisim" panose="020E0502050101010101" pitchFamily="34" charset="-79"/>
              </a:rPr>
              <a:t>הכרה בינלאומית וחברות מלאה בחבר העמים כמדינה שווה.</a:t>
            </a:r>
            <a:endParaRPr lang="en-US" sz="2800" dirty="0">
              <a:latin typeface="Narkisim" panose="020E0502050101010101" pitchFamily="34" charset="-79"/>
              <a:cs typeface="Narkisim" panose="020E0502050101010101" pitchFamily="34" charset="-79"/>
            </a:endParaRPr>
          </a:p>
          <a:p>
            <a:pPr marL="457200" lvl="0" indent="-457200">
              <a:buFont typeface="+mj-lt"/>
              <a:buAutoNum type="arabicPeriod"/>
            </a:pPr>
            <a:r>
              <a:rPr lang="he-IL" sz="2800" dirty="0">
                <a:latin typeface="Narkisim" panose="020E0502050101010101" pitchFamily="34" charset="-79"/>
                <a:cs typeface="Narkisim" panose="020E0502050101010101" pitchFamily="34" charset="-79"/>
              </a:rPr>
              <a:t>ריבונות בירושלים המזרחית ושליטה </a:t>
            </a:r>
            <a:r>
              <a:rPr lang="he-IL" sz="2800" dirty="0" smtClean="0">
                <a:latin typeface="Narkisim" panose="020E0502050101010101" pitchFamily="34" charset="-79"/>
                <a:cs typeface="Narkisim" panose="020E0502050101010101" pitchFamily="34" charset="-79"/>
              </a:rPr>
              <a:t>בינ"ל </a:t>
            </a:r>
            <a:r>
              <a:rPr lang="he-IL" sz="2800" dirty="0">
                <a:latin typeface="Narkisim" panose="020E0502050101010101" pitchFamily="34" charset="-79"/>
                <a:cs typeface="Narkisim" panose="020E0502050101010101" pitchFamily="34" charset="-79"/>
              </a:rPr>
              <a:t>באזורים הקדושים.</a:t>
            </a:r>
            <a:endParaRPr lang="en-US" sz="2800" dirty="0">
              <a:latin typeface="Narkisim" panose="020E0502050101010101" pitchFamily="34" charset="-79"/>
              <a:cs typeface="Narkisim" panose="020E0502050101010101" pitchFamily="34" charset="-79"/>
            </a:endParaRPr>
          </a:p>
          <a:p>
            <a:pPr marL="457200" lvl="0" indent="-457200">
              <a:buFont typeface="+mj-lt"/>
              <a:buAutoNum type="arabicPeriod"/>
            </a:pPr>
            <a:r>
              <a:rPr lang="he-IL" sz="2800" dirty="0">
                <a:latin typeface="Narkisim" panose="020E0502050101010101" pitchFamily="34" charset="-79"/>
                <a:cs typeface="Narkisim" panose="020E0502050101010101" pitchFamily="34" charset="-79"/>
              </a:rPr>
              <a:t>חזרת פליטים </a:t>
            </a:r>
            <a:r>
              <a:rPr lang="he-IL" sz="2800" dirty="0" err="1">
                <a:latin typeface="Narkisim" panose="020E0502050101010101" pitchFamily="34" charset="-79"/>
                <a:cs typeface="Narkisim" panose="020E0502050101010101" pitchFamily="34" charset="-79"/>
              </a:rPr>
              <a:t>סימלית</a:t>
            </a:r>
            <a:r>
              <a:rPr lang="he-IL" sz="2800" dirty="0">
                <a:latin typeface="Narkisim" panose="020E0502050101010101" pitchFamily="34" charset="-79"/>
                <a:cs typeface="Narkisim" panose="020E0502050101010101" pitchFamily="34" charset="-79"/>
              </a:rPr>
              <a:t> בלבד והשלמת הפער בפיצוי כספי משמעותי. </a:t>
            </a:r>
            <a:endParaRPr lang="en-US" sz="2800" dirty="0">
              <a:latin typeface="Narkisim" panose="020E0502050101010101" pitchFamily="34" charset="-79"/>
              <a:cs typeface="Narkisim" panose="020E0502050101010101" pitchFamily="34" charset="-79"/>
            </a:endParaRPr>
          </a:p>
          <a:p>
            <a:pPr marL="457200" lvl="0" indent="-457200">
              <a:buFont typeface="+mj-lt"/>
              <a:buAutoNum type="arabicPeriod"/>
            </a:pPr>
            <a:r>
              <a:rPr lang="he-IL" sz="2800" dirty="0">
                <a:latin typeface="Narkisim" panose="020E0502050101010101" pitchFamily="34" charset="-79"/>
                <a:cs typeface="Narkisim" panose="020E0502050101010101" pitchFamily="34" charset="-79"/>
              </a:rPr>
              <a:t>עצמאות בתשתיות בסיוע בינ"ל וישראלי: מים, חשמל, תקשורת.</a:t>
            </a:r>
            <a:endParaRPr lang="en-US" sz="2800" dirty="0">
              <a:latin typeface="Narkisim" panose="020E0502050101010101" pitchFamily="34" charset="-79"/>
              <a:cs typeface="Narkisim" panose="020E0502050101010101" pitchFamily="34" charset="-79"/>
            </a:endParaRPr>
          </a:p>
          <a:p>
            <a:pPr marL="457200" lvl="0" indent="-457200">
              <a:buFont typeface="+mj-lt"/>
              <a:buAutoNum type="arabicPeriod"/>
            </a:pPr>
            <a:r>
              <a:rPr lang="he-IL" sz="2800" dirty="0">
                <a:latin typeface="Narkisim" panose="020E0502050101010101" pitchFamily="34" charset="-79"/>
                <a:cs typeface="Narkisim" panose="020E0502050101010101" pitchFamily="34" charset="-79"/>
              </a:rPr>
              <a:t>הפלסטינים אזרחי ישראל נשארים בישראל. </a:t>
            </a:r>
            <a:endParaRPr lang="en-US" sz="2800" dirty="0">
              <a:latin typeface="Narkisim" panose="020E0502050101010101" pitchFamily="34" charset="-79"/>
              <a:cs typeface="Narkisim" panose="020E0502050101010101" pitchFamily="34" charset="-79"/>
            </a:endParaRPr>
          </a:p>
          <a:p>
            <a:pPr marL="457200" lvl="0" indent="-457200">
              <a:buFont typeface="+mj-lt"/>
              <a:buAutoNum type="arabicPeriod"/>
            </a:pPr>
            <a:r>
              <a:rPr lang="he-IL" sz="2800" dirty="0">
                <a:latin typeface="Narkisim" panose="020E0502050101010101" pitchFamily="34" charset="-79"/>
                <a:cs typeface="Narkisim" panose="020E0502050101010101" pitchFamily="34" charset="-79"/>
              </a:rPr>
              <a:t>הסכם בינלאומי רחב בהובלת האמריקאים ובתמיכה של ירדן, מצרים </a:t>
            </a:r>
            <a:r>
              <a:rPr lang="he-IL" sz="2800" dirty="0" err="1">
                <a:latin typeface="Narkisim" panose="020E0502050101010101" pitchFamily="34" charset="-79"/>
                <a:cs typeface="Narkisim" panose="020E0502050101010101" pitchFamily="34" charset="-79"/>
              </a:rPr>
              <a:t>והמפרציות</a:t>
            </a:r>
            <a:r>
              <a:rPr lang="he-IL" sz="2800" dirty="0">
                <a:latin typeface="Narkisim" panose="020E0502050101010101" pitchFamily="34" charset="-79"/>
                <a:cs typeface="Narkisim" panose="020E0502050101010101" pitchFamily="34" charset="-79"/>
              </a:rPr>
              <a:t> כמנוף לעמידה ישראלית בהסכם בעתיד. </a:t>
            </a:r>
            <a:endParaRPr lang="en-US" sz="2800" dirty="0">
              <a:latin typeface="Narkisim" panose="020E0502050101010101" pitchFamily="34" charset="-79"/>
              <a:cs typeface="Narkisim" panose="020E0502050101010101" pitchFamily="34" charset="-79"/>
            </a:endParaRPr>
          </a:p>
          <a:p>
            <a:pPr marL="457200" lvl="0" indent="-457200">
              <a:buFont typeface="+mj-lt"/>
              <a:buAutoNum type="arabicPeriod"/>
            </a:pPr>
            <a:r>
              <a:rPr lang="he-IL" sz="2800" dirty="0">
                <a:latin typeface="Narkisim" panose="020E0502050101010101" pitchFamily="34" charset="-79"/>
                <a:cs typeface="Narkisim" panose="020E0502050101010101" pitchFamily="34" charset="-79"/>
              </a:rPr>
              <a:t>שליטה בתקציב אחוד לאומי</a:t>
            </a:r>
            <a:r>
              <a:rPr lang="he-IL" sz="2800" dirty="0" smtClean="0">
                <a:latin typeface="Narkisim" panose="020E0502050101010101" pitchFamily="34" charset="-79"/>
                <a:cs typeface="Narkisim" panose="020E0502050101010101" pitchFamily="34" charset="-79"/>
              </a:rPr>
              <a:t>.</a:t>
            </a:r>
            <a:r>
              <a:rPr lang="he-IL" sz="3200" dirty="0" smtClean="0">
                <a:latin typeface="Narkisim" panose="020E0502050101010101" pitchFamily="34" charset="-79"/>
                <a:cs typeface="Narkisim" panose="020E0502050101010101" pitchFamily="34" charset="-79"/>
              </a:rPr>
              <a:t> </a:t>
            </a:r>
            <a:endParaRPr lang="he-IL" sz="3200" dirty="0">
              <a:latin typeface="Narkisim" panose="020E0502050101010101" pitchFamily="34" charset="-79"/>
              <a:cs typeface="Narkisim" panose="020E0502050101010101" pitchFamily="34" charset="-79"/>
            </a:endParaRPr>
          </a:p>
        </p:txBody>
      </p:sp>
    </p:spTree>
    <p:extLst>
      <p:ext uri="{BB962C8B-B14F-4D97-AF65-F5344CB8AC3E}">
        <p14:creationId xmlns:p14="http://schemas.microsoft.com/office/powerpoint/2010/main" val="3303726939"/>
      </p:ext>
    </p:extLst>
  </p:cSld>
  <p:clrMapOvr>
    <a:overrideClrMapping bg1="lt1" tx1="dk1" bg2="lt2" tx2="dk2" accent1="accent1" accent2="accent2" accent3="accent3" accent4="accent4" accent5="accent5" accent6="accent6" hlink="hlink" folHlink="folHlink"/>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p:cNvSpPr>
            <a:spLocks noGrp="1"/>
          </p:cNvSpPr>
          <p:nvPr>
            <p:ph type="title"/>
          </p:nvPr>
        </p:nvSpPr>
        <p:spPr>
          <a:xfrm>
            <a:off x="1042987" y="-99392"/>
            <a:ext cx="7705725" cy="863600"/>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p>
            <a:pPr algn="ctr" defTabSz="685983">
              <a:lnSpc>
                <a:spcPct val="90000"/>
              </a:lnSpc>
            </a:pPr>
            <a:r>
              <a:rPr lang="he-IL" sz="3600" b="1" kern="1200" cap="all" dirty="0" smtClean="0">
                <a:solidFill>
                  <a:srgbClr val="240759"/>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מורכבות </a:t>
            </a:r>
            <a:r>
              <a:rPr lang="he-IL" sz="3600" b="1" kern="1200" cap="all" dirty="0" smtClean="0">
                <a:solidFill>
                  <a:srgbClr val="240759"/>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בדרך להשגת האינטרסים</a:t>
            </a:r>
            <a:endParaRPr lang="he-IL" sz="3600" b="1" kern="1200" cap="all" dirty="0">
              <a:solidFill>
                <a:srgbClr val="240759"/>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
        <p:nvSpPr>
          <p:cNvPr id="3" name="מציין מיקום תוכן 2"/>
          <p:cNvSpPr>
            <a:spLocks noGrp="1"/>
          </p:cNvSpPr>
          <p:nvPr>
            <p:ph idx="1"/>
          </p:nvPr>
        </p:nvSpPr>
        <p:spPr>
          <a:xfrm>
            <a:off x="0" y="1341462"/>
            <a:ext cx="8964488" cy="5399906"/>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r>
              <a:rPr lang="he-IL" dirty="0" smtClean="0">
                <a:latin typeface="Narkisim" panose="020E0502050101010101" pitchFamily="34" charset="-79"/>
                <a:cs typeface="Narkisim" panose="020E0502050101010101" pitchFamily="34" charset="-79"/>
              </a:rPr>
              <a:t>קשב </a:t>
            </a:r>
            <a:r>
              <a:rPr lang="he-IL" dirty="0">
                <a:latin typeface="Narkisim" panose="020E0502050101010101" pitchFamily="34" charset="-79"/>
                <a:cs typeface="Narkisim" panose="020E0502050101010101" pitchFamily="34" charset="-79"/>
              </a:rPr>
              <a:t>בינ"ל נמוך- מורכבות גבוהה של אינטרסים מנוגדים.</a:t>
            </a:r>
            <a:endParaRPr lang="en-US" dirty="0">
              <a:latin typeface="Narkisim" panose="020E0502050101010101" pitchFamily="34" charset="-79"/>
              <a:cs typeface="Narkisim" panose="020E0502050101010101" pitchFamily="34" charset="-79"/>
            </a:endParaRPr>
          </a:p>
          <a:p>
            <a:r>
              <a:rPr lang="he-IL" dirty="0">
                <a:latin typeface="Narkisim" panose="020E0502050101010101" pitchFamily="34" charset="-79"/>
                <a:cs typeface="Narkisim" panose="020E0502050101010101" pitchFamily="34" charset="-79"/>
              </a:rPr>
              <a:t>תלות מלאה בישראל, כלכלית וביטחונית </a:t>
            </a:r>
            <a:r>
              <a:rPr lang="he-IL" dirty="0" err="1">
                <a:latin typeface="Narkisim" panose="020E0502050101010101" pitchFamily="34" charset="-79"/>
                <a:cs typeface="Narkisim" panose="020E0502050101010101" pitchFamily="34" charset="-79"/>
              </a:rPr>
              <a:t>באיו"ש</a:t>
            </a:r>
            <a:r>
              <a:rPr lang="he-IL" dirty="0">
                <a:latin typeface="Narkisim" panose="020E0502050101010101" pitchFamily="34" charset="-79"/>
                <a:cs typeface="Narkisim" panose="020E0502050101010101" pitchFamily="34" charset="-79"/>
              </a:rPr>
              <a:t>.</a:t>
            </a:r>
            <a:endParaRPr lang="en-US" dirty="0">
              <a:latin typeface="Narkisim" panose="020E0502050101010101" pitchFamily="34" charset="-79"/>
              <a:cs typeface="Narkisim" panose="020E0502050101010101" pitchFamily="34" charset="-79"/>
            </a:endParaRPr>
          </a:p>
          <a:p>
            <a:r>
              <a:rPr lang="he-IL" dirty="0">
                <a:latin typeface="Narkisim" panose="020E0502050101010101" pitchFamily="34" charset="-79"/>
                <a:cs typeface="Narkisim" panose="020E0502050101010101" pitchFamily="34" charset="-79"/>
              </a:rPr>
              <a:t>את מי אנחנו מייצגים באמת: </a:t>
            </a:r>
            <a:r>
              <a:rPr lang="he-IL" dirty="0" err="1">
                <a:latin typeface="Narkisim" panose="020E0502050101010101" pitchFamily="34" charset="-79"/>
                <a:cs typeface="Narkisim" panose="020E0502050101010101" pitchFamily="34" charset="-79"/>
              </a:rPr>
              <a:t>אש"פ</a:t>
            </a:r>
            <a:r>
              <a:rPr lang="he-IL" dirty="0">
                <a:latin typeface="Narkisim" panose="020E0502050101010101" pitchFamily="34" charset="-79"/>
                <a:cs typeface="Narkisim" panose="020E0502050101010101" pitchFamily="34" charset="-79"/>
              </a:rPr>
              <a:t>, פת"ח, רשות פלסטינית?</a:t>
            </a:r>
            <a:endParaRPr lang="en-US" dirty="0">
              <a:latin typeface="Narkisim" panose="020E0502050101010101" pitchFamily="34" charset="-79"/>
              <a:cs typeface="Narkisim" panose="020E0502050101010101" pitchFamily="34" charset="-79"/>
            </a:endParaRPr>
          </a:p>
          <a:p>
            <a:r>
              <a:rPr lang="he-IL" dirty="0">
                <a:latin typeface="Narkisim" panose="020E0502050101010101" pitchFamily="34" charset="-79"/>
                <a:cs typeface="Narkisim" panose="020E0502050101010101" pitchFamily="34" charset="-79"/>
              </a:rPr>
              <a:t>חמאס בעזה.</a:t>
            </a:r>
            <a:endParaRPr lang="en-US" dirty="0">
              <a:latin typeface="Narkisim" panose="020E0502050101010101" pitchFamily="34" charset="-79"/>
              <a:cs typeface="Narkisim" panose="020E0502050101010101" pitchFamily="34" charset="-79"/>
            </a:endParaRPr>
          </a:p>
          <a:p>
            <a:r>
              <a:rPr lang="he-IL" dirty="0">
                <a:latin typeface="Narkisim" panose="020E0502050101010101" pitchFamily="34" charset="-79"/>
                <a:cs typeface="Narkisim" panose="020E0502050101010101" pitchFamily="34" charset="-79"/>
              </a:rPr>
              <a:t>רתימת הרחוב הפלסטיני, בדגש על הצעירים אל מול נרטיב ההתנגדות </a:t>
            </a:r>
            <a:r>
              <a:rPr lang="he-IL" dirty="0" smtClean="0">
                <a:latin typeface="Narkisim" panose="020E0502050101010101" pitchFamily="34" charset="-79"/>
                <a:cs typeface="Narkisim" panose="020E0502050101010101" pitchFamily="34" charset="-79"/>
              </a:rPr>
              <a:t>ברחוב.</a:t>
            </a:r>
            <a:endParaRPr lang="en-US" dirty="0">
              <a:latin typeface="Narkisim" panose="020E0502050101010101" pitchFamily="34" charset="-79"/>
              <a:cs typeface="Narkisim" panose="020E0502050101010101" pitchFamily="34" charset="-79"/>
            </a:endParaRPr>
          </a:p>
          <a:p>
            <a:r>
              <a:rPr lang="he-IL" dirty="0">
                <a:latin typeface="Narkisim" panose="020E0502050101010101" pitchFamily="34" charset="-79"/>
                <a:cs typeface="Narkisim" panose="020E0502050101010101" pitchFamily="34" charset="-79"/>
              </a:rPr>
              <a:t>ארגז כלים חסר- כלכלי, מדיני, ביטחוני, לאומי.</a:t>
            </a:r>
            <a:endParaRPr lang="en-US" dirty="0">
              <a:latin typeface="Narkisim" panose="020E0502050101010101" pitchFamily="34" charset="-79"/>
              <a:cs typeface="Narkisim" panose="020E0502050101010101" pitchFamily="34" charset="-79"/>
            </a:endParaRPr>
          </a:p>
          <a:p>
            <a:r>
              <a:rPr lang="he-IL" dirty="0" err="1">
                <a:latin typeface="Narkisim" panose="020E0502050101010101" pitchFamily="34" charset="-79"/>
                <a:cs typeface="Narkisim" panose="020E0502050101010101" pitchFamily="34" charset="-79"/>
              </a:rPr>
              <a:t>אג'נדות</a:t>
            </a:r>
            <a:r>
              <a:rPr lang="he-IL" dirty="0">
                <a:latin typeface="Narkisim" panose="020E0502050101010101" pitchFamily="34" charset="-79"/>
                <a:cs typeface="Narkisim" panose="020E0502050101010101" pitchFamily="34" charset="-79"/>
              </a:rPr>
              <a:t> מתחרות: חמאס-רשות, דתיים-חילוניים, פנים-חוץ, אשף-</a:t>
            </a:r>
            <a:r>
              <a:rPr lang="he-IL" dirty="0" err="1">
                <a:latin typeface="Narkisim" panose="020E0502050101010101" pitchFamily="34" charset="-79"/>
                <a:cs typeface="Narkisim" panose="020E0502050101010101" pitchFamily="34" charset="-79"/>
              </a:rPr>
              <a:t>רשפ</a:t>
            </a:r>
            <a:r>
              <a:rPr lang="he-IL" dirty="0">
                <a:latin typeface="Narkisim" panose="020E0502050101010101" pitchFamily="34" charset="-79"/>
                <a:cs typeface="Narkisim" panose="020E0502050101010101" pitchFamily="34" charset="-79"/>
              </a:rPr>
              <a:t>.</a:t>
            </a:r>
            <a:endParaRPr lang="en-US" dirty="0">
              <a:latin typeface="Narkisim" panose="020E0502050101010101" pitchFamily="34" charset="-79"/>
              <a:cs typeface="Narkisim" panose="020E0502050101010101" pitchFamily="34" charset="-79"/>
            </a:endParaRPr>
          </a:p>
          <a:p>
            <a:r>
              <a:rPr lang="he-IL" dirty="0">
                <a:latin typeface="Narkisim" panose="020E0502050101010101" pitchFamily="34" charset="-79"/>
                <a:cs typeface="Narkisim" panose="020E0502050101010101" pitchFamily="34" charset="-79"/>
              </a:rPr>
              <a:t>היעדר יורש טבעי לאבו מאזן.</a:t>
            </a:r>
            <a:endParaRPr lang="en-US" dirty="0">
              <a:latin typeface="Narkisim" panose="020E0502050101010101" pitchFamily="34" charset="-79"/>
              <a:cs typeface="Narkisim" panose="020E0502050101010101" pitchFamily="34" charset="-79"/>
            </a:endParaRPr>
          </a:p>
          <a:p>
            <a:r>
              <a:rPr lang="he-IL" dirty="0">
                <a:latin typeface="Narkisim" panose="020E0502050101010101" pitchFamily="34" charset="-79"/>
                <a:cs typeface="Narkisim" panose="020E0502050101010101" pitchFamily="34" charset="-79"/>
              </a:rPr>
              <a:t>פינוי ערים וגושי ההתנחלויות – אובייקטיבית אירוע מורכב.</a:t>
            </a:r>
            <a:endParaRPr lang="en-US" dirty="0">
              <a:latin typeface="Narkisim" panose="020E0502050101010101" pitchFamily="34" charset="-79"/>
              <a:cs typeface="Narkisim" panose="020E0502050101010101" pitchFamily="34" charset="-79"/>
            </a:endParaRPr>
          </a:p>
          <a:p>
            <a:r>
              <a:rPr lang="he-IL" dirty="0">
                <a:latin typeface="Narkisim" panose="020E0502050101010101" pitchFamily="34" charset="-79"/>
                <a:cs typeface="Narkisim" panose="020E0502050101010101" pitchFamily="34" charset="-79"/>
              </a:rPr>
              <a:t>ארה"ב לצד ישראל.</a:t>
            </a:r>
            <a:endParaRPr lang="en-US" dirty="0">
              <a:latin typeface="Narkisim" panose="020E0502050101010101" pitchFamily="34" charset="-79"/>
              <a:cs typeface="Narkisim" panose="020E0502050101010101" pitchFamily="34" charset="-79"/>
            </a:endParaRPr>
          </a:p>
          <a:p>
            <a:r>
              <a:rPr lang="he-IL" dirty="0">
                <a:latin typeface="Narkisim" panose="020E0502050101010101" pitchFamily="34" charset="-79"/>
                <a:cs typeface="Narkisim" panose="020E0502050101010101" pitchFamily="34" charset="-79"/>
              </a:rPr>
              <a:t>ארבעה עמים שצריך לחבר: עזה, </a:t>
            </a:r>
            <a:r>
              <a:rPr lang="he-IL" dirty="0" err="1">
                <a:latin typeface="Narkisim" panose="020E0502050101010101" pitchFamily="34" charset="-79"/>
                <a:cs typeface="Narkisim" panose="020E0502050101010101" pitchFamily="34" charset="-79"/>
              </a:rPr>
              <a:t>איו"ש</a:t>
            </a:r>
            <a:r>
              <a:rPr lang="he-IL" dirty="0">
                <a:latin typeface="Narkisim" panose="020E0502050101010101" pitchFamily="34" charset="-79"/>
                <a:cs typeface="Narkisim" panose="020E0502050101010101" pitchFamily="34" charset="-79"/>
              </a:rPr>
              <a:t>, מזרח ירושלים?, ערביי ישראל?</a:t>
            </a:r>
            <a:endParaRPr lang="en-US" dirty="0">
              <a:latin typeface="Narkisim" panose="020E0502050101010101" pitchFamily="34" charset="-79"/>
              <a:cs typeface="Narkisim" panose="020E0502050101010101" pitchFamily="34" charset="-79"/>
            </a:endParaRPr>
          </a:p>
          <a:p>
            <a:endParaRPr lang="he-IL" sz="2600" dirty="0">
              <a:latin typeface="Narkisim" panose="020E0502050101010101" pitchFamily="34" charset="-79"/>
              <a:cs typeface="Narkisim" panose="020E0502050101010101" pitchFamily="34" charset="-79"/>
            </a:endParaRPr>
          </a:p>
          <a:p>
            <a:endParaRPr lang="he-IL" sz="2600" dirty="0">
              <a:latin typeface="Narkisim" panose="020E0502050101010101" pitchFamily="34" charset="-79"/>
              <a:cs typeface="Narkisim" panose="020E0502050101010101" pitchFamily="34" charset="-79"/>
            </a:endParaRPr>
          </a:p>
        </p:txBody>
      </p:sp>
    </p:spTree>
    <p:extLst>
      <p:ext uri="{BB962C8B-B14F-4D97-AF65-F5344CB8AC3E}">
        <p14:creationId xmlns:p14="http://schemas.microsoft.com/office/powerpoint/2010/main" val="411209227"/>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p:cNvSpPr>
            <a:spLocks noGrp="1"/>
          </p:cNvSpPr>
          <p:nvPr>
            <p:ph type="title"/>
          </p:nvPr>
        </p:nvSpPr>
        <p:spPr>
          <a:xfrm>
            <a:off x="1042987" y="260648"/>
            <a:ext cx="7705725" cy="863600"/>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p>
            <a:pPr algn="ctr" defTabSz="685983">
              <a:lnSpc>
                <a:spcPct val="90000"/>
              </a:lnSpc>
            </a:pPr>
            <a:r>
              <a:rPr lang="he-IL" sz="3600" b="1" kern="1200" cap="all" dirty="0" smtClean="0">
                <a:solidFill>
                  <a:srgbClr val="240759"/>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השחקן הפלסטיני</a:t>
            </a:r>
            <a:endParaRPr lang="he-IL" sz="3600" b="1" kern="1200" cap="all" dirty="0">
              <a:solidFill>
                <a:srgbClr val="240759"/>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
        <p:nvSpPr>
          <p:cNvPr id="3" name="מציין מיקום תוכן 2"/>
          <p:cNvSpPr>
            <a:spLocks noGrp="1"/>
          </p:cNvSpPr>
          <p:nvPr>
            <p:ph idx="1"/>
          </p:nvPr>
        </p:nvSpPr>
        <p:spPr>
          <a:xfrm>
            <a:off x="0" y="1348877"/>
            <a:ext cx="9144000" cy="5752531"/>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he-IL" sz="2800" dirty="0">
                <a:latin typeface="Narkisim" panose="020E0502050101010101" pitchFamily="34" charset="-79"/>
                <a:cs typeface="Narkisim" panose="020E0502050101010101" pitchFamily="34" charset="-79"/>
              </a:rPr>
              <a:t>המערכת מכילה "שחקנים" רבים </a:t>
            </a:r>
            <a:r>
              <a:rPr lang="he-IL" sz="2800" dirty="0" smtClean="0">
                <a:latin typeface="Narkisim" panose="020E0502050101010101" pitchFamily="34" charset="-79"/>
                <a:cs typeface="Narkisim" panose="020E0502050101010101" pitchFamily="34" charset="-79"/>
              </a:rPr>
              <a:t>כשהמובילים/</a:t>
            </a:r>
            <a:r>
              <a:rPr lang="he-IL" sz="2800" dirty="0" err="1" smtClean="0">
                <a:latin typeface="Narkisim" panose="020E0502050101010101" pitchFamily="34" charset="-79"/>
                <a:cs typeface="Narkisim" panose="020E0502050101010101" pitchFamily="34" charset="-79"/>
              </a:rPr>
              <a:t>ות</a:t>
            </a:r>
            <a:r>
              <a:rPr lang="he-IL" sz="2800" dirty="0" smtClean="0">
                <a:latin typeface="Narkisim" panose="020E0502050101010101" pitchFamily="34" charset="-79"/>
                <a:cs typeface="Narkisim" panose="020E0502050101010101" pitchFamily="34" charset="-79"/>
              </a:rPr>
              <a:t> - </a:t>
            </a:r>
            <a:r>
              <a:rPr lang="he-IL" sz="2800" dirty="0">
                <a:latin typeface="Narkisim" panose="020E0502050101010101" pitchFamily="34" charset="-79"/>
                <a:cs typeface="Narkisim" panose="020E0502050101010101" pitchFamily="34" charset="-79"/>
              </a:rPr>
              <a:t>הרש"פ </a:t>
            </a:r>
            <a:r>
              <a:rPr lang="he-IL" dirty="0">
                <a:latin typeface="Narkisim" panose="020E0502050101010101" pitchFamily="34" charset="-79"/>
                <a:cs typeface="Narkisim" panose="020E0502050101010101" pitchFamily="34" charset="-79"/>
              </a:rPr>
              <a:t>והחמאס. </a:t>
            </a:r>
            <a:endParaRPr lang="en-US" dirty="0">
              <a:latin typeface="Narkisim" panose="020E0502050101010101" pitchFamily="34" charset="-79"/>
              <a:cs typeface="Narkisim" panose="020E0502050101010101" pitchFamily="34" charset="-79"/>
            </a:endParaRPr>
          </a:p>
          <a:p>
            <a:pPr lvl="0"/>
            <a:r>
              <a:rPr lang="he-IL" sz="2800" dirty="0">
                <a:latin typeface="Narkisim" panose="020E0502050101010101" pitchFamily="34" charset="-79"/>
                <a:cs typeface="Narkisim" panose="020E0502050101010101" pitchFamily="34" charset="-79"/>
              </a:rPr>
              <a:t>אש"ף כנציג הבלעדי של העם </a:t>
            </a:r>
            <a:r>
              <a:rPr lang="he-IL" sz="2800" dirty="0" smtClean="0">
                <a:latin typeface="Narkisim" panose="020E0502050101010101" pitchFamily="34" charset="-79"/>
                <a:cs typeface="Narkisim" panose="020E0502050101010101" pitchFamily="34" charset="-79"/>
              </a:rPr>
              <a:t>הפלסטיני.</a:t>
            </a:r>
          </a:p>
          <a:p>
            <a:pPr lvl="0"/>
            <a:r>
              <a:rPr lang="he-IL" sz="2800" dirty="0" smtClean="0">
                <a:latin typeface="Narkisim" panose="020E0502050101010101" pitchFamily="34" charset="-79"/>
                <a:cs typeface="Narkisim" panose="020E0502050101010101" pitchFamily="34" charset="-79"/>
              </a:rPr>
              <a:t>השפעה </a:t>
            </a:r>
            <a:r>
              <a:rPr lang="he-IL" sz="2800" dirty="0">
                <a:latin typeface="Narkisim" panose="020E0502050101010101" pitchFamily="34" charset="-79"/>
                <a:cs typeface="Narkisim" panose="020E0502050101010101" pitchFamily="34" charset="-79"/>
              </a:rPr>
              <a:t>גוברת לדור </a:t>
            </a:r>
            <a:r>
              <a:rPr lang="he-IL" sz="2800" dirty="0" smtClean="0">
                <a:latin typeface="Narkisim" panose="020E0502050101010101" pitchFamily="34" charset="-79"/>
                <a:cs typeface="Narkisim" panose="020E0502050101010101" pitchFamily="34" charset="-79"/>
              </a:rPr>
              <a:t>הצעירים</a:t>
            </a:r>
          </a:p>
          <a:p>
            <a:pPr lvl="0"/>
            <a:r>
              <a:rPr lang="he-IL" sz="2800" dirty="0" smtClean="0">
                <a:latin typeface="Narkisim" panose="020E0502050101010101" pitchFamily="34" charset="-79"/>
                <a:cs typeface="Narkisim" panose="020E0502050101010101" pitchFamily="34" charset="-79"/>
              </a:rPr>
              <a:t>ריבוי </a:t>
            </a:r>
            <a:r>
              <a:rPr lang="he-IL" sz="2800" dirty="0">
                <a:latin typeface="Narkisim" panose="020E0502050101010101" pitchFamily="34" charset="-79"/>
                <a:cs typeface="Narkisim" panose="020E0502050101010101" pitchFamily="34" charset="-79"/>
              </a:rPr>
              <a:t>אוכלוסין גבוה מאוד במיוחד בעזה לצד שטח אדמה מצומצם יוביל בעתיד לצפיפות מסוכנת העשויה להשפיע על </a:t>
            </a:r>
            <a:r>
              <a:rPr lang="he-IL" sz="2800" dirty="0" err="1" smtClean="0">
                <a:latin typeface="Narkisim" panose="020E0502050101010101" pitchFamily="34" charset="-79"/>
                <a:cs typeface="Narkisim" panose="020E0502050101010101" pitchFamily="34" charset="-79"/>
              </a:rPr>
              <a:t>הביטל"ם</a:t>
            </a:r>
            <a:r>
              <a:rPr lang="he-IL" sz="2800" dirty="0" smtClean="0">
                <a:latin typeface="Narkisim" panose="020E0502050101010101" pitchFamily="34" charset="-79"/>
                <a:cs typeface="Narkisim" panose="020E0502050101010101" pitchFamily="34" charset="-79"/>
              </a:rPr>
              <a:t>.</a:t>
            </a:r>
            <a:endParaRPr lang="en-US" sz="2800" dirty="0">
              <a:latin typeface="Narkisim" panose="020E0502050101010101" pitchFamily="34" charset="-79"/>
              <a:cs typeface="Narkisim" panose="020E0502050101010101" pitchFamily="34" charset="-79"/>
            </a:endParaRPr>
          </a:p>
          <a:p>
            <a:pPr lvl="0"/>
            <a:r>
              <a:rPr lang="he-IL" sz="2800" dirty="0">
                <a:latin typeface="Narkisim" panose="020E0502050101010101" pitchFamily="34" charset="-79"/>
                <a:cs typeface="Narkisim" panose="020E0502050101010101" pitchFamily="34" charset="-79"/>
              </a:rPr>
              <a:t>מיליטנטיות הולכת וגוברת של הדור הצעיר משפיעה על היכולת להביא להסכם הוגן מהצד הישראלי, </a:t>
            </a:r>
            <a:r>
              <a:rPr lang="he-IL" sz="2800" dirty="0" smtClean="0">
                <a:latin typeface="Narkisim" panose="020E0502050101010101" pitchFamily="34" charset="-79"/>
                <a:cs typeface="Narkisim" panose="020E0502050101010101" pitchFamily="34" charset="-79"/>
              </a:rPr>
              <a:t>ויתורים </a:t>
            </a:r>
            <a:r>
              <a:rPr lang="he-IL" sz="2800" dirty="0">
                <a:latin typeface="Narkisim" panose="020E0502050101010101" pitchFamily="34" charset="-79"/>
                <a:cs typeface="Narkisim" panose="020E0502050101010101" pitchFamily="34" charset="-79"/>
              </a:rPr>
              <a:t>הם מחויבי </a:t>
            </a:r>
            <a:r>
              <a:rPr lang="he-IL" sz="2800" dirty="0" smtClean="0">
                <a:latin typeface="Narkisim" panose="020E0502050101010101" pitchFamily="34" charset="-79"/>
                <a:cs typeface="Narkisim" panose="020E0502050101010101" pitchFamily="34" charset="-79"/>
              </a:rPr>
              <a:t>המציאות.</a:t>
            </a:r>
            <a:endParaRPr lang="en-US" sz="2800" dirty="0">
              <a:latin typeface="Narkisim" panose="020E0502050101010101" pitchFamily="34" charset="-79"/>
              <a:cs typeface="Narkisim" panose="020E0502050101010101" pitchFamily="34" charset="-79"/>
            </a:endParaRPr>
          </a:p>
          <a:p>
            <a:pPr lvl="0"/>
            <a:r>
              <a:rPr lang="he-IL" sz="2800" dirty="0">
                <a:latin typeface="Narkisim" panose="020E0502050101010101" pitchFamily="34" charset="-79"/>
                <a:cs typeface="Narkisim" panose="020E0502050101010101" pitchFamily="34" charset="-79"/>
              </a:rPr>
              <a:t>כלכלית ישנן שתי כלכלות נפרדות בין עזה </a:t>
            </a:r>
            <a:r>
              <a:rPr lang="he-IL" sz="2800" dirty="0" err="1">
                <a:latin typeface="Narkisim" panose="020E0502050101010101" pitchFamily="34" charset="-79"/>
                <a:cs typeface="Narkisim" panose="020E0502050101010101" pitchFamily="34" charset="-79"/>
              </a:rPr>
              <a:t>לאיו"ש</a:t>
            </a:r>
            <a:r>
              <a:rPr lang="he-IL" sz="2800" dirty="0">
                <a:latin typeface="Narkisim" panose="020E0502050101010101" pitchFamily="34" charset="-79"/>
                <a:cs typeface="Narkisim" panose="020E0502050101010101" pitchFamily="34" charset="-79"/>
              </a:rPr>
              <a:t> ששתיהן גם יחד תלויות באופן משמעותי בישראל הן בשל "המצור" הישראלי וסגירת מעבר רפיח המצרי והן בשל העסקת מעל 100 אלף עובדים בישראל</a:t>
            </a:r>
            <a:r>
              <a:rPr lang="he-IL" sz="2800" dirty="0" smtClean="0">
                <a:latin typeface="Narkisim" panose="020E0502050101010101" pitchFamily="34" charset="-79"/>
                <a:cs typeface="Narkisim" panose="020E0502050101010101" pitchFamily="34" charset="-79"/>
              </a:rPr>
              <a:t>.</a:t>
            </a:r>
            <a:endParaRPr lang="en-US" sz="2800" dirty="0">
              <a:latin typeface="Narkisim" panose="020E0502050101010101" pitchFamily="34" charset="-79"/>
              <a:cs typeface="Narkisim" panose="020E0502050101010101" pitchFamily="34" charset="-79"/>
            </a:endParaRPr>
          </a:p>
        </p:txBody>
      </p:sp>
    </p:spTree>
    <p:extLst>
      <p:ext uri="{BB962C8B-B14F-4D97-AF65-F5344CB8AC3E}">
        <p14:creationId xmlns:p14="http://schemas.microsoft.com/office/powerpoint/2010/main" val="1616790588"/>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p:cNvSpPr>
            <a:spLocks noGrp="1"/>
          </p:cNvSpPr>
          <p:nvPr>
            <p:ph type="title"/>
          </p:nvPr>
        </p:nvSpPr>
        <p:spPr>
          <a:xfrm>
            <a:off x="1042987" y="260648"/>
            <a:ext cx="7705725" cy="863600"/>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p>
            <a:pPr algn="ctr" defTabSz="685983">
              <a:lnSpc>
                <a:spcPct val="90000"/>
              </a:lnSpc>
            </a:pPr>
            <a:r>
              <a:rPr lang="he-IL" sz="3600" b="1" kern="1200" cap="all" dirty="0" smtClean="0">
                <a:solidFill>
                  <a:srgbClr val="240759"/>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השחקן </a:t>
            </a:r>
            <a:r>
              <a:rPr lang="he-IL" sz="3600" b="1" kern="1200" cap="all" dirty="0" smtClean="0">
                <a:solidFill>
                  <a:srgbClr val="240759"/>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הפלסטיני (2)</a:t>
            </a:r>
            <a:endParaRPr lang="he-IL" sz="3600" b="1" kern="1200" cap="all" dirty="0">
              <a:solidFill>
                <a:srgbClr val="240759"/>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
        <p:nvSpPr>
          <p:cNvPr id="3" name="מציין מיקום תוכן 2"/>
          <p:cNvSpPr>
            <a:spLocks noGrp="1"/>
          </p:cNvSpPr>
          <p:nvPr>
            <p:ph idx="1"/>
          </p:nvPr>
        </p:nvSpPr>
        <p:spPr>
          <a:xfrm>
            <a:off x="-180528" y="1348877"/>
            <a:ext cx="9324528" cy="5752531"/>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he-IL" sz="2800" dirty="0" smtClean="0">
                <a:latin typeface="Narkisim" panose="020E0502050101010101" pitchFamily="34" charset="-79"/>
                <a:cs typeface="Narkisim" panose="020E0502050101010101" pitchFamily="34" charset="-79"/>
              </a:rPr>
              <a:t>היעדר </a:t>
            </a:r>
            <a:r>
              <a:rPr lang="he-IL" sz="2800" dirty="0">
                <a:latin typeface="Narkisim" panose="020E0502050101010101" pitchFamily="34" charset="-79"/>
                <a:cs typeface="Narkisim" panose="020E0502050101010101" pitchFamily="34" charset="-79"/>
              </a:rPr>
              <a:t>פיוס בין החמאס לפת"ח והמלחמה הפנימית אינה מאפשרת הגעה להסדרה באופק עם ישראל, היעדר הפיוס פוגע בלגיטימציה של אבו- מאזן והרשות לשמש נציג בלעדי של העם הפלסטיני. </a:t>
            </a:r>
            <a:endParaRPr lang="en-US" sz="2800" dirty="0">
              <a:latin typeface="Narkisim" panose="020E0502050101010101" pitchFamily="34" charset="-79"/>
              <a:cs typeface="Narkisim" panose="020E0502050101010101" pitchFamily="34" charset="-79"/>
            </a:endParaRPr>
          </a:p>
          <a:p>
            <a:pPr lvl="0"/>
            <a:r>
              <a:rPr lang="he-IL" sz="2800" dirty="0">
                <a:latin typeface="Narkisim" panose="020E0502050101010101" pitchFamily="34" charset="-79"/>
                <a:cs typeface="Narkisim" panose="020E0502050101010101" pitchFamily="34" charset="-79"/>
              </a:rPr>
              <a:t>הקיפאון והיעדר בחירות לצד החשש מכניסת חמאס למועצה אף הם וקטור שמצביע על צורך בפיוס.</a:t>
            </a:r>
            <a:endParaRPr lang="en-US" sz="2800" dirty="0">
              <a:latin typeface="Narkisim" panose="020E0502050101010101" pitchFamily="34" charset="-79"/>
              <a:cs typeface="Narkisim" panose="020E0502050101010101" pitchFamily="34" charset="-79"/>
            </a:endParaRPr>
          </a:p>
          <a:p>
            <a:pPr lvl="0"/>
            <a:r>
              <a:rPr lang="he-IL" sz="2800" dirty="0">
                <a:latin typeface="Narkisim" panose="020E0502050101010101" pitchFamily="34" charset="-79"/>
                <a:cs typeface="Narkisim" panose="020E0502050101010101" pitchFamily="34" charset="-79"/>
              </a:rPr>
              <a:t>היעדר מנהיגות ביום שאחרי אבו-מאזן בפתח לעומת מנהיגות חזקה וברורה לחמאס מסכנת את השלטון הלאומני.</a:t>
            </a:r>
            <a:endParaRPr lang="en-US" sz="2800" dirty="0">
              <a:latin typeface="Narkisim" panose="020E0502050101010101" pitchFamily="34" charset="-79"/>
              <a:cs typeface="Narkisim" panose="020E0502050101010101" pitchFamily="34" charset="-79"/>
            </a:endParaRPr>
          </a:p>
          <a:p>
            <a:pPr lvl="0"/>
            <a:r>
              <a:rPr lang="he-IL" sz="2800" dirty="0" err="1">
                <a:latin typeface="Narkisim" panose="020E0502050101010101" pitchFamily="34" charset="-79"/>
                <a:cs typeface="Narkisim" panose="020E0502050101010101" pitchFamily="34" charset="-79"/>
              </a:rPr>
              <a:t>הדתה</a:t>
            </a:r>
            <a:r>
              <a:rPr lang="he-IL" sz="2800" dirty="0">
                <a:latin typeface="Narkisim" panose="020E0502050101010101" pitchFamily="34" charset="-79"/>
                <a:cs typeface="Narkisim" panose="020E0502050101010101" pitchFamily="34" charset="-79"/>
              </a:rPr>
              <a:t> בעם הפלסטיני מסכנת שלטון הרשות, כניסה של מוטיבים של </a:t>
            </a:r>
            <a:r>
              <a:rPr lang="he-IL" sz="2800" dirty="0" err="1">
                <a:latin typeface="Narkisim" panose="020E0502050101010101" pitchFamily="34" charset="-79"/>
                <a:cs typeface="Narkisim" panose="020E0502050101010101" pitchFamily="34" charset="-79"/>
              </a:rPr>
              <a:t>דעאש</a:t>
            </a:r>
            <a:r>
              <a:rPr lang="he-IL" sz="2800" dirty="0">
                <a:latin typeface="Narkisim" panose="020E0502050101010101" pitchFamily="34" charset="-79"/>
                <a:cs typeface="Narkisim" panose="020E0502050101010101" pitchFamily="34" charset="-79"/>
              </a:rPr>
              <a:t>, </a:t>
            </a:r>
            <a:r>
              <a:rPr lang="he-IL" sz="2800" dirty="0" err="1">
                <a:latin typeface="Narkisim" panose="020E0502050101010101" pitchFamily="34" charset="-79"/>
                <a:cs typeface="Narkisim" panose="020E0502050101010101" pitchFamily="34" charset="-79"/>
              </a:rPr>
              <a:t>ג'האד</a:t>
            </a:r>
            <a:r>
              <a:rPr lang="he-IL" sz="2800" dirty="0">
                <a:latin typeface="Narkisim" panose="020E0502050101010101" pitchFamily="34" charset="-79"/>
                <a:cs typeface="Narkisim" panose="020E0502050101010101" pitchFamily="34" charset="-79"/>
              </a:rPr>
              <a:t> עולמי וחמאס הם וקטור שלילי.</a:t>
            </a:r>
            <a:endParaRPr lang="en-US" sz="2800" dirty="0">
              <a:latin typeface="Narkisim" panose="020E0502050101010101" pitchFamily="34" charset="-79"/>
              <a:cs typeface="Narkisim" panose="020E0502050101010101" pitchFamily="34" charset="-79"/>
            </a:endParaRPr>
          </a:p>
          <a:p>
            <a:pPr lvl="0"/>
            <a:r>
              <a:rPr lang="he-IL" sz="2800" dirty="0">
                <a:latin typeface="Narkisim" panose="020E0502050101010101" pitchFamily="34" charset="-79"/>
                <a:cs typeface="Narkisim" panose="020E0502050101010101" pitchFamily="34" charset="-79"/>
              </a:rPr>
              <a:t>ירושלים  - הבנה כי </a:t>
            </a:r>
            <a:r>
              <a:rPr lang="he-IL" sz="2800" dirty="0" smtClean="0">
                <a:latin typeface="Narkisim" panose="020E0502050101010101" pitchFamily="34" charset="-79"/>
                <a:cs typeface="Narkisim" panose="020E0502050101010101" pitchFamily="34" charset="-79"/>
              </a:rPr>
              <a:t>ללא הסכמה בעניין לא </a:t>
            </a:r>
            <a:r>
              <a:rPr lang="he-IL" sz="2800" dirty="0">
                <a:latin typeface="Narkisim" panose="020E0502050101010101" pitchFamily="34" charset="-79"/>
                <a:cs typeface="Narkisim" panose="020E0502050101010101" pitchFamily="34" charset="-79"/>
              </a:rPr>
              <a:t>תהיה לגיטימציה להסכם.</a:t>
            </a:r>
            <a:endParaRPr lang="en-US" sz="2800" dirty="0">
              <a:latin typeface="Narkisim" panose="020E0502050101010101" pitchFamily="34" charset="-79"/>
              <a:cs typeface="Narkisim" panose="020E0502050101010101" pitchFamily="34" charset="-79"/>
            </a:endParaRPr>
          </a:p>
          <a:p>
            <a:endParaRPr lang="he-IL" sz="2800" dirty="0">
              <a:latin typeface="Narkisim" panose="020E0502050101010101" pitchFamily="34" charset="-79"/>
              <a:cs typeface="Narkisim" panose="020E0502050101010101" pitchFamily="34" charset="-79"/>
            </a:endParaRPr>
          </a:p>
          <a:p>
            <a:pPr marL="0" indent="0">
              <a:buNone/>
            </a:pPr>
            <a:endParaRPr lang="he-IL" sz="2800" dirty="0">
              <a:latin typeface="Narkisim" panose="020E0502050101010101" pitchFamily="34" charset="-79"/>
              <a:cs typeface="Narkisim" panose="020E0502050101010101" pitchFamily="34" charset="-79"/>
            </a:endParaRPr>
          </a:p>
        </p:txBody>
      </p:sp>
    </p:spTree>
    <p:extLst>
      <p:ext uri="{BB962C8B-B14F-4D97-AF65-F5344CB8AC3E}">
        <p14:creationId xmlns:p14="http://schemas.microsoft.com/office/powerpoint/2010/main" val="1359802084"/>
      </p:ext>
    </p:extLst>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p:cNvSpPr>
            <a:spLocks noGrp="1"/>
          </p:cNvSpPr>
          <p:nvPr>
            <p:ph type="title"/>
          </p:nvPr>
        </p:nvSpPr>
        <p:spPr>
          <a:xfrm>
            <a:off x="1042987" y="260648"/>
            <a:ext cx="7705725" cy="863600"/>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p>
            <a:pPr algn="ctr" defTabSz="685983">
              <a:lnSpc>
                <a:spcPct val="90000"/>
              </a:lnSpc>
            </a:pPr>
            <a:r>
              <a:rPr lang="he-IL" sz="3600" b="1" kern="1200" cap="all" dirty="0" smtClean="0">
                <a:solidFill>
                  <a:srgbClr val="240759"/>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השחקן </a:t>
            </a:r>
            <a:r>
              <a:rPr lang="he-IL" sz="3600" b="1" kern="1200" cap="all" dirty="0" smtClean="0">
                <a:solidFill>
                  <a:srgbClr val="240759"/>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הפלסטיני (3)</a:t>
            </a:r>
            <a:endParaRPr lang="he-IL" sz="3600" b="1" kern="1200" cap="all" dirty="0">
              <a:solidFill>
                <a:srgbClr val="240759"/>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
        <p:nvSpPr>
          <p:cNvPr id="3" name="מציין מיקום תוכן 2"/>
          <p:cNvSpPr>
            <a:spLocks noGrp="1"/>
          </p:cNvSpPr>
          <p:nvPr>
            <p:ph idx="1"/>
          </p:nvPr>
        </p:nvSpPr>
        <p:spPr>
          <a:xfrm>
            <a:off x="0" y="1105469"/>
            <a:ext cx="9144000" cy="5752531"/>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he-IL" sz="2800" dirty="0" smtClean="0">
                <a:latin typeface="Narkisim" panose="020E0502050101010101" pitchFamily="34" charset="-79"/>
                <a:cs typeface="Narkisim" panose="020E0502050101010101" pitchFamily="34" charset="-79"/>
              </a:rPr>
              <a:t>בחירות </a:t>
            </a:r>
            <a:r>
              <a:rPr lang="he-IL" sz="2800" dirty="0">
                <a:latin typeface="Narkisim" panose="020E0502050101010101" pitchFamily="34" charset="-79"/>
                <a:cs typeface="Narkisim" panose="020E0502050101010101" pitchFamily="34" charset="-79"/>
              </a:rPr>
              <a:t>ודמוקרטיה – </a:t>
            </a:r>
            <a:r>
              <a:rPr lang="he-IL" sz="2800" dirty="0" smtClean="0">
                <a:latin typeface="Narkisim" panose="020E0502050101010101" pitchFamily="34" charset="-79"/>
                <a:cs typeface="Narkisim" panose="020E0502050101010101" pitchFamily="34" charset="-79"/>
              </a:rPr>
              <a:t>איום/הזדמנות.</a:t>
            </a:r>
            <a:endParaRPr lang="en-US" sz="2800" dirty="0">
              <a:latin typeface="Narkisim" panose="020E0502050101010101" pitchFamily="34" charset="-79"/>
              <a:cs typeface="Narkisim" panose="020E0502050101010101" pitchFamily="34" charset="-79"/>
            </a:endParaRPr>
          </a:p>
          <a:p>
            <a:pPr lvl="0"/>
            <a:r>
              <a:rPr lang="he-IL" sz="2800" dirty="0">
                <a:latin typeface="Narkisim" panose="020E0502050101010101" pitchFamily="34" charset="-79"/>
                <a:cs typeface="Narkisim" panose="020E0502050101010101" pitchFamily="34" charset="-79"/>
              </a:rPr>
              <a:t>בהיבט הביטחוני קיים חשש מהשתלטות חמאס על </a:t>
            </a:r>
            <a:r>
              <a:rPr lang="he-IL" sz="2800" dirty="0" err="1">
                <a:latin typeface="Narkisim" panose="020E0502050101010101" pitchFamily="34" charset="-79"/>
                <a:cs typeface="Narkisim" panose="020E0502050101010101" pitchFamily="34" charset="-79"/>
              </a:rPr>
              <a:t>איו"ש</a:t>
            </a:r>
            <a:r>
              <a:rPr lang="he-IL" sz="2800" dirty="0">
                <a:latin typeface="Narkisim" panose="020E0502050101010101" pitchFamily="34" charset="-79"/>
                <a:cs typeface="Narkisim" panose="020E0502050101010101" pitchFamily="34" charset="-79"/>
              </a:rPr>
              <a:t>, הגם שנסמכים על ישראל שלא תיתן לאירוע כזה להתרחש.</a:t>
            </a:r>
            <a:endParaRPr lang="en-US" sz="2800" dirty="0">
              <a:latin typeface="Narkisim" panose="020E0502050101010101" pitchFamily="34" charset="-79"/>
              <a:cs typeface="Narkisim" panose="020E0502050101010101" pitchFamily="34" charset="-79"/>
            </a:endParaRPr>
          </a:p>
          <a:p>
            <a:pPr lvl="0"/>
            <a:r>
              <a:rPr lang="he-IL" sz="2800" dirty="0">
                <a:latin typeface="Narkisim" panose="020E0502050101010101" pitchFamily="34" charset="-79"/>
                <a:cs typeface="Narkisim" panose="020E0502050101010101" pitchFamily="34" charset="-79"/>
              </a:rPr>
              <a:t>בנאום הסכסוך עם ישראל והכרה איטית ומתמשכת במיצוב הרשות כמדינה, חברות בוועדות מרכזיות בינלאומיות.</a:t>
            </a:r>
            <a:endParaRPr lang="en-US" sz="2800" dirty="0">
              <a:latin typeface="Narkisim" panose="020E0502050101010101" pitchFamily="34" charset="-79"/>
              <a:cs typeface="Narkisim" panose="020E0502050101010101" pitchFamily="34" charset="-79"/>
            </a:endParaRPr>
          </a:p>
          <a:p>
            <a:pPr lvl="0"/>
            <a:r>
              <a:rPr lang="he-IL" sz="2800" dirty="0">
                <a:latin typeface="Narkisim" panose="020E0502050101010101" pitchFamily="34" charset="-79"/>
                <a:cs typeface="Narkisim" panose="020E0502050101010101" pitchFamily="34" charset="-79"/>
              </a:rPr>
              <a:t>האינטרס העליון הוא לשמר את הבעיה הפלסטינית כמרכזית, בניית תודעה בינלאומית כי בסיס הסכסוך העולמי הוא הכיבוש הישראלי.</a:t>
            </a:r>
            <a:endParaRPr lang="en-US" sz="2800" dirty="0">
              <a:latin typeface="Narkisim" panose="020E0502050101010101" pitchFamily="34" charset="-79"/>
              <a:cs typeface="Narkisim" panose="020E0502050101010101" pitchFamily="34" charset="-79"/>
            </a:endParaRPr>
          </a:p>
          <a:p>
            <a:endParaRPr lang="he-IL" sz="2800" dirty="0">
              <a:latin typeface="Narkisim" panose="020E0502050101010101" pitchFamily="34" charset="-79"/>
              <a:cs typeface="Narkisim" panose="020E0502050101010101" pitchFamily="34" charset="-79"/>
            </a:endParaRPr>
          </a:p>
          <a:p>
            <a:pPr marL="0" indent="0">
              <a:buNone/>
            </a:pPr>
            <a:endParaRPr lang="he-IL" sz="2800" dirty="0">
              <a:latin typeface="Narkisim" panose="020E0502050101010101" pitchFamily="34" charset="-79"/>
              <a:cs typeface="Narkisim" panose="020E0502050101010101" pitchFamily="34" charset="-79"/>
            </a:endParaRPr>
          </a:p>
        </p:txBody>
      </p:sp>
    </p:spTree>
    <p:extLst>
      <p:ext uri="{BB962C8B-B14F-4D97-AF65-F5344CB8AC3E}">
        <p14:creationId xmlns:p14="http://schemas.microsoft.com/office/powerpoint/2010/main" val="1221366553"/>
      </p:ext>
    </p:extLst>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p:cNvSpPr>
            <a:spLocks noGrp="1"/>
          </p:cNvSpPr>
          <p:nvPr>
            <p:ph type="title"/>
          </p:nvPr>
        </p:nvSpPr>
        <p:spPr>
          <a:xfrm>
            <a:off x="1042987" y="0"/>
            <a:ext cx="7705725" cy="620688"/>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p>
            <a:pPr algn="ctr" defTabSz="685983">
              <a:lnSpc>
                <a:spcPct val="90000"/>
              </a:lnSpc>
            </a:pPr>
            <a:r>
              <a:rPr lang="he-IL" sz="3600" b="1" kern="1200" cap="all" dirty="0" smtClean="0">
                <a:solidFill>
                  <a:srgbClr val="240759"/>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השחקן הישראלי</a:t>
            </a:r>
            <a:endParaRPr lang="he-IL" sz="3600" b="1" kern="1200" cap="all" dirty="0">
              <a:solidFill>
                <a:srgbClr val="240759"/>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
        <p:nvSpPr>
          <p:cNvPr id="3" name="מציין מיקום תוכן 2"/>
          <p:cNvSpPr>
            <a:spLocks noGrp="1"/>
          </p:cNvSpPr>
          <p:nvPr>
            <p:ph idx="1"/>
          </p:nvPr>
        </p:nvSpPr>
        <p:spPr>
          <a:xfrm>
            <a:off x="0" y="1124744"/>
            <a:ext cx="9144000" cy="5616624"/>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he-IL" dirty="0">
                <a:latin typeface="Narkisim" panose="020E0502050101010101" pitchFamily="34" charset="-79"/>
                <a:cs typeface="Narkisim" panose="020E0502050101010101" pitchFamily="34" charset="-79"/>
              </a:rPr>
              <a:t>גושי ההתנחלות והערים </a:t>
            </a:r>
            <a:r>
              <a:rPr lang="he-IL" dirty="0" smtClean="0">
                <a:latin typeface="Narkisim" panose="020E0502050101010101" pitchFamily="34" charset="-79"/>
                <a:cs typeface="Narkisim" panose="020E0502050101010101" pitchFamily="34" charset="-79"/>
              </a:rPr>
              <a:t>הם </a:t>
            </a:r>
            <a:r>
              <a:rPr lang="he-IL" dirty="0">
                <a:latin typeface="Narkisim" panose="020E0502050101010101" pitchFamily="34" charset="-79"/>
                <a:cs typeface="Narkisim" panose="020E0502050101010101" pitchFamily="34" charset="-79"/>
              </a:rPr>
              <a:t>עובדה קיימת. </a:t>
            </a:r>
            <a:endParaRPr lang="en-US" dirty="0">
              <a:latin typeface="Narkisim" panose="020E0502050101010101" pitchFamily="34" charset="-79"/>
              <a:cs typeface="Narkisim" panose="020E0502050101010101" pitchFamily="34" charset="-79"/>
            </a:endParaRPr>
          </a:p>
          <a:p>
            <a:pPr lvl="0"/>
            <a:r>
              <a:rPr lang="he-IL" dirty="0">
                <a:latin typeface="Narkisim" panose="020E0502050101010101" pitchFamily="34" charset="-79"/>
                <a:cs typeface="Narkisim" panose="020E0502050101010101" pitchFamily="34" charset="-79"/>
              </a:rPr>
              <a:t>דעת הקהל והציבוריות הישראלית הולכת ומקצינה, ימנית, </a:t>
            </a:r>
            <a:r>
              <a:rPr lang="he-IL" dirty="0" smtClean="0">
                <a:latin typeface="Narkisim" panose="020E0502050101010101" pitchFamily="34" charset="-79"/>
                <a:cs typeface="Narkisim" panose="020E0502050101010101" pitchFamily="34" charset="-79"/>
              </a:rPr>
              <a:t>ההרכב </a:t>
            </a:r>
            <a:r>
              <a:rPr lang="he-IL" dirty="0">
                <a:latin typeface="Narkisim" panose="020E0502050101010101" pitchFamily="34" charset="-79"/>
                <a:cs typeface="Narkisim" panose="020E0502050101010101" pitchFamily="34" charset="-79"/>
              </a:rPr>
              <a:t>קואליציוני מקשה על כל ויתור או הסכם. משאל עם עשוי להוביל להפסד הבחירות הבאות שכן על פי מדגמים העם בישראל מעוניין בהיפרדות.</a:t>
            </a:r>
            <a:endParaRPr lang="en-US" dirty="0">
              <a:latin typeface="Narkisim" panose="020E0502050101010101" pitchFamily="34" charset="-79"/>
              <a:cs typeface="Narkisim" panose="020E0502050101010101" pitchFamily="34" charset="-79"/>
            </a:endParaRPr>
          </a:p>
          <a:p>
            <a:pPr lvl="0"/>
            <a:r>
              <a:rPr lang="he-IL" dirty="0">
                <a:latin typeface="Narkisim" panose="020E0502050101010101" pitchFamily="34" charset="-79"/>
                <a:cs typeface="Narkisim" panose="020E0502050101010101" pitchFamily="34" charset="-79"/>
              </a:rPr>
              <a:t>ירושלים יהודית וישראלית- קושי </a:t>
            </a:r>
            <a:r>
              <a:rPr lang="he-IL" dirty="0" err="1">
                <a:latin typeface="Narkisim" panose="020E0502050101010101" pitchFamily="34" charset="-79"/>
                <a:cs typeface="Narkisim" panose="020E0502050101010101" pitchFamily="34" charset="-79"/>
              </a:rPr>
              <a:t>אמיתי</a:t>
            </a:r>
            <a:r>
              <a:rPr lang="he-IL" dirty="0">
                <a:latin typeface="Narkisim" panose="020E0502050101010101" pitchFamily="34" charset="-79"/>
                <a:cs typeface="Narkisim" panose="020E0502050101010101" pitchFamily="34" charset="-79"/>
              </a:rPr>
              <a:t> לדריסת רגל לא פרופורציונית.</a:t>
            </a:r>
            <a:endParaRPr lang="en-US" dirty="0">
              <a:latin typeface="Narkisim" panose="020E0502050101010101" pitchFamily="34" charset="-79"/>
              <a:cs typeface="Narkisim" panose="020E0502050101010101" pitchFamily="34" charset="-79"/>
            </a:endParaRPr>
          </a:p>
          <a:p>
            <a:pPr lvl="0"/>
            <a:r>
              <a:rPr lang="he-IL" dirty="0">
                <a:latin typeface="Narkisim" panose="020E0502050101010101" pitchFamily="34" charset="-79"/>
                <a:cs typeface="Narkisim" panose="020E0502050101010101" pitchFamily="34" charset="-79"/>
              </a:rPr>
              <a:t>האינטרס הביטחוני עומד בראש סדר העדיפויות. קשה ללכת להסכם בשיטת "השלבים" עם </a:t>
            </a:r>
            <a:r>
              <a:rPr lang="he-IL" dirty="0" err="1">
                <a:latin typeface="Narkisim" panose="020E0502050101010101" pitchFamily="34" charset="-79"/>
                <a:cs typeface="Narkisim" panose="020E0502050101010101" pitchFamily="34" charset="-79"/>
              </a:rPr>
              <a:t>איו"ש</a:t>
            </a:r>
            <a:r>
              <a:rPr lang="he-IL" dirty="0">
                <a:latin typeface="Narkisim" panose="020E0502050101010101" pitchFamily="34" charset="-79"/>
                <a:cs typeface="Narkisim" panose="020E0502050101010101" pitchFamily="34" charset="-79"/>
              </a:rPr>
              <a:t> ועזה שכן מותיר את האיום על העורף באופן מוחשי. </a:t>
            </a:r>
            <a:endParaRPr lang="en-US" dirty="0">
              <a:latin typeface="Narkisim" panose="020E0502050101010101" pitchFamily="34" charset="-79"/>
              <a:cs typeface="Narkisim" panose="020E0502050101010101" pitchFamily="34" charset="-79"/>
            </a:endParaRPr>
          </a:p>
          <a:p>
            <a:pPr lvl="0"/>
            <a:r>
              <a:rPr lang="he-IL" dirty="0">
                <a:latin typeface="Narkisim" panose="020E0502050101010101" pitchFamily="34" charset="-79"/>
                <a:cs typeface="Narkisim" panose="020E0502050101010101" pitchFamily="34" charset="-79"/>
              </a:rPr>
              <a:t>צורך בסיסי קיומי לשליטה באזורים אסטרטגיים.</a:t>
            </a:r>
            <a:endParaRPr lang="en-US" dirty="0">
              <a:latin typeface="Narkisim" panose="020E0502050101010101" pitchFamily="34" charset="-79"/>
              <a:cs typeface="Narkisim" panose="020E0502050101010101" pitchFamily="34" charset="-79"/>
            </a:endParaRPr>
          </a:p>
          <a:p>
            <a:pPr lvl="0"/>
            <a:r>
              <a:rPr lang="he-IL" dirty="0">
                <a:latin typeface="Narkisim" panose="020E0502050101010101" pitchFamily="34" charset="-79"/>
                <a:cs typeface="Narkisim" panose="020E0502050101010101" pitchFamily="34" charset="-79"/>
              </a:rPr>
              <a:t>מחפשת "שחקנים" נוספים בשל "הקרירות" הנושבת מכיוון ארה"ב והיחסים המורכבים ביניהן. </a:t>
            </a:r>
            <a:endParaRPr lang="en-US" dirty="0">
              <a:latin typeface="Narkisim" panose="020E0502050101010101" pitchFamily="34" charset="-79"/>
              <a:cs typeface="Narkisim" panose="020E0502050101010101" pitchFamily="34" charset="-79"/>
            </a:endParaRPr>
          </a:p>
          <a:p>
            <a:pPr lvl="0"/>
            <a:r>
              <a:rPr lang="he-IL" dirty="0">
                <a:latin typeface="Narkisim" panose="020E0502050101010101" pitchFamily="34" charset="-79"/>
                <a:cs typeface="Narkisim" panose="020E0502050101010101" pitchFamily="34" charset="-79"/>
              </a:rPr>
              <a:t>האינטרסים המשותפים עם סעודיה ומדינות מתונות נוספות בציר זה הולכים ומעמיקים. ישראל מעוניינת לבודד את עזה ולצמצם השפעה של קטאר ותורכיה על המרחב.</a:t>
            </a:r>
            <a:endParaRPr lang="en-US" dirty="0">
              <a:latin typeface="Narkisim" panose="020E0502050101010101" pitchFamily="34" charset="-79"/>
              <a:cs typeface="Narkisim" panose="020E0502050101010101" pitchFamily="34" charset="-79"/>
            </a:endParaRPr>
          </a:p>
          <a:p>
            <a:endParaRPr lang="he-IL" sz="3200" dirty="0">
              <a:latin typeface="Narkisim" panose="020E0502050101010101" pitchFamily="34" charset="-79"/>
              <a:cs typeface="Narkisim" panose="020E0502050101010101" pitchFamily="34" charset="-79"/>
            </a:endParaRPr>
          </a:p>
        </p:txBody>
      </p:sp>
    </p:spTree>
    <p:extLst>
      <p:ext uri="{BB962C8B-B14F-4D97-AF65-F5344CB8AC3E}">
        <p14:creationId xmlns:p14="http://schemas.microsoft.com/office/powerpoint/2010/main" val="836272559"/>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p:cNvSpPr>
            <a:spLocks noGrp="1"/>
          </p:cNvSpPr>
          <p:nvPr>
            <p:ph type="title"/>
          </p:nvPr>
        </p:nvSpPr>
        <p:spPr>
          <a:xfrm>
            <a:off x="1042987" y="0"/>
            <a:ext cx="7705725" cy="764704"/>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p>
            <a:pPr algn="ctr" defTabSz="685983">
              <a:lnSpc>
                <a:spcPct val="90000"/>
              </a:lnSpc>
            </a:pPr>
            <a:r>
              <a:rPr lang="he-IL" sz="3600" b="1" kern="1200" cap="all" dirty="0" smtClean="0">
                <a:solidFill>
                  <a:srgbClr val="240759"/>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העולם הערבי</a:t>
            </a:r>
            <a:endParaRPr lang="he-IL" sz="3600" b="1" kern="1200" cap="all" dirty="0">
              <a:solidFill>
                <a:srgbClr val="240759"/>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
        <p:nvSpPr>
          <p:cNvPr id="3" name="מציין מיקום תוכן 2"/>
          <p:cNvSpPr>
            <a:spLocks noGrp="1"/>
          </p:cNvSpPr>
          <p:nvPr>
            <p:ph idx="1"/>
          </p:nvPr>
        </p:nvSpPr>
        <p:spPr>
          <a:xfrm>
            <a:off x="0" y="908720"/>
            <a:ext cx="9144000" cy="5400600"/>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a:lnSpc>
                <a:spcPct val="150000"/>
              </a:lnSpc>
              <a:spcAft>
                <a:spcPts val="0"/>
              </a:spcAft>
            </a:pPr>
            <a:r>
              <a:rPr lang="he-IL" dirty="0">
                <a:latin typeface="Calibri" panose="020F0502020204030204" pitchFamily="34" charset="0"/>
                <a:ea typeface="Calibri" panose="020F0502020204030204" pitchFamily="34" charset="0"/>
                <a:cs typeface="Narkisim" panose="020E0502050101010101" pitchFamily="34" charset="-79"/>
              </a:rPr>
              <a:t>המצרים בעלי אינטרס להחליש את החמאס, לצד רצונם להמשיך ולהוביל כמדינה משמעותית במזה"ת. מעוניינים בחמאס חלשה ורשות חזקה עם מענה הולם לסוגיית מעבר רפיח והמנהרות.</a:t>
            </a:r>
            <a:endParaRPr lang="en-US" sz="1800" dirty="0">
              <a:latin typeface="Calibri" panose="020F0502020204030204" pitchFamily="34" charset="0"/>
              <a:ea typeface="Calibri" panose="020F0502020204030204" pitchFamily="34" charset="0"/>
              <a:cs typeface="Arial" panose="020B0604020202020204" pitchFamily="34" charset="0"/>
            </a:endParaRPr>
          </a:p>
          <a:p>
            <a:pPr>
              <a:lnSpc>
                <a:spcPct val="150000"/>
              </a:lnSpc>
              <a:spcAft>
                <a:spcPts val="0"/>
              </a:spcAft>
            </a:pPr>
            <a:r>
              <a:rPr lang="he-IL" dirty="0">
                <a:latin typeface="Calibri" panose="020F0502020204030204" pitchFamily="34" charset="0"/>
                <a:ea typeface="Calibri" panose="020F0502020204030204" pitchFamily="34" charset="0"/>
                <a:cs typeface="Narkisim" panose="020E0502050101010101" pitchFamily="34" charset="-79"/>
              </a:rPr>
              <a:t>סעודיה </a:t>
            </a:r>
            <a:r>
              <a:rPr lang="he-IL" dirty="0" err="1">
                <a:latin typeface="Calibri" panose="020F0502020204030204" pitchFamily="34" charset="0"/>
                <a:ea typeface="Calibri" panose="020F0502020204030204" pitchFamily="34" charset="0"/>
                <a:cs typeface="Narkisim" panose="020E0502050101010101" pitchFamily="34" charset="-79"/>
              </a:rPr>
              <a:t>והמפרציות</a:t>
            </a:r>
            <a:r>
              <a:rPr lang="he-IL" dirty="0">
                <a:latin typeface="Calibri" panose="020F0502020204030204" pitchFamily="34" charset="0"/>
                <a:ea typeface="Calibri" panose="020F0502020204030204" pitchFamily="34" charset="0"/>
                <a:cs typeface="Narkisim" panose="020E0502050101010101" pitchFamily="34" charset="-79"/>
              </a:rPr>
              <a:t> מחויבים לפלסטינים אך בעלי אינטרסים גם עם ישראל.</a:t>
            </a:r>
            <a:endParaRPr lang="en-US" sz="1800" dirty="0">
              <a:latin typeface="Calibri" panose="020F0502020204030204" pitchFamily="34" charset="0"/>
              <a:ea typeface="Calibri" panose="020F0502020204030204" pitchFamily="34" charset="0"/>
              <a:cs typeface="Arial" panose="020B0604020202020204" pitchFamily="34" charset="0"/>
            </a:endParaRPr>
          </a:p>
          <a:p>
            <a:pPr>
              <a:lnSpc>
                <a:spcPct val="150000"/>
              </a:lnSpc>
              <a:spcAft>
                <a:spcPts val="0"/>
              </a:spcAft>
            </a:pPr>
            <a:r>
              <a:rPr lang="he-IL" dirty="0">
                <a:latin typeface="Calibri" panose="020F0502020204030204" pitchFamily="34" charset="0"/>
                <a:ea typeface="Calibri" panose="020F0502020204030204" pitchFamily="34" charset="0"/>
                <a:cs typeface="Narkisim" panose="020E0502050101010101" pitchFamily="34" charset="-79"/>
              </a:rPr>
              <a:t>"הכתף הקרה" של ארה"ב לסעודיה מחיבת איזון בדמות השפעה גוברת במזה"ת אם דרך כניסה לתהליך השלום ואם דרך חיבור לרוסיה.</a:t>
            </a:r>
            <a:endParaRPr lang="en-US" sz="1800" dirty="0">
              <a:latin typeface="Calibri" panose="020F0502020204030204" pitchFamily="34" charset="0"/>
              <a:ea typeface="Calibri" panose="020F0502020204030204" pitchFamily="34" charset="0"/>
              <a:cs typeface="Arial" panose="020B0604020202020204" pitchFamily="34" charset="0"/>
            </a:endParaRPr>
          </a:p>
          <a:p>
            <a:pPr>
              <a:lnSpc>
                <a:spcPct val="150000"/>
              </a:lnSpc>
              <a:spcAft>
                <a:spcPts val="0"/>
              </a:spcAft>
            </a:pPr>
            <a:r>
              <a:rPr lang="he-IL" dirty="0">
                <a:latin typeface="Calibri" panose="020F0502020204030204" pitchFamily="34" charset="0"/>
                <a:ea typeface="Calibri" panose="020F0502020204030204" pitchFamily="34" charset="0"/>
                <a:cs typeface="Narkisim" panose="020E0502050101010101" pitchFamily="34" charset="-79"/>
              </a:rPr>
              <a:t>ירדן מעוניינת לשמר הגמוניה על המקומות הקדושים- זו הסיבה היחידה לכך שהשלטון המלוכני נשאר יציב וזוכה לאהדה של המדינות הערביות.</a:t>
            </a:r>
            <a:endParaRPr lang="en-US" sz="1800" dirty="0">
              <a:latin typeface="Calibri" panose="020F0502020204030204" pitchFamily="34" charset="0"/>
              <a:ea typeface="Calibri" panose="020F0502020204030204" pitchFamily="34" charset="0"/>
              <a:cs typeface="Arial" panose="020B0604020202020204" pitchFamily="34" charset="0"/>
            </a:endParaRPr>
          </a:p>
          <a:p>
            <a:pPr>
              <a:lnSpc>
                <a:spcPct val="150000"/>
              </a:lnSpc>
              <a:spcAft>
                <a:spcPts val="0"/>
              </a:spcAft>
            </a:pPr>
            <a:r>
              <a:rPr lang="he-IL" dirty="0">
                <a:latin typeface="Calibri" panose="020F0502020204030204" pitchFamily="34" charset="0"/>
                <a:ea typeface="Calibri" panose="020F0502020204030204" pitchFamily="34" charset="0"/>
                <a:cs typeface="Narkisim" panose="020E0502050101010101" pitchFamily="34" charset="-79"/>
              </a:rPr>
              <a:t>טורקיה וקטאר הן בעלות ברית </a:t>
            </a:r>
            <a:r>
              <a:rPr lang="he-IL" dirty="0" smtClean="0">
                <a:latin typeface="Calibri" panose="020F0502020204030204" pitchFamily="34" charset="0"/>
                <a:ea typeface="Calibri" panose="020F0502020204030204" pitchFamily="34" charset="0"/>
                <a:cs typeface="Narkisim" panose="020E0502050101010101" pitchFamily="34" charset="-79"/>
              </a:rPr>
              <a:t>לחמאס</a:t>
            </a:r>
            <a:r>
              <a:rPr lang="he-IL" dirty="0">
                <a:latin typeface="Calibri" panose="020F0502020204030204" pitchFamily="34" charset="0"/>
                <a:ea typeface="Calibri" panose="020F0502020204030204" pitchFamily="34" charset="0"/>
                <a:cs typeface="Narkisim" panose="020E0502050101010101" pitchFamily="34" charset="-79"/>
              </a:rPr>
              <a:t>, </a:t>
            </a:r>
            <a:r>
              <a:rPr lang="he-IL" dirty="0" smtClean="0">
                <a:latin typeface="Calibri" panose="020F0502020204030204" pitchFamily="34" charset="0"/>
                <a:ea typeface="Calibri" panose="020F0502020204030204" pitchFamily="34" charset="0"/>
                <a:cs typeface="Narkisim" panose="020E0502050101010101" pitchFamily="34" charset="-79"/>
              </a:rPr>
              <a:t>תופסות </a:t>
            </a:r>
            <a:r>
              <a:rPr lang="he-IL" dirty="0">
                <a:latin typeface="Calibri" panose="020F0502020204030204" pitchFamily="34" charset="0"/>
                <a:ea typeface="Calibri" panose="020F0502020204030204" pitchFamily="34" charset="0"/>
                <a:cs typeface="Narkisim" panose="020E0502050101010101" pitchFamily="34" charset="-79"/>
              </a:rPr>
              <a:t>עצמן כמאזנות לירדן ומצרים. </a:t>
            </a:r>
            <a:endParaRPr lang="en-US" sz="1800" dirty="0">
              <a:latin typeface="Calibri" panose="020F0502020204030204" pitchFamily="34" charset="0"/>
              <a:ea typeface="Calibri" panose="020F0502020204030204" pitchFamily="34" charset="0"/>
              <a:cs typeface="Arial" panose="020B0604020202020204" pitchFamily="34" charset="0"/>
            </a:endParaRPr>
          </a:p>
          <a:p>
            <a:pPr lvl="0">
              <a:lnSpc>
                <a:spcPct val="150000"/>
              </a:lnSpc>
              <a:spcAft>
                <a:spcPts val="800"/>
              </a:spcAft>
              <a:buFont typeface="+mj-cs"/>
              <a:buAutoNum type="hebrew2Minus"/>
            </a:pPr>
            <a:r>
              <a:rPr lang="he-IL" dirty="0" smtClean="0">
                <a:latin typeface="Calibri" panose="020F0502020204030204" pitchFamily="34" charset="0"/>
                <a:ea typeface="Calibri" panose="020F0502020204030204" pitchFamily="34" charset="0"/>
                <a:cs typeface="Narkisim" panose="020E0502050101010101" pitchFamily="34" charset="-79"/>
              </a:rPr>
              <a:t>ירדן מעוניינת בהמשך הקשרים עם ישראל, לאור האיום המתפתח מול </a:t>
            </a:r>
            <a:r>
              <a:rPr lang="he-IL" dirty="0" err="1" smtClean="0">
                <a:latin typeface="Calibri" panose="020F0502020204030204" pitchFamily="34" charset="0"/>
                <a:ea typeface="Calibri" panose="020F0502020204030204" pitchFamily="34" charset="0"/>
                <a:cs typeface="Narkisim" panose="020E0502050101010101" pitchFamily="34" charset="-79"/>
              </a:rPr>
              <a:t>דעאש</a:t>
            </a:r>
            <a:r>
              <a:rPr lang="he-IL" dirty="0" smtClean="0">
                <a:latin typeface="Calibri" panose="020F0502020204030204" pitchFamily="34" charset="0"/>
                <a:ea typeface="Calibri" panose="020F0502020204030204" pitchFamily="34" charset="0"/>
                <a:cs typeface="Narkisim" panose="020E0502050101010101" pitchFamily="34" charset="-79"/>
              </a:rPr>
              <a:t>. </a:t>
            </a:r>
            <a:endParaRPr lang="en-US" sz="1800" dirty="0" smtClean="0">
              <a:latin typeface="Calibri" panose="020F0502020204030204" pitchFamily="34" charset="0"/>
              <a:ea typeface="Calibri" panose="020F0502020204030204" pitchFamily="34" charset="0"/>
              <a:cs typeface="Arial" panose="020B0604020202020204" pitchFamily="34" charset="0"/>
            </a:endParaRPr>
          </a:p>
          <a:p>
            <a:pPr marL="0" indent="0">
              <a:buNone/>
            </a:pPr>
            <a:endParaRPr lang="he-IL" sz="3200" dirty="0">
              <a:latin typeface="Narkisim" panose="020E0502050101010101" pitchFamily="34" charset="-79"/>
              <a:cs typeface="Narkisim" panose="020E0502050101010101" pitchFamily="34" charset="-79"/>
            </a:endParaRPr>
          </a:p>
          <a:p>
            <a:pPr marL="0" indent="0">
              <a:buNone/>
            </a:pPr>
            <a:endParaRPr lang="he-IL" sz="3200" dirty="0">
              <a:latin typeface="Narkisim" panose="020E0502050101010101" pitchFamily="34" charset="-79"/>
              <a:cs typeface="Narkisim" panose="020E0502050101010101" pitchFamily="34" charset="-79"/>
            </a:endParaRPr>
          </a:p>
        </p:txBody>
      </p:sp>
    </p:spTree>
    <p:extLst>
      <p:ext uri="{BB962C8B-B14F-4D97-AF65-F5344CB8AC3E}">
        <p14:creationId xmlns:p14="http://schemas.microsoft.com/office/powerpoint/2010/main" val="3185406282"/>
      </p:ext>
    </p:extLst>
  </p:cSld>
  <p:clrMapOvr>
    <a:masterClrMapping/>
  </p:clrMapOvr>
  <p:timing>
    <p:tnLst>
      <p:par>
        <p:cTn id="1" dur="indefinite" restart="never" nodeType="tmRoot"/>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p:cNvSpPr>
            <a:spLocks noGrp="1"/>
          </p:cNvSpPr>
          <p:nvPr>
            <p:ph type="title"/>
          </p:nvPr>
        </p:nvSpPr>
        <p:spPr>
          <a:xfrm>
            <a:off x="1042987" y="116632"/>
            <a:ext cx="7705725" cy="720080"/>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p>
            <a:pPr algn="ctr" defTabSz="685983">
              <a:lnSpc>
                <a:spcPct val="90000"/>
              </a:lnSpc>
            </a:pPr>
            <a:r>
              <a:rPr lang="he-IL" sz="3600" b="1" kern="1200" cap="all" dirty="0" smtClean="0">
                <a:solidFill>
                  <a:srgbClr val="240759"/>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השחקן הבינלאומי – ארה"ב ואירופה</a:t>
            </a:r>
            <a:endParaRPr lang="he-IL" sz="3600" b="1" kern="1200" cap="all" dirty="0">
              <a:solidFill>
                <a:srgbClr val="240759"/>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sp>
        <p:nvSpPr>
          <p:cNvPr id="3" name="מציין מיקום תוכן 2"/>
          <p:cNvSpPr>
            <a:spLocks noGrp="1"/>
          </p:cNvSpPr>
          <p:nvPr>
            <p:ph idx="1"/>
          </p:nvPr>
        </p:nvSpPr>
        <p:spPr>
          <a:xfrm>
            <a:off x="0" y="1124744"/>
            <a:ext cx="8748713" cy="4895850"/>
          </a:xfr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a:lnSpc>
                <a:spcPct val="200000"/>
              </a:lnSpc>
              <a:spcAft>
                <a:spcPts val="0"/>
              </a:spcAft>
            </a:pPr>
            <a:r>
              <a:rPr lang="he-IL" dirty="0">
                <a:latin typeface="Calibri" panose="020F0502020204030204" pitchFamily="34" charset="0"/>
                <a:ea typeface="Calibri" panose="020F0502020204030204" pitchFamily="34" charset="0"/>
                <a:cs typeface="Narkisim" panose="020E0502050101010101" pitchFamily="34" charset="-79"/>
              </a:rPr>
              <a:t>תפיסה פרו ישראלית </a:t>
            </a:r>
            <a:r>
              <a:rPr lang="he-IL" dirty="0" smtClean="0">
                <a:latin typeface="Calibri" panose="020F0502020204030204" pitchFamily="34" charset="0"/>
                <a:ea typeface="Calibri" panose="020F0502020204030204" pitchFamily="34" charset="0"/>
                <a:cs typeface="Narkisim" panose="020E0502050101010101" pitchFamily="34" charset="-79"/>
              </a:rPr>
              <a:t>ומחויבות,  </a:t>
            </a:r>
            <a:r>
              <a:rPr lang="he-IL" dirty="0">
                <a:latin typeface="Calibri" panose="020F0502020204030204" pitchFamily="34" charset="0"/>
                <a:ea typeface="Calibri" panose="020F0502020204030204" pitchFamily="34" charset="0"/>
                <a:cs typeface="Narkisim" panose="020E0502050101010101" pitchFamily="34" charset="-79"/>
              </a:rPr>
              <a:t>ערב הבחירות לנשיאות בארה"ב.</a:t>
            </a:r>
            <a:endParaRPr lang="en-US" sz="1800" dirty="0">
              <a:latin typeface="Calibri" panose="020F0502020204030204" pitchFamily="34" charset="0"/>
              <a:ea typeface="Calibri" panose="020F0502020204030204" pitchFamily="34" charset="0"/>
              <a:cs typeface="Arial" panose="020B0604020202020204" pitchFamily="34" charset="0"/>
            </a:endParaRPr>
          </a:p>
          <a:p>
            <a:pPr>
              <a:lnSpc>
                <a:spcPct val="200000"/>
              </a:lnSpc>
              <a:spcAft>
                <a:spcPts val="0"/>
              </a:spcAft>
            </a:pPr>
            <a:r>
              <a:rPr lang="he-IL" dirty="0">
                <a:latin typeface="Calibri" panose="020F0502020204030204" pitchFamily="34" charset="0"/>
                <a:ea typeface="Calibri" panose="020F0502020204030204" pitchFamily="34" charset="0"/>
                <a:cs typeface="Narkisim" panose="020E0502050101010101" pitchFamily="34" charset="-79"/>
              </a:rPr>
              <a:t>הקשב נתון לסוגיית </a:t>
            </a:r>
            <a:r>
              <a:rPr lang="he-IL" dirty="0" smtClean="0">
                <a:latin typeface="Calibri" panose="020F0502020204030204" pitchFamily="34" charset="0"/>
                <a:ea typeface="Calibri" panose="020F0502020204030204" pitchFamily="34" charset="0"/>
                <a:cs typeface="Narkisim" panose="020E0502050101010101" pitchFamily="34" charset="-79"/>
              </a:rPr>
              <a:t>הפליטים, סוריה, הגרעין </a:t>
            </a:r>
            <a:r>
              <a:rPr lang="he-IL" dirty="0">
                <a:latin typeface="Calibri" panose="020F0502020204030204" pitchFamily="34" charset="0"/>
                <a:ea typeface="Calibri" panose="020F0502020204030204" pitchFamily="34" charset="0"/>
                <a:cs typeface="Narkisim" panose="020E0502050101010101" pitchFamily="34" charset="-79"/>
              </a:rPr>
              <a:t>האיראני ולמלחמה </a:t>
            </a:r>
            <a:r>
              <a:rPr lang="he-IL" dirty="0" err="1">
                <a:latin typeface="Calibri" panose="020F0502020204030204" pitchFamily="34" charset="0"/>
                <a:ea typeface="Calibri" panose="020F0502020204030204" pitchFamily="34" charset="0"/>
                <a:cs typeface="Narkisim" panose="020E0502050101010101" pitchFamily="34" charset="-79"/>
              </a:rPr>
              <a:t>בדאעש</a:t>
            </a:r>
            <a:r>
              <a:rPr lang="he-IL" dirty="0">
                <a:latin typeface="Calibri" panose="020F0502020204030204" pitchFamily="34" charset="0"/>
                <a:ea typeface="Calibri" panose="020F0502020204030204" pitchFamily="34" charset="0"/>
                <a:cs typeface="Narkisim" panose="020E0502050101010101" pitchFamily="34" charset="-79"/>
              </a:rPr>
              <a:t>.</a:t>
            </a:r>
            <a:endParaRPr lang="en-US" sz="1800" dirty="0">
              <a:latin typeface="Calibri" panose="020F0502020204030204" pitchFamily="34" charset="0"/>
              <a:ea typeface="Calibri" panose="020F0502020204030204" pitchFamily="34" charset="0"/>
              <a:cs typeface="Arial" panose="020B0604020202020204" pitchFamily="34" charset="0"/>
            </a:endParaRPr>
          </a:p>
          <a:p>
            <a:pPr>
              <a:lnSpc>
                <a:spcPct val="200000"/>
              </a:lnSpc>
              <a:spcAft>
                <a:spcPts val="0"/>
              </a:spcAft>
            </a:pPr>
            <a:r>
              <a:rPr lang="he-IL" dirty="0" smtClean="0">
                <a:latin typeface="Calibri" panose="020F0502020204030204" pitchFamily="34" charset="0"/>
                <a:ea typeface="Calibri" panose="020F0502020204030204" pitchFamily="34" charset="0"/>
                <a:cs typeface="Narkisim" panose="020E0502050101010101" pitchFamily="34" charset="-79"/>
              </a:rPr>
              <a:t>קשב </a:t>
            </a:r>
            <a:r>
              <a:rPr lang="he-IL" dirty="0">
                <a:latin typeface="Calibri" panose="020F0502020204030204" pitchFamily="34" charset="0"/>
                <a:ea typeface="Calibri" panose="020F0502020204030204" pitchFamily="34" charset="0"/>
                <a:cs typeface="Narkisim" panose="020E0502050101010101" pitchFamily="34" charset="-79"/>
              </a:rPr>
              <a:t>מתגבר לבעיית פנים וחשש </a:t>
            </a:r>
            <a:r>
              <a:rPr lang="he-IL" dirty="0" err="1">
                <a:latin typeface="Calibri" panose="020F0502020204030204" pitchFamily="34" charset="0"/>
                <a:ea typeface="Calibri" panose="020F0502020204030204" pitchFamily="34" charset="0"/>
                <a:cs typeface="Narkisim" panose="020E0502050101010101" pitchFamily="34" charset="-79"/>
              </a:rPr>
              <a:t>מאיסלאמיזציה</a:t>
            </a:r>
            <a:r>
              <a:rPr lang="he-IL" dirty="0">
                <a:latin typeface="Calibri" panose="020F0502020204030204" pitchFamily="34" charset="0"/>
                <a:ea typeface="Calibri" panose="020F0502020204030204" pitchFamily="34" charset="0"/>
                <a:cs typeface="Narkisim" panose="020E0502050101010101" pitchFamily="34" charset="-79"/>
              </a:rPr>
              <a:t>, פליטות </a:t>
            </a:r>
            <a:r>
              <a:rPr lang="he-IL" dirty="0" smtClean="0">
                <a:latin typeface="Calibri" panose="020F0502020204030204" pitchFamily="34" charset="0"/>
                <a:ea typeface="Calibri" panose="020F0502020204030204" pitchFamily="34" charset="0"/>
                <a:cs typeface="Narkisim" panose="020E0502050101010101" pitchFamily="34" charset="-79"/>
              </a:rPr>
              <a:t>וטרור.</a:t>
            </a:r>
            <a:endParaRPr lang="en-US" sz="1800" dirty="0">
              <a:latin typeface="Calibri" panose="020F0502020204030204" pitchFamily="34" charset="0"/>
              <a:ea typeface="Calibri" panose="020F0502020204030204" pitchFamily="34" charset="0"/>
              <a:cs typeface="Arial" panose="020B0604020202020204" pitchFamily="34" charset="0"/>
            </a:endParaRPr>
          </a:p>
          <a:p>
            <a:pPr>
              <a:lnSpc>
                <a:spcPct val="200000"/>
              </a:lnSpc>
              <a:spcAft>
                <a:spcPts val="0"/>
              </a:spcAft>
            </a:pPr>
            <a:r>
              <a:rPr lang="he-IL" dirty="0">
                <a:latin typeface="Calibri" panose="020F0502020204030204" pitchFamily="34" charset="0"/>
                <a:ea typeface="Calibri" panose="020F0502020204030204" pitchFamily="34" charset="0"/>
                <a:cs typeface="Narkisim" panose="020E0502050101010101" pitchFamily="34" charset="-79"/>
              </a:rPr>
              <a:t>איחוד אירופי פרו פלסטיני עם הכרה הולכת וגוברת במדינה הפלסטינית.</a:t>
            </a:r>
            <a:endParaRPr lang="en-US" sz="1800" dirty="0">
              <a:latin typeface="Calibri" panose="020F0502020204030204" pitchFamily="34" charset="0"/>
              <a:ea typeface="Calibri" panose="020F0502020204030204" pitchFamily="34" charset="0"/>
              <a:cs typeface="Arial" panose="020B0604020202020204" pitchFamily="34" charset="0"/>
            </a:endParaRPr>
          </a:p>
          <a:p>
            <a:pPr>
              <a:lnSpc>
                <a:spcPct val="200000"/>
              </a:lnSpc>
              <a:spcAft>
                <a:spcPts val="0"/>
              </a:spcAft>
            </a:pPr>
            <a:r>
              <a:rPr lang="he-IL" dirty="0">
                <a:latin typeface="Calibri" panose="020F0502020204030204" pitchFamily="34" charset="0"/>
                <a:ea typeface="Calibri" panose="020F0502020204030204" pitchFamily="34" charset="0"/>
                <a:cs typeface="Narkisim" panose="020E0502050101010101" pitchFamily="34" charset="-79"/>
              </a:rPr>
              <a:t> קידום הרשות כחברה בוועדות עם יכולת השפעה על ישראל.</a:t>
            </a:r>
            <a:endParaRPr lang="en-US" sz="1800" dirty="0">
              <a:latin typeface="Calibri" panose="020F0502020204030204" pitchFamily="34" charset="0"/>
              <a:ea typeface="Calibri" panose="020F0502020204030204" pitchFamily="34" charset="0"/>
              <a:cs typeface="Arial" panose="020B0604020202020204" pitchFamily="34" charset="0"/>
            </a:endParaRPr>
          </a:p>
          <a:p>
            <a:pPr>
              <a:lnSpc>
                <a:spcPct val="200000"/>
              </a:lnSpc>
              <a:spcAft>
                <a:spcPts val="800"/>
              </a:spcAft>
            </a:pPr>
            <a:r>
              <a:rPr lang="he-IL" dirty="0">
                <a:latin typeface="Calibri" panose="020F0502020204030204" pitchFamily="34" charset="0"/>
                <a:ea typeface="Calibri" panose="020F0502020204030204" pitchFamily="34" charset="0"/>
                <a:cs typeface="Narkisim" panose="020E0502050101010101" pitchFamily="34" charset="-79"/>
              </a:rPr>
              <a:t>האיחוד האירופי עדיין רואה בישראל בת ברית למלחמה באסלאם הקיצוני וכמתמחה בתחום המלחמה בטרור.</a:t>
            </a:r>
            <a:endParaRPr lang="en-US" sz="1800" dirty="0">
              <a:latin typeface="Calibri" panose="020F0502020204030204" pitchFamily="34" charset="0"/>
              <a:ea typeface="Calibri" panose="020F0502020204030204" pitchFamily="34" charset="0"/>
              <a:cs typeface="Arial" panose="020B0604020202020204" pitchFamily="34" charset="0"/>
            </a:endParaRPr>
          </a:p>
          <a:p>
            <a:endParaRPr lang="he-IL" sz="3200" dirty="0">
              <a:latin typeface="Narkisim" panose="020E0502050101010101" pitchFamily="34" charset="-79"/>
              <a:cs typeface="Narkisim" panose="020E0502050101010101" pitchFamily="34" charset="-79"/>
            </a:endParaRPr>
          </a:p>
          <a:p>
            <a:endParaRPr lang="he-IL" sz="3200" dirty="0">
              <a:latin typeface="Narkisim" panose="020E0502050101010101" pitchFamily="34" charset="-79"/>
              <a:cs typeface="Narkisim" panose="020E0502050101010101" pitchFamily="34" charset="-79"/>
            </a:endParaRPr>
          </a:p>
        </p:txBody>
      </p:sp>
    </p:spTree>
    <p:extLst>
      <p:ext uri="{BB962C8B-B14F-4D97-AF65-F5344CB8AC3E}">
        <p14:creationId xmlns:p14="http://schemas.microsoft.com/office/powerpoint/2010/main" val="1021676291"/>
      </p:ext>
    </p:extLst>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מלבן מעוגל 3"/>
          <p:cNvSpPr/>
          <p:nvPr/>
        </p:nvSpPr>
        <p:spPr>
          <a:xfrm>
            <a:off x="2873473" y="1265683"/>
            <a:ext cx="3714751" cy="4395565"/>
          </a:xfrm>
          <a:prstGeom prst="roundRect">
            <a:avLst/>
          </a:prstGeom>
          <a:solidFill>
            <a:schemeClr val="accent4">
              <a:lumMod val="40000"/>
              <a:lumOff val="60000"/>
              <a:alpha val="86000"/>
            </a:schemeClr>
          </a:solidFill>
          <a:ln w="25400"/>
        </p:spPr>
        <p:style>
          <a:lnRef idx="2">
            <a:schemeClr val="accent1">
              <a:shade val="50000"/>
            </a:schemeClr>
          </a:lnRef>
          <a:fillRef idx="1">
            <a:schemeClr val="accent1"/>
          </a:fillRef>
          <a:effectRef idx="0">
            <a:schemeClr val="accent1"/>
          </a:effectRef>
          <a:fontRef idx="minor">
            <a:schemeClr val="lt1"/>
          </a:fontRef>
        </p:style>
        <p:txBody>
          <a:bodyPr rtlCol="1" anchor="t"/>
          <a:lstStyle/>
          <a:p>
            <a:pPr algn="r" rtl="1"/>
            <a:r>
              <a:rPr lang="he-IL" b="1" dirty="0">
                <a:solidFill>
                  <a:schemeClr val="tx1"/>
                </a:solidFill>
                <a:latin typeface="Narkisim" panose="020E0502050101010101" pitchFamily="34" charset="-79"/>
                <a:cs typeface="Narkisim" panose="020E0502050101010101" pitchFamily="34" charset="-79"/>
              </a:rPr>
              <a:t>הרשות </a:t>
            </a:r>
            <a:r>
              <a:rPr lang="he-IL" b="1" dirty="0" smtClean="0">
                <a:solidFill>
                  <a:schemeClr val="tx1"/>
                </a:solidFill>
                <a:latin typeface="Narkisim" panose="020E0502050101010101" pitchFamily="34" charset="-79"/>
                <a:cs typeface="Narkisim" panose="020E0502050101010101" pitchFamily="34" charset="-79"/>
              </a:rPr>
              <a:t>הפלסטינית</a:t>
            </a:r>
            <a:endParaRPr lang="he-IL" sz="1400" dirty="0">
              <a:solidFill>
                <a:schemeClr val="tx1"/>
              </a:solidFill>
              <a:latin typeface="Narkisim" panose="020E0502050101010101" pitchFamily="34" charset="-79"/>
              <a:cs typeface="Narkisim" panose="020E0502050101010101" pitchFamily="34" charset="-79"/>
            </a:endParaRPr>
          </a:p>
          <a:p>
            <a:pPr marL="257175" indent="-257175" algn="r" rtl="1">
              <a:lnSpc>
                <a:spcPct val="150000"/>
              </a:lnSpc>
              <a:buFont typeface="+mj-lt"/>
              <a:buAutoNum type="arabicPeriod"/>
            </a:pPr>
            <a:r>
              <a:rPr lang="he-IL" sz="1400" b="1" dirty="0">
                <a:solidFill>
                  <a:schemeClr val="tx1"/>
                </a:solidFill>
                <a:latin typeface="Narkisim" panose="020E0502050101010101" pitchFamily="34" charset="-79"/>
                <a:ea typeface="Calibri" panose="020F0502020204030204" pitchFamily="34" charset="0"/>
                <a:cs typeface="Narkisim" panose="020E0502050101010101" pitchFamily="34" charset="-79"/>
              </a:rPr>
              <a:t>שלטון אחד, חילוני</a:t>
            </a:r>
            <a:r>
              <a:rPr lang="he-IL" sz="1400" b="1" dirty="0" smtClean="0">
                <a:solidFill>
                  <a:schemeClr val="tx1"/>
                </a:solidFill>
                <a:latin typeface="Narkisim" panose="020E0502050101010101" pitchFamily="34" charset="-79"/>
                <a:ea typeface="Calibri" panose="020F0502020204030204" pitchFamily="34" charset="0"/>
                <a:cs typeface="Narkisim" panose="020E0502050101010101" pitchFamily="34" charset="-79"/>
              </a:rPr>
              <a:t>, יציב </a:t>
            </a:r>
            <a:r>
              <a:rPr lang="he-IL" sz="1400" b="1" dirty="0" err="1" smtClean="0">
                <a:solidFill>
                  <a:schemeClr val="tx1"/>
                </a:solidFill>
                <a:latin typeface="Narkisim" panose="020E0502050101010101" pitchFamily="34" charset="-79"/>
                <a:ea typeface="Calibri" panose="020F0502020204030204" pitchFamily="34" charset="0"/>
                <a:cs typeface="Narkisim" panose="020E0502050101010101" pitchFamily="34" charset="-79"/>
              </a:rPr>
              <a:t>באיו"ש</a:t>
            </a:r>
            <a:r>
              <a:rPr lang="he-IL" sz="1400" b="1" dirty="0" smtClean="0">
                <a:solidFill>
                  <a:schemeClr val="tx1"/>
                </a:solidFill>
                <a:latin typeface="Narkisim" panose="020E0502050101010101" pitchFamily="34" charset="-79"/>
                <a:ea typeface="Calibri" panose="020F0502020204030204" pitchFamily="34" charset="0"/>
                <a:cs typeface="Narkisim" panose="020E0502050101010101" pitchFamily="34" charset="-79"/>
              </a:rPr>
              <a:t> ועזה</a:t>
            </a:r>
            <a:endParaRPr lang="en-US" sz="1050" dirty="0">
              <a:solidFill>
                <a:schemeClr val="tx1"/>
              </a:solidFill>
              <a:latin typeface="Narkisim" panose="020E0502050101010101" pitchFamily="34" charset="-79"/>
              <a:ea typeface="Calibri" panose="020F0502020204030204" pitchFamily="34" charset="0"/>
              <a:cs typeface="Narkisim" panose="020E0502050101010101" pitchFamily="34" charset="-79"/>
            </a:endParaRPr>
          </a:p>
          <a:p>
            <a:pPr marL="257175" indent="-257175" algn="r" rtl="1">
              <a:lnSpc>
                <a:spcPct val="150000"/>
              </a:lnSpc>
              <a:buFont typeface="+mj-lt"/>
              <a:buAutoNum type="arabicPeriod"/>
            </a:pPr>
            <a:r>
              <a:rPr lang="he-IL" sz="1400" b="1" dirty="0">
                <a:solidFill>
                  <a:schemeClr val="tx1"/>
                </a:solidFill>
                <a:latin typeface="Narkisim" panose="020E0502050101010101" pitchFamily="34" charset="-79"/>
                <a:ea typeface="Calibri" panose="020F0502020204030204" pitchFamily="34" charset="0"/>
                <a:cs typeface="Narkisim" panose="020E0502050101010101" pitchFamily="34" charset="-79"/>
              </a:rPr>
              <a:t>פיוס לאומי פלסטיני </a:t>
            </a:r>
            <a:r>
              <a:rPr lang="he-IL" sz="1400" b="1" dirty="0" smtClean="0">
                <a:solidFill>
                  <a:schemeClr val="tx1"/>
                </a:solidFill>
                <a:latin typeface="Narkisim" panose="020E0502050101010101" pitchFamily="34" charset="-79"/>
                <a:ea typeface="Calibri" panose="020F0502020204030204" pitchFamily="34" charset="0"/>
                <a:cs typeface="Narkisim" panose="020E0502050101010101" pitchFamily="34" charset="-79"/>
              </a:rPr>
              <a:t>ורצף </a:t>
            </a:r>
            <a:r>
              <a:rPr lang="he-IL" sz="1400" b="1" dirty="0">
                <a:solidFill>
                  <a:schemeClr val="tx1"/>
                </a:solidFill>
                <a:latin typeface="Narkisim" panose="020E0502050101010101" pitchFamily="34" charset="-79"/>
                <a:ea typeface="Calibri" panose="020F0502020204030204" pitchFamily="34" charset="0"/>
                <a:cs typeface="Narkisim" panose="020E0502050101010101" pitchFamily="34" charset="-79"/>
              </a:rPr>
              <a:t>מדינתי.</a:t>
            </a:r>
            <a:endParaRPr lang="en-US" sz="1050" dirty="0">
              <a:solidFill>
                <a:schemeClr val="tx1"/>
              </a:solidFill>
              <a:latin typeface="Narkisim" panose="020E0502050101010101" pitchFamily="34" charset="-79"/>
              <a:ea typeface="Calibri" panose="020F0502020204030204" pitchFamily="34" charset="0"/>
              <a:cs typeface="Narkisim" panose="020E0502050101010101" pitchFamily="34" charset="-79"/>
            </a:endParaRPr>
          </a:p>
          <a:p>
            <a:pPr marL="257175" indent="-257175" algn="r" rtl="1">
              <a:lnSpc>
                <a:spcPct val="150000"/>
              </a:lnSpc>
              <a:buFont typeface="+mj-lt"/>
              <a:buAutoNum type="arabicPeriod"/>
            </a:pPr>
            <a:r>
              <a:rPr lang="he-IL" sz="1400" b="1" dirty="0">
                <a:solidFill>
                  <a:schemeClr val="tx1"/>
                </a:solidFill>
                <a:latin typeface="Narkisim" panose="020E0502050101010101" pitchFamily="34" charset="-79"/>
                <a:ea typeface="Calibri" panose="020F0502020204030204" pitchFamily="34" charset="0"/>
                <a:cs typeface="Narkisim" panose="020E0502050101010101" pitchFamily="34" charset="-79"/>
              </a:rPr>
              <a:t>שימור הקשרים הכלכליים עם ישראל </a:t>
            </a:r>
            <a:endParaRPr lang="he-IL" sz="1400" b="1" dirty="0" smtClean="0">
              <a:solidFill>
                <a:schemeClr val="tx1"/>
              </a:solidFill>
              <a:latin typeface="Narkisim" panose="020E0502050101010101" pitchFamily="34" charset="-79"/>
              <a:ea typeface="Calibri" panose="020F0502020204030204" pitchFamily="34" charset="0"/>
              <a:cs typeface="Narkisim" panose="020E0502050101010101" pitchFamily="34" charset="-79"/>
            </a:endParaRPr>
          </a:p>
          <a:p>
            <a:pPr marL="257175" indent="-257175" algn="r" rtl="1">
              <a:lnSpc>
                <a:spcPct val="150000"/>
              </a:lnSpc>
              <a:buFont typeface="+mj-lt"/>
              <a:buAutoNum type="arabicPeriod"/>
            </a:pPr>
            <a:r>
              <a:rPr lang="he-IL" sz="1400" b="1" dirty="0" smtClean="0">
                <a:solidFill>
                  <a:schemeClr val="tx1"/>
                </a:solidFill>
                <a:latin typeface="Narkisim" panose="020E0502050101010101" pitchFamily="34" charset="-79"/>
                <a:ea typeface="Calibri" panose="020F0502020204030204" pitchFamily="34" charset="0"/>
                <a:cs typeface="Narkisim" panose="020E0502050101010101" pitchFamily="34" charset="-79"/>
              </a:rPr>
              <a:t>שליטה </a:t>
            </a:r>
            <a:r>
              <a:rPr lang="he-IL" sz="1400" b="1" dirty="0">
                <a:solidFill>
                  <a:schemeClr val="tx1"/>
                </a:solidFill>
                <a:latin typeface="Narkisim" panose="020E0502050101010101" pitchFamily="34" charset="-79"/>
                <a:ea typeface="Calibri" panose="020F0502020204030204" pitchFamily="34" charset="0"/>
                <a:cs typeface="Narkisim" panose="020E0502050101010101" pitchFamily="34" charset="-79"/>
              </a:rPr>
              <a:t>בתקציב אחוד לאומי.</a:t>
            </a:r>
            <a:endParaRPr lang="en-US" sz="1050" dirty="0">
              <a:solidFill>
                <a:schemeClr val="tx1"/>
              </a:solidFill>
              <a:latin typeface="Narkisim" panose="020E0502050101010101" pitchFamily="34" charset="-79"/>
              <a:ea typeface="Calibri" panose="020F0502020204030204" pitchFamily="34" charset="0"/>
              <a:cs typeface="Narkisim" panose="020E0502050101010101" pitchFamily="34" charset="-79"/>
            </a:endParaRPr>
          </a:p>
          <a:p>
            <a:pPr marL="257175" indent="-257175" algn="r" rtl="1">
              <a:lnSpc>
                <a:spcPct val="150000"/>
              </a:lnSpc>
              <a:buFont typeface="+mj-lt"/>
              <a:buAutoNum type="arabicPeriod"/>
            </a:pPr>
            <a:r>
              <a:rPr lang="he-IL" sz="1400" b="1" dirty="0">
                <a:solidFill>
                  <a:schemeClr val="tx1"/>
                </a:solidFill>
                <a:latin typeface="Narkisim" panose="020E0502050101010101" pitchFamily="34" charset="-79"/>
                <a:ea typeface="Calibri" panose="020F0502020204030204" pitchFamily="34" charset="0"/>
                <a:cs typeface="Narkisim" panose="020E0502050101010101" pitchFamily="34" charset="-79"/>
              </a:rPr>
              <a:t>הכרה בינלאומית וחברות מלאה בחבר העמים כמדינה שווה.</a:t>
            </a:r>
            <a:endParaRPr lang="en-US" sz="1050" dirty="0">
              <a:solidFill>
                <a:schemeClr val="tx1"/>
              </a:solidFill>
              <a:latin typeface="Narkisim" panose="020E0502050101010101" pitchFamily="34" charset="-79"/>
              <a:ea typeface="Calibri" panose="020F0502020204030204" pitchFamily="34" charset="0"/>
              <a:cs typeface="Narkisim" panose="020E0502050101010101" pitchFamily="34" charset="-79"/>
            </a:endParaRPr>
          </a:p>
          <a:p>
            <a:pPr marL="257175" indent="-257175" algn="r" rtl="1">
              <a:lnSpc>
                <a:spcPct val="150000"/>
              </a:lnSpc>
              <a:buFont typeface="+mj-lt"/>
              <a:buAutoNum type="arabicPeriod"/>
            </a:pPr>
            <a:r>
              <a:rPr lang="he-IL" sz="1400" b="1" dirty="0">
                <a:solidFill>
                  <a:schemeClr val="tx1"/>
                </a:solidFill>
                <a:latin typeface="Narkisim" panose="020E0502050101010101" pitchFamily="34" charset="-79"/>
                <a:ea typeface="Calibri" panose="020F0502020204030204" pitchFamily="34" charset="0"/>
                <a:cs typeface="Narkisim" panose="020E0502050101010101" pitchFamily="34" charset="-79"/>
              </a:rPr>
              <a:t>חזרת פליטים סמלית בלבד </a:t>
            </a:r>
            <a:r>
              <a:rPr lang="he-IL" sz="1400" b="1" dirty="0" smtClean="0">
                <a:solidFill>
                  <a:schemeClr val="tx1"/>
                </a:solidFill>
                <a:latin typeface="Narkisim" panose="020E0502050101010101" pitchFamily="34" charset="-79"/>
                <a:ea typeface="Calibri" panose="020F0502020204030204" pitchFamily="34" charset="0"/>
                <a:cs typeface="Narkisim" panose="020E0502050101010101" pitchFamily="34" charset="-79"/>
              </a:rPr>
              <a:t>ופיצוי</a:t>
            </a:r>
            <a:r>
              <a:rPr lang="he-IL" sz="1400" b="1" dirty="0">
                <a:solidFill>
                  <a:schemeClr val="tx1"/>
                </a:solidFill>
                <a:latin typeface="Narkisim" panose="020E0502050101010101" pitchFamily="34" charset="-79"/>
                <a:ea typeface="Calibri" panose="020F0502020204030204" pitchFamily="34" charset="0"/>
                <a:cs typeface="Narkisim" panose="020E0502050101010101" pitchFamily="34" charset="-79"/>
              </a:rPr>
              <a:t>.</a:t>
            </a:r>
            <a:endParaRPr lang="en-US" sz="1050" dirty="0">
              <a:solidFill>
                <a:schemeClr val="tx1"/>
              </a:solidFill>
              <a:latin typeface="Narkisim" panose="020E0502050101010101" pitchFamily="34" charset="-79"/>
              <a:ea typeface="Calibri" panose="020F0502020204030204" pitchFamily="34" charset="0"/>
              <a:cs typeface="Narkisim" panose="020E0502050101010101" pitchFamily="34" charset="-79"/>
            </a:endParaRPr>
          </a:p>
          <a:p>
            <a:pPr marL="257175" indent="-257175" algn="r" rtl="1">
              <a:lnSpc>
                <a:spcPct val="150000"/>
              </a:lnSpc>
              <a:buFont typeface="+mj-lt"/>
              <a:buAutoNum type="arabicPeriod"/>
            </a:pPr>
            <a:r>
              <a:rPr lang="he-IL" sz="1400" b="1" dirty="0">
                <a:solidFill>
                  <a:schemeClr val="tx1"/>
                </a:solidFill>
                <a:latin typeface="Narkisim" panose="020E0502050101010101" pitchFamily="34" charset="-79"/>
                <a:ea typeface="Calibri" panose="020F0502020204030204" pitchFamily="34" charset="0"/>
                <a:cs typeface="Narkisim" panose="020E0502050101010101" pitchFamily="34" charset="-79"/>
              </a:rPr>
              <a:t>ריבונות כלשהיא בירושלים.</a:t>
            </a:r>
            <a:endParaRPr lang="en-US" sz="1050" dirty="0">
              <a:solidFill>
                <a:schemeClr val="tx1"/>
              </a:solidFill>
              <a:latin typeface="Narkisim" panose="020E0502050101010101" pitchFamily="34" charset="-79"/>
              <a:ea typeface="Calibri" panose="020F0502020204030204" pitchFamily="34" charset="0"/>
              <a:cs typeface="Narkisim" panose="020E0502050101010101" pitchFamily="34" charset="-79"/>
            </a:endParaRPr>
          </a:p>
          <a:p>
            <a:pPr marL="257175" indent="-257175" algn="r" rtl="1">
              <a:lnSpc>
                <a:spcPct val="150000"/>
              </a:lnSpc>
              <a:buFont typeface="+mj-lt"/>
              <a:buAutoNum type="arabicPeriod"/>
            </a:pPr>
            <a:r>
              <a:rPr lang="he-IL" sz="1400" b="1" dirty="0">
                <a:solidFill>
                  <a:schemeClr val="tx1"/>
                </a:solidFill>
                <a:latin typeface="Narkisim" panose="020E0502050101010101" pitchFamily="34" charset="-79"/>
                <a:ea typeface="Calibri" panose="020F0502020204030204" pitchFamily="34" charset="0"/>
                <a:cs typeface="Narkisim" panose="020E0502050101010101" pitchFamily="34" charset="-79"/>
              </a:rPr>
              <a:t>עצמאות </a:t>
            </a:r>
            <a:r>
              <a:rPr lang="he-IL" sz="1400" b="1" dirty="0" smtClean="0">
                <a:solidFill>
                  <a:schemeClr val="tx1"/>
                </a:solidFill>
                <a:latin typeface="Narkisim" panose="020E0502050101010101" pitchFamily="34" charset="-79"/>
                <a:ea typeface="Calibri" panose="020F0502020204030204" pitchFamily="34" charset="0"/>
                <a:cs typeface="Narkisim" panose="020E0502050101010101" pitchFamily="34" charset="-79"/>
              </a:rPr>
              <a:t>בתשתיות מים</a:t>
            </a:r>
            <a:r>
              <a:rPr lang="he-IL" sz="1400" b="1" dirty="0">
                <a:solidFill>
                  <a:schemeClr val="tx1"/>
                </a:solidFill>
                <a:latin typeface="Narkisim" panose="020E0502050101010101" pitchFamily="34" charset="-79"/>
                <a:ea typeface="Calibri" panose="020F0502020204030204" pitchFamily="34" charset="0"/>
                <a:cs typeface="Narkisim" panose="020E0502050101010101" pitchFamily="34" charset="-79"/>
              </a:rPr>
              <a:t>, </a:t>
            </a:r>
            <a:r>
              <a:rPr lang="he-IL" sz="1400" b="1" dirty="0" smtClean="0">
                <a:solidFill>
                  <a:schemeClr val="tx1"/>
                </a:solidFill>
                <a:latin typeface="Narkisim" panose="020E0502050101010101" pitchFamily="34" charset="-79"/>
                <a:ea typeface="Calibri" panose="020F0502020204030204" pitchFamily="34" charset="0"/>
                <a:cs typeface="Narkisim" panose="020E0502050101010101" pitchFamily="34" charset="-79"/>
              </a:rPr>
              <a:t>חשמל ותקשורת</a:t>
            </a:r>
            <a:r>
              <a:rPr lang="he-IL" sz="1400" b="1" dirty="0">
                <a:solidFill>
                  <a:schemeClr val="tx1"/>
                </a:solidFill>
                <a:latin typeface="Narkisim" panose="020E0502050101010101" pitchFamily="34" charset="-79"/>
                <a:ea typeface="Calibri" panose="020F0502020204030204" pitchFamily="34" charset="0"/>
                <a:cs typeface="Narkisim" panose="020E0502050101010101" pitchFamily="34" charset="-79"/>
              </a:rPr>
              <a:t>.</a:t>
            </a:r>
            <a:endParaRPr lang="en-US" sz="1050" dirty="0">
              <a:solidFill>
                <a:schemeClr val="tx1"/>
              </a:solidFill>
              <a:latin typeface="Narkisim" panose="020E0502050101010101" pitchFamily="34" charset="-79"/>
              <a:ea typeface="Calibri" panose="020F0502020204030204" pitchFamily="34" charset="0"/>
              <a:cs typeface="Narkisim" panose="020E0502050101010101" pitchFamily="34" charset="-79"/>
            </a:endParaRPr>
          </a:p>
          <a:p>
            <a:pPr marL="257175" indent="-257175" algn="r" rtl="1">
              <a:lnSpc>
                <a:spcPct val="150000"/>
              </a:lnSpc>
              <a:buFont typeface="+mj-lt"/>
              <a:buAutoNum type="arabicPeriod"/>
            </a:pPr>
            <a:r>
              <a:rPr lang="he-IL" sz="1400" b="1" dirty="0">
                <a:solidFill>
                  <a:schemeClr val="tx1"/>
                </a:solidFill>
                <a:latin typeface="Narkisim" panose="020E0502050101010101" pitchFamily="34" charset="-79"/>
                <a:ea typeface="Calibri" panose="020F0502020204030204" pitchFamily="34" charset="0"/>
                <a:cs typeface="Narkisim" panose="020E0502050101010101" pitchFamily="34" charset="-79"/>
              </a:rPr>
              <a:t>הפלסטינים אזרחי ישראל נשארים בישראל. </a:t>
            </a:r>
            <a:endParaRPr lang="en-US" sz="1050" dirty="0">
              <a:solidFill>
                <a:schemeClr val="tx1"/>
              </a:solidFill>
              <a:latin typeface="Narkisim" panose="020E0502050101010101" pitchFamily="34" charset="-79"/>
              <a:ea typeface="Calibri" panose="020F0502020204030204" pitchFamily="34" charset="0"/>
              <a:cs typeface="Narkisim" panose="020E0502050101010101" pitchFamily="34" charset="-79"/>
            </a:endParaRPr>
          </a:p>
          <a:p>
            <a:pPr marL="257175" indent="-257175" algn="r" rtl="1">
              <a:lnSpc>
                <a:spcPct val="150000"/>
              </a:lnSpc>
              <a:spcAft>
                <a:spcPts val="600"/>
              </a:spcAft>
              <a:buFont typeface="+mj-lt"/>
              <a:buAutoNum type="arabicPeriod"/>
            </a:pPr>
            <a:r>
              <a:rPr lang="he-IL" sz="1400" b="1" dirty="0">
                <a:solidFill>
                  <a:schemeClr val="tx1"/>
                </a:solidFill>
                <a:latin typeface="Narkisim" panose="020E0502050101010101" pitchFamily="34" charset="-79"/>
                <a:ea typeface="Calibri" panose="020F0502020204030204" pitchFamily="34" charset="0"/>
                <a:cs typeface="Narkisim" panose="020E0502050101010101" pitchFamily="34" charset="-79"/>
              </a:rPr>
              <a:t>הסכם בינלאומי עם מנופים (ירדן </a:t>
            </a:r>
            <a:r>
              <a:rPr lang="he-IL" sz="1400" b="1" dirty="0" smtClean="0">
                <a:solidFill>
                  <a:schemeClr val="tx1"/>
                </a:solidFill>
                <a:latin typeface="Narkisim" panose="020E0502050101010101" pitchFamily="34" charset="-79"/>
                <a:ea typeface="Calibri" panose="020F0502020204030204" pitchFamily="34" charset="0"/>
                <a:cs typeface="Narkisim" panose="020E0502050101010101" pitchFamily="34" charset="-79"/>
              </a:rPr>
              <a:t>ואו </a:t>
            </a:r>
            <a:r>
              <a:rPr lang="he-IL" sz="1400" b="1" dirty="0">
                <a:solidFill>
                  <a:schemeClr val="tx1"/>
                </a:solidFill>
                <a:latin typeface="Narkisim" panose="020E0502050101010101" pitchFamily="34" charset="-79"/>
                <a:ea typeface="Calibri" panose="020F0502020204030204" pitchFamily="34" charset="0"/>
                <a:cs typeface="Narkisim" panose="020E0502050101010101" pitchFamily="34" charset="-79"/>
              </a:rPr>
              <a:t>מצרים).</a:t>
            </a:r>
            <a:br>
              <a:rPr lang="he-IL" sz="1400" b="1" dirty="0">
                <a:solidFill>
                  <a:schemeClr val="tx1"/>
                </a:solidFill>
                <a:latin typeface="Narkisim" panose="020E0502050101010101" pitchFamily="34" charset="-79"/>
                <a:ea typeface="Calibri" panose="020F0502020204030204" pitchFamily="34" charset="0"/>
                <a:cs typeface="Narkisim" panose="020E0502050101010101" pitchFamily="34" charset="-79"/>
              </a:rPr>
            </a:br>
            <a:endParaRPr lang="en-US" sz="1050" dirty="0">
              <a:solidFill>
                <a:schemeClr val="tx1"/>
              </a:solidFill>
              <a:latin typeface="Narkisim" panose="020E0502050101010101" pitchFamily="34" charset="-79"/>
              <a:ea typeface="Calibri" panose="020F0502020204030204" pitchFamily="34" charset="0"/>
              <a:cs typeface="Narkisim" panose="020E0502050101010101" pitchFamily="34" charset="-79"/>
            </a:endParaRPr>
          </a:p>
          <a:p>
            <a:pPr algn="r" rtl="1">
              <a:lnSpc>
                <a:spcPct val="150000"/>
              </a:lnSpc>
            </a:pPr>
            <a:endParaRPr lang="he-IL" sz="1200" dirty="0">
              <a:solidFill>
                <a:schemeClr val="tx1"/>
              </a:solidFill>
              <a:latin typeface="Narkisim" panose="020E0502050101010101" pitchFamily="34" charset="-79"/>
              <a:cs typeface="Narkisim" panose="020E0502050101010101" pitchFamily="34" charset="-79"/>
            </a:endParaRPr>
          </a:p>
        </p:txBody>
      </p:sp>
      <p:sp>
        <p:nvSpPr>
          <p:cNvPr id="5" name="מלבן מעוגל 4"/>
          <p:cNvSpPr/>
          <p:nvPr/>
        </p:nvSpPr>
        <p:spPr>
          <a:xfrm>
            <a:off x="287802" y="1269673"/>
            <a:ext cx="2387399" cy="3455471"/>
          </a:xfrm>
          <a:prstGeom prst="roundRect">
            <a:avLst/>
          </a:prstGeom>
          <a:solidFill>
            <a:schemeClr val="accent2">
              <a:lumMod val="40000"/>
              <a:lumOff val="60000"/>
              <a:alpha val="40000"/>
            </a:schemeClr>
          </a:solidFill>
          <a:ln w="25400"/>
        </p:spPr>
        <p:style>
          <a:lnRef idx="2">
            <a:schemeClr val="accent1">
              <a:shade val="50000"/>
            </a:schemeClr>
          </a:lnRef>
          <a:fillRef idx="1">
            <a:schemeClr val="accent1"/>
          </a:fillRef>
          <a:effectRef idx="0">
            <a:schemeClr val="accent1"/>
          </a:effectRef>
          <a:fontRef idx="minor">
            <a:schemeClr val="lt1"/>
          </a:fontRef>
        </p:style>
        <p:txBody>
          <a:bodyPr rtlCol="1" anchor="t"/>
          <a:lstStyle/>
          <a:p>
            <a:pPr rtl="1"/>
            <a:r>
              <a:rPr lang="he-IL" sz="2000" b="1" dirty="0">
                <a:solidFill>
                  <a:srgbClr val="240759"/>
                </a:solidFill>
                <a:latin typeface="Narkisim" panose="020E0502050101010101" pitchFamily="34" charset="-79"/>
                <a:cs typeface="Narkisim" panose="020E0502050101010101" pitchFamily="34" charset="-79"/>
              </a:rPr>
              <a:t>פנים פלסטיני</a:t>
            </a:r>
          </a:p>
          <a:p>
            <a:pPr marL="214313" indent="-214313" algn="r" rtl="1">
              <a:buFont typeface="Arial" panose="020B0604020202020204" pitchFamily="34" charset="0"/>
              <a:buChar char="•"/>
            </a:pPr>
            <a:r>
              <a:rPr lang="he-IL" sz="1600" dirty="0" smtClean="0">
                <a:solidFill>
                  <a:srgbClr val="FF0000"/>
                </a:solidFill>
                <a:latin typeface="Narkisim" panose="020E0502050101010101" pitchFamily="34" charset="-79"/>
                <a:cs typeface="Narkisim" panose="020E0502050101010101" pitchFamily="34" charset="-79"/>
              </a:rPr>
              <a:t>דמוגרפי</a:t>
            </a:r>
            <a:endParaRPr lang="he-IL" sz="1600" dirty="0">
              <a:solidFill>
                <a:srgbClr val="FF0000"/>
              </a:solidFill>
              <a:latin typeface="Narkisim" panose="020E0502050101010101" pitchFamily="34" charset="-79"/>
              <a:cs typeface="Narkisim" panose="020E0502050101010101" pitchFamily="34" charset="-79"/>
            </a:endParaRPr>
          </a:p>
          <a:p>
            <a:pPr marL="214313" indent="-214313" algn="r" rtl="1">
              <a:buFont typeface="Arial" panose="020B0604020202020204" pitchFamily="34" charset="0"/>
              <a:buChar char="•"/>
            </a:pPr>
            <a:r>
              <a:rPr lang="he-IL" sz="1600" dirty="0">
                <a:solidFill>
                  <a:srgbClr val="FF0000"/>
                </a:solidFill>
                <a:latin typeface="Narkisim" panose="020E0502050101010101" pitchFamily="34" charset="-79"/>
                <a:cs typeface="Narkisim" panose="020E0502050101010101" pitchFamily="34" charset="-79"/>
              </a:rPr>
              <a:t>סכסוך עם חמאס</a:t>
            </a:r>
          </a:p>
          <a:p>
            <a:pPr marL="214313" indent="-214313" algn="r" rtl="1">
              <a:buFont typeface="Arial" panose="020B0604020202020204" pitchFamily="34" charset="0"/>
              <a:buChar char="•"/>
            </a:pPr>
            <a:r>
              <a:rPr lang="he-IL" sz="1600" dirty="0">
                <a:solidFill>
                  <a:srgbClr val="FF0000"/>
                </a:solidFill>
                <a:latin typeface="Narkisim" panose="020E0502050101010101" pitchFamily="34" charset="-79"/>
                <a:cs typeface="Narkisim" panose="020E0502050101010101" pitchFamily="34" charset="-79"/>
              </a:rPr>
              <a:t>בחירות</a:t>
            </a:r>
          </a:p>
          <a:p>
            <a:pPr marL="214313" indent="-214313" algn="r" rtl="1">
              <a:buFont typeface="Arial" panose="020B0604020202020204" pitchFamily="34" charset="0"/>
              <a:buChar char="•"/>
            </a:pPr>
            <a:r>
              <a:rPr lang="he-IL" sz="1600" dirty="0">
                <a:solidFill>
                  <a:srgbClr val="FF0000"/>
                </a:solidFill>
                <a:latin typeface="Narkisim" panose="020E0502050101010101" pitchFamily="34" charset="-79"/>
                <a:cs typeface="Narkisim" panose="020E0502050101010101" pitchFamily="34" charset="-79"/>
              </a:rPr>
              <a:t>משבר מנהיגות</a:t>
            </a:r>
          </a:p>
          <a:p>
            <a:pPr marL="214313" indent="-214313" algn="r" rtl="1">
              <a:buFont typeface="Arial" panose="020B0604020202020204" pitchFamily="34" charset="0"/>
              <a:buChar char="•"/>
            </a:pPr>
            <a:r>
              <a:rPr lang="he-IL" sz="1600" dirty="0" smtClean="0">
                <a:solidFill>
                  <a:srgbClr val="FF0000"/>
                </a:solidFill>
                <a:latin typeface="Narkisim" panose="020E0502050101010101" pitchFamily="34" charset="-79"/>
                <a:cs typeface="Narkisim" panose="020E0502050101010101" pitchFamily="34" charset="-79"/>
              </a:rPr>
              <a:t>כלכלי (עזה/ </a:t>
            </a:r>
            <a:r>
              <a:rPr lang="he-IL" sz="1600" dirty="0" err="1" smtClean="0">
                <a:solidFill>
                  <a:srgbClr val="FF0000"/>
                </a:solidFill>
                <a:latin typeface="Narkisim" panose="020E0502050101010101" pitchFamily="34" charset="-79"/>
                <a:cs typeface="Narkisim" panose="020E0502050101010101" pitchFamily="34" charset="-79"/>
              </a:rPr>
              <a:t>איו"ש</a:t>
            </a:r>
            <a:r>
              <a:rPr lang="he-IL" sz="1600" dirty="0" smtClean="0">
                <a:solidFill>
                  <a:srgbClr val="FF0000"/>
                </a:solidFill>
                <a:latin typeface="Narkisim" panose="020E0502050101010101" pitchFamily="34" charset="-79"/>
                <a:cs typeface="Narkisim" panose="020E0502050101010101" pitchFamily="34" charset="-79"/>
              </a:rPr>
              <a:t>/ישראל</a:t>
            </a:r>
            <a:r>
              <a:rPr lang="he-IL" sz="1600" dirty="0">
                <a:solidFill>
                  <a:srgbClr val="FF0000"/>
                </a:solidFill>
                <a:latin typeface="Narkisim" panose="020E0502050101010101" pitchFamily="34" charset="-79"/>
                <a:cs typeface="Narkisim" panose="020E0502050101010101" pitchFamily="34" charset="-79"/>
              </a:rPr>
              <a:t>)</a:t>
            </a:r>
          </a:p>
          <a:p>
            <a:pPr marL="214313" indent="-214313" algn="r" rtl="1">
              <a:buFont typeface="Arial" panose="020B0604020202020204" pitchFamily="34" charset="0"/>
              <a:buChar char="•"/>
            </a:pPr>
            <a:r>
              <a:rPr lang="he-IL" sz="1600" dirty="0" err="1">
                <a:solidFill>
                  <a:srgbClr val="FF0000"/>
                </a:solidFill>
                <a:latin typeface="Narkisim" panose="020E0502050101010101" pitchFamily="34" charset="-79"/>
                <a:cs typeface="Narkisim" panose="020E0502050101010101" pitchFamily="34" charset="-79"/>
              </a:rPr>
              <a:t>הדתה</a:t>
            </a:r>
            <a:r>
              <a:rPr lang="he-IL" sz="1600" dirty="0">
                <a:solidFill>
                  <a:srgbClr val="FF0000"/>
                </a:solidFill>
                <a:latin typeface="Narkisim" panose="020E0502050101010101" pitchFamily="34" charset="-79"/>
                <a:cs typeface="Narkisim" panose="020E0502050101010101" pitchFamily="34" charset="-79"/>
              </a:rPr>
              <a:t> וחילוניות</a:t>
            </a:r>
          </a:p>
          <a:p>
            <a:pPr marL="214313" indent="-214313" algn="r" rtl="1">
              <a:buFont typeface="Arial" panose="020B0604020202020204" pitchFamily="34" charset="0"/>
              <a:buChar char="•"/>
            </a:pPr>
            <a:r>
              <a:rPr lang="he-IL" sz="1600" dirty="0">
                <a:solidFill>
                  <a:srgbClr val="FF0000"/>
                </a:solidFill>
                <a:latin typeface="Narkisim" panose="020E0502050101010101" pitchFamily="34" charset="-79"/>
                <a:cs typeface="Narkisim" panose="020E0502050101010101" pitchFamily="34" charset="-79"/>
              </a:rPr>
              <a:t>הצעירים ונרטיב הרחוב</a:t>
            </a:r>
          </a:p>
          <a:p>
            <a:pPr marL="214313" indent="-214313" algn="r" rtl="1">
              <a:buFont typeface="Arial" panose="020B0604020202020204" pitchFamily="34" charset="0"/>
              <a:buChar char="•"/>
            </a:pPr>
            <a:r>
              <a:rPr lang="he-IL" sz="1600" dirty="0">
                <a:solidFill>
                  <a:srgbClr val="FF0000"/>
                </a:solidFill>
                <a:latin typeface="Narkisim" panose="020E0502050101010101" pitchFamily="34" charset="-79"/>
                <a:cs typeface="Narkisim" panose="020E0502050101010101" pitchFamily="34" charset="-79"/>
              </a:rPr>
              <a:t>ירושלים</a:t>
            </a:r>
          </a:p>
          <a:p>
            <a:pPr marL="214313" indent="-214313" algn="r" rtl="1">
              <a:buFont typeface="Arial" panose="020B0604020202020204" pitchFamily="34" charset="0"/>
              <a:buChar char="•"/>
            </a:pPr>
            <a:r>
              <a:rPr lang="he-IL" sz="1600" dirty="0">
                <a:solidFill>
                  <a:srgbClr val="FF0000"/>
                </a:solidFill>
                <a:latin typeface="Narkisim" panose="020E0502050101010101" pitchFamily="34" charset="-79"/>
                <a:cs typeface="Narkisim" panose="020E0502050101010101" pitchFamily="34" charset="-79"/>
              </a:rPr>
              <a:t>גבולות, התנחלויות</a:t>
            </a:r>
          </a:p>
          <a:p>
            <a:pPr marL="214313" indent="-214313" algn="r" rtl="1">
              <a:buFont typeface="Arial" panose="020B0604020202020204" pitchFamily="34" charset="0"/>
              <a:buChar char="•"/>
            </a:pPr>
            <a:r>
              <a:rPr lang="he-IL" sz="1600" dirty="0" err="1">
                <a:solidFill>
                  <a:srgbClr val="FF0000"/>
                </a:solidFill>
                <a:latin typeface="Narkisim" panose="020E0502050101010101" pitchFamily="34" charset="-79"/>
                <a:cs typeface="Narkisim" panose="020E0502050101010101" pitchFamily="34" charset="-79"/>
              </a:rPr>
              <a:t>בינאום</a:t>
            </a:r>
            <a:endParaRPr lang="he-IL" sz="1600" dirty="0">
              <a:solidFill>
                <a:srgbClr val="FF0000"/>
              </a:solidFill>
              <a:latin typeface="Narkisim" panose="020E0502050101010101" pitchFamily="34" charset="-79"/>
              <a:cs typeface="Narkisim" panose="020E0502050101010101" pitchFamily="34" charset="-79"/>
            </a:endParaRPr>
          </a:p>
          <a:p>
            <a:pPr marL="214313" indent="-214313" algn="r" rtl="1">
              <a:buFont typeface="Arial" panose="020B0604020202020204" pitchFamily="34" charset="0"/>
              <a:buChar char="•"/>
            </a:pPr>
            <a:r>
              <a:rPr lang="he-IL" sz="1600" dirty="0">
                <a:solidFill>
                  <a:srgbClr val="FF0000"/>
                </a:solidFill>
                <a:latin typeface="Narkisim" panose="020E0502050101010101" pitchFamily="34" charset="-79"/>
                <a:cs typeface="Narkisim" panose="020E0502050101010101" pitchFamily="34" charset="-79"/>
              </a:rPr>
              <a:t>בטחון</a:t>
            </a:r>
          </a:p>
        </p:txBody>
      </p:sp>
      <p:sp>
        <p:nvSpPr>
          <p:cNvPr id="6" name="מלבן מעוגל 5"/>
          <p:cNvSpPr/>
          <p:nvPr/>
        </p:nvSpPr>
        <p:spPr>
          <a:xfrm>
            <a:off x="6706172" y="3864306"/>
            <a:ext cx="2075420" cy="3117503"/>
          </a:xfrm>
          <a:prstGeom prst="roundRect">
            <a:avLst/>
          </a:prstGeom>
          <a:solidFill>
            <a:schemeClr val="accent6">
              <a:lumMod val="40000"/>
              <a:lumOff val="60000"/>
              <a:alpha val="59000"/>
            </a:schemeClr>
          </a:solidFill>
          <a:ln w="25400"/>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rtl="1"/>
            <a:r>
              <a:rPr lang="he-IL" sz="1800" dirty="0">
                <a:solidFill>
                  <a:prstClr val="black"/>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ישראל</a:t>
            </a:r>
            <a:endParaRPr lang="he-IL" sz="1600" dirty="0">
              <a:solidFill>
                <a:prstClr val="black"/>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a:p>
            <a:pPr marL="160735" indent="-160735" algn="r" rtl="1">
              <a:buFont typeface="Arial" panose="020B0604020202020204" pitchFamily="34" charset="0"/>
              <a:buChar char="•"/>
            </a:pPr>
            <a:r>
              <a:rPr lang="he-IL" sz="1600" dirty="0" smtClean="0">
                <a:solidFill>
                  <a:prstClr val="black"/>
                </a:solidFill>
                <a:latin typeface="Narkisim" panose="020E0502050101010101" pitchFamily="34" charset="-79"/>
                <a:cs typeface="Narkisim" panose="020E0502050101010101" pitchFamily="34" charset="-79"/>
              </a:rPr>
              <a:t>בטחוני</a:t>
            </a:r>
            <a:endParaRPr lang="he-IL" sz="1600" dirty="0">
              <a:solidFill>
                <a:prstClr val="black"/>
              </a:solidFill>
              <a:latin typeface="Narkisim" panose="020E0502050101010101" pitchFamily="34" charset="-79"/>
              <a:cs typeface="Narkisim" panose="020E0502050101010101" pitchFamily="34" charset="-79"/>
            </a:endParaRPr>
          </a:p>
          <a:p>
            <a:pPr marL="160735" indent="-160735" algn="r" rtl="1">
              <a:buFont typeface="Arial" panose="020B0604020202020204" pitchFamily="34" charset="0"/>
              <a:buChar char="•"/>
            </a:pPr>
            <a:r>
              <a:rPr lang="he-IL" sz="1600" dirty="0">
                <a:solidFill>
                  <a:prstClr val="black"/>
                </a:solidFill>
                <a:latin typeface="Narkisim" panose="020E0502050101010101" pitchFamily="34" charset="-79"/>
                <a:cs typeface="Narkisim" panose="020E0502050101010101" pitchFamily="34" charset="-79"/>
              </a:rPr>
              <a:t>ירושלים</a:t>
            </a:r>
          </a:p>
          <a:p>
            <a:pPr marL="160735" indent="-160735" algn="r" rtl="1">
              <a:buFont typeface="Arial" panose="020B0604020202020204" pitchFamily="34" charset="0"/>
              <a:buChar char="•"/>
            </a:pPr>
            <a:r>
              <a:rPr lang="he-IL" sz="1600" dirty="0">
                <a:solidFill>
                  <a:prstClr val="black"/>
                </a:solidFill>
                <a:latin typeface="Narkisim" panose="020E0502050101010101" pitchFamily="34" charset="-79"/>
                <a:cs typeface="Narkisim" panose="020E0502050101010101" pitchFamily="34" charset="-79"/>
              </a:rPr>
              <a:t>שלטון חמאס בעזה</a:t>
            </a:r>
          </a:p>
          <a:p>
            <a:pPr marL="160735" indent="-160735" algn="r" rtl="1">
              <a:buFont typeface="Arial" panose="020B0604020202020204" pitchFamily="34" charset="0"/>
              <a:buChar char="•"/>
            </a:pPr>
            <a:r>
              <a:rPr lang="he-IL" sz="1600" dirty="0">
                <a:solidFill>
                  <a:prstClr val="black"/>
                </a:solidFill>
                <a:latin typeface="Narkisim" panose="020E0502050101010101" pitchFamily="34" charset="-79"/>
                <a:cs typeface="Narkisim" panose="020E0502050101010101" pitchFamily="34" charset="-79"/>
              </a:rPr>
              <a:t>ערים בהתנחלויות</a:t>
            </a:r>
          </a:p>
          <a:p>
            <a:pPr marL="160735" indent="-160735" algn="r" rtl="1">
              <a:buFont typeface="Arial" panose="020B0604020202020204" pitchFamily="34" charset="0"/>
              <a:buChar char="•"/>
            </a:pPr>
            <a:r>
              <a:rPr lang="he-IL" sz="1600" dirty="0">
                <a:solidFill>
                  <a:prstClr val="black"/>
                </a:solidFill>
                <a:latin typeface="Narkisim" panose="020E0502050101010101" pitchFamily="34" charset="-79"/>
                <a:cs typeface="Narkisim" panose="020E0502050101010101" pitchFamily="34" charset="-79"/>
              </a:rPr>
              <a:t>קואליציה ימנית</a:t>
            </a:r>
          </a:p>
          <a:p>
            <a:pPr marL="160735" indent="-160735" algn="r" rtl="1">
              <a:buFont typeface="Arial" panose="020B0604020202020204" pitchFamily="34" charset="0"/>
              <a:buChar char="•"/>
            </a:pPr>
            <a:r>
              <a:rPr lang="he-IL" sz="1600" dirty="0">
                <a:solidFill>
                  <a:prstClr val="black"/>
                </a:solidFill>
                <a:latin typeface="Narkisim" panose="020E0502050101010101" pitchFamily="34" charset="-79"/>
                <a:cs typeface="Narkisim" panose="020E0502050101010101" pitchFamily="34" charset="-79"/>
              </a:rPr>
              <a:t>דעת הקהל</a:t>
            </a:r>
          </a:p>
          <a:p>
            <a:pPr marL="160735" indent="-160735" algn="r" rtl="1">
              <a:buFont typeface="Arial" panose="020B0604020202020204" pitchFamily="34" charset="0"/>
              <a:buChar char="•"/>
            </a:pPr>
            <a:r>
              <a:rPr lang="he-IL" sz="1600" dirty="0">
                <a:solidFill>
                  <a:prstClr val="black"/>
                </a:solidFill>
                <a:latin typeface="Narkisim" panose="020E0502050101010101" pitchFamily="34" charset="-79"/>
                <a:cs typeface="Narkisim" panose="020E0502050101010101" pitchFamily="34" charset="-79"/>
              </a:rPr>
              <a:t>כלכלי</a:t>
            </a:r>
          </a:p>
          <a:p>
            <a:pPr marL="160735" indent="-160735" algn="r" rtl="1">
              <a:buFont typeface="Arial" panose="020B0604020202020204" pitchFamily="34" charset="0"/>
              <a:buChar char="•"/>
            </a:pPr>
            <a:r>
              <a:rPr lang="he-IL" sz="1600" dirty="0">
                <a:solidFill>
                  <a:prstClr val="black"/>
                </a:solidFill>
                <a:latin typeface="Narkisim" panose="020E0502050101010101" pitchFamily="34" charset="-79"/>
                <a:cs typeface="Narkisim" panose="020E0502050101010101" pitchFamily="34" charset="-79"/>
              </a:rPr>
              <a:t>טורקיה/מצרים</a:t>
            </a:r>
          </a:p>
          <a:p>
            <a:pPr marL="160735" indent="-160735" algn="r" rtl="1">
              <a:buFont typeface="Arial" panose="020B0604020202020204" pitchFamily="34" charset="0"/>
              <a:buChar char="•"/>
            </a:pPr>
            <a:r>
              <a:rPr lang="he-IL" sz="1600" dirty="0">
                <a:solidFill>
                  <a:prstClr val="black"/>
                </a:solidFill>
                <a:latin typeface="Narkisim" panose="020E0502050101010101" pitchFamily="34" charset="-79"/>
                <a:cs typeface="Narkisim" panose="020E0502050101010101" pitchFamily="34" charset="-79"/>
              </a:rPr>
              <a:t>סדר עדיפות איראני</a:t>
            </a:r>
          </a:p>
        </p:txBody>
      </p:sp>
      <p:sp>
        <p:nvSpPr>
          <p:cNvPr id="7" name="מלבן מעוגל 6"/>
          <p:cNvSpPr/>
          <p:nvPr/>
        </p:nvSpPr>
        <p:spPr>
          <a:xfrm>
            <a:off x="251520" y="4753719"/>
            <a:ext cx="2454810" cy="2131665"/>
          </a:xfrm>
          <a:prstGeom prst="roundRect">
            <a:avLst/>
          </a:prstGeom>
          <a:solidFill>
            <a:schemeClr val="accent5">
              <a:lumMod val="40000"/>
              <a:lumOff val="60000"/>
              <a:alpha val="55000"/>
            </a:schemeClr>
          </a:solidFill>
          <a:ln w="25400"/>
        </p:spPr>
        <p:style>
          <a:lnRef idx="2">
            <a:schemeClr val="accent1">
              <a:shade val="50000"/>
            </a:schemeClr>
          </a:lnRef>
          <a:fillRef idx="1">
            <a:schemeClr val="accent1"/>
          </a:fillRef>
          <a:effectRef idx="0">
            <a:schemeClr val="accent1"/>
          </a:effectRef>
          <a:fontRef idx="minor">
            <a:schemeClr val="lt1"/>
          </a:fontRef>
        </p:style>
        <p:txBody>
          <a:bodyPr rtlCol="1" anchor="t"/>
          <a:lstStyle/>
          <a:p>
            <a:pPr rtl="1"/>
            <a:r>
              <a:rPr lang="he-IL" sz="2000" b="1" dirty="0">
                <a:solidFill>
                  <a:srgbClr val="240759"/>
                </a:solidFill>
                <a:latin typeface="Narkisim" panose="020E0502050101010101" pitchFamily="34" charset="-79"/>
                <a:cs typeface="Narkisim" panose="020E0502050101010101" pitchFamily="34" charset="-79"/>
              </a:rPr>
              <a:t>ארה"ב </a:t>
            </a:r>
            <a:r>
              <a:rPr lang="he-IL" sz="2000" b="1" dirty="0" smtClean="0">
                <a:solidFill>
                  <a:srgbClr val="240759"/>
                </a:solidFill>
                <a:latin typeface="Narkisim" panose="020E0502050101010101" pitchFamily="34" charset="-79"/>
                <a:cs typeface="Narkisim" panose="020E0502050101010101" pitchFamily="34" charset="-79"/>
              </a:rPr>
              <a:t>והאיחוד</a:t>
            </a:r>
            <a:endParaRPr lang="he-IL" sz="2000" b="1" dirty="0">
              <a:solidFill>
                <a:srgbClr val="240759"/>
              </a:solidFill>
              <a:latin typeface="Narkisim" panose="020E0502050101010101" pitchFamily="34" charset="-79"/>
              <a:cs typeface="Narkisim" panose="020E0502050101010101" pitchFamily="34" charset="-79"/>
            </a:endParaRPr>
          </a:p>
          <a:p>
            <a:pPr algn="r" rtl="1"/>
            <a:endParaRPr lang="he-IL" sz="1600" b="1" dirty="0">
              <a:solidFill>
                <a:schemeClr val="accent1">
                  <a:lumMod val="50000"/>
                </a:schemeClr>
              </a:solidFill>
              <a:latin typeface="Narkisim" panose="020E0502050101010101" pitchFamily="34" charset="-79"/>
              <a:cs typeface="Narkisim" panose="020E0502050101010101" pitchFamily="34" charset="-79"/>
            </a:endParaRPr>
          </a:p>
          <a:p>
            <a:pPr marL="214313" indent="-214313" algn="r" rtl="1">
              <a:buFont typeface="Arial" panose="020B0604020202020204" pitchFamily="34" charset="0"/>
              <a:buChar char="•"/>
            </a:pPr>
            <a:r>
              <a:rPr lang="he-IL" sz="1600" b="1" dirty="0">
                <a:solidFill>
                  <a:schemeClr val="accent1">
                    <a:lumMod val="50000"/>
                  </a:schemeClr>
                </a:solidFill>
                <a:latin typeface="Narkisim" panose="020E0502050101010101" pitchFamily="34" charset="-79"/>
                <a:cs typeface="Narkisim" panose="020E0502050101010101" pitchFamily="34" charset="-79"/>
              </a:rPr>
              <a:t>פרו ישראלי</a:t>
            </a:r>
          </a:p>
          <a:p>
            <a:pPr marL="214313" indent="-214313" algn="r" rtl="1">
              <a:buFont typeface="Arial" panose="020B0604020202020204" pitchFamily="34" charset="0"/>
              <a:buChar char="•"/>
            </a:pPr>
            <a:r>
              <a:rPr lang="he-IL" sz="1600" b="1" dirty="0">
                <a:solidFill>
                  <a:schemeClr val="accent1">
                    <a:lumMod val="50000"/>
                  </a:schemeClr>
                </a:solidFill>
                <a:latin typeface="Narkisim" panose="020E0502050101010101" pitchFamily="34" charset="-79"/>
                <a:cs typeface="Narkisim" panose="020E0502050101010101" pitchFamily="34" charset="-79"/>
              </a:rPr>
              <a:t>פרו פלסטינים</a:t>
            </a:r>
          </a:p>
          <a:p>
            <a:pPr marL="214313" indent="-214313" algn="r" rtl="1">
              <a:buFont typeface="Arial" panose="020B0604020202020204" pitchFamily="34" charset="0"/>
              <a:buChar char="•"/>
            </a:pPr>
            <a:r>
              <a:rPr lang="he-IL" sz="1600" b="1" dirty="0">
                <a:solidFill>
                  <a:schemeClr val="accent1">
                    <a:lumMod val="50000"/>
                  </a:schemeClr>
                </a:solidFill>
                <a:latin typeface="Narkisim" panose="020E0502050101010101" pitchFamily="34" charset="-79"/>
                <a:cs typeface="Narkisim" panose="020E0502050101010101" pitchFamily="34" charset="-79"/>
              </a:rPr>
              <a:t>סדר עדיפות איראני </a:t>
            </a:r>
            <a:r>
              <a:rPr lang="he-IL" sz="1600" b="1" dirty="0" err="1">
                <a:solidFill>
                  <a:schemeClr val="accent1">
                    <a:lumMod val="50000"/>
                  </a:schemeClr>
                </a:solidFill>
                <a:latin typeface="Narkisim" panose="020E0502050101010101" pitchFamily="34" charset="-79"/>
                <a:cs typeface="Narkisim" panose="020E0502050101010101" pitchFamily="34" charset="-79"/>
              </a:rPr>
              <a:t>דעאשי</a:t>
            </a:r>
            <a:endParaRPr lang="he-IL" sz="1600" b="1" dirty="0">
              <a:solidFill>
                <a:schemeClr val="accent1">
                  <a:lumMod val="50000"/>
                </a:schemeClr>
              </a:solidFill>
              <a:latin typeface="Narkisim" panose="020E0502050101010101" pitchFamily="34" charset="-79"/>
              <a:cs typeface="Narkisim" panose="020E0502050101010101" pitchFamily="34" charset="-79"/>
            </a:endParaRPr>
          </a:p>
          <a:p>
            <a:pPr marL="214313" indent="-214313" algn="r" rtl="1">
              <a:buFont typeface="Arial" panose="020B0604020202020204" pitchFamily="34" charset="0"/>
              <a:buChar char="•"/>
            </a:pPr>
            <a:r>
              <a:rPr lang="he-IL" sz="1600" b="1" dirty="0">
                <a:solidFill>
                  <a:schemeClr val="accent1">
                    <a:lumMod val="50000"/>
                  </a:schemeClr>
                </a:solidFill>
                <a:latin typeface="Narkisim" panose="020E0502050101010101" pitchFamily="34" charset="-79"/>
                <a:cs typeface="Narkisim" panose="020E0502050101010101" pitchFamily="34" charset="-79"/>
              </a:rPr>
              <a:t>הכרה בינלאומית או"ם</a:t>
            </a:r>
          </a:p>
          <a:p>
            <a:pPr marL="214313" indent="-214313" algn="r" rtl="1">
              <a:buFont typeface="Arial" panose="020B0604020202020204" pitchFamily="34" charset="0"/>
              <a:buChar char="•"/>
            </a:pPr>
            <a:r>
              <a:rPr lang="he-IL" sz="1600" b="1" dirty="0">
                <a:solidFill>
                  <a:schemeClr val="accent1">
                    <a:lumMod val="50000"/>
                  </a:schemeClr>
                </a:solidFill>
                <a:latin typeface="Narkisim" panose="020E0502050101010101" pitchFamily="34" charset="-79"/>
                <a:cs typeface="Narkisim" panose="020E0502050101010101" pitchFamily="34" charset="-79"/>
              </a:rPr>
              <a:t>טרור ופליטים באירופה</a:t>
            </a:r>
            <a:endParaRPr lang="he-IL" sz="1050" dirty="0">
              <a:solidFill>
                <a:schemeClr val="accent1">
                  <a:lumMod val="50000"/>
                </a:schemeClr>
              </a:solidFill>
              <a:latin typeface="Narkisim" panose="020E0502050101010101" pitchFamily="34" charset="-79"/>
              <a:cs typeface="Narkisim" panose="020E0502050101010101" pitchFamily="34" charset="-79"/>
            </a:endParaRPr>
          </a:p>
          <a:p>
            <a:pPr marL="160735" indent="-160735" algn="r" rtl="1">
              <a:buFont typeface="Arial" panose="020B0604020202020204" pitchFamily="34" charset="0"/>
              <a:buChar char="•"/>
            </a:pPr>
            <a:endParaRPr lang="he-IL" sz="1050" dirty="0">
              <a:solidFill>
                <a:schemeClr val="accent1">
                  <a:lumMod val="50000"/>
                </a:schemeClr>
              </a:solidFill>
              <a:latin typeface="Narkisim" panose="020E0502050101010101" pitchFamily="34" charset="-79"/>
              <a:cs typeface="Narkisim" panose="020E0502050101010101" pitchFamily="34" charset="-79"/>
            </a:endParaRPr>
          </a:p>
          <a:p>
            <a:pPr algn="r" rtl="1"/>
            <a:endParaRPr lang="he-IL" sz="1050" dirty="0">
              <a:solidFill>
                <a:schemeClr val="accent1">
                  <a:lumMod val="50000"/>
                </a:schemeClr>
              </a:solidFill>
              <a:latin typeface="Narkisim" panose="020E0502050101010101" pitchFamily="34" charset="-79"/>
              <a:cs typeface="Narkisim" panose="020E0502050101010101" pitchFamily="34" charset="-79"/>
            </a:endParaRPr>
          </a:p>
          <a:p>
            <a:pPr algn="r" rtl="1"/>
            <a:endParaRPr lang="he-IL" sz="1050" dirty="0">
              <a:solidFill>
                <a:schemeClr val="accent1">
                  <a:lumMod val="50000"/>
                </a:schemeClr>
              </a:solidFill>
              <a:latin typeface="Narkisim" panose="020E0502050101010101" pitchFamily="34" charset="-79"/>
              <a:cs typeface="Narkisim" panose="020E0502050101010101" pitchFamily="34" charset="-79"/>
            </a:endParaRPr>
          </a:p>
        </p:txBody>
      </p:sp>
      <p:sp>
        <p:nvSpPr>
          <p:cNvPr id="8" name="מלבן מעוגל 7"/>
          <p:cNvSpPr/>
          <p:nvPr/>
        </p:nvSpPr>
        <p:spPr>
          <a:xfrm>
            <a:off x="6763702" y="1204710"/>
            <a:ext cx="1930795" cy="2728346"/>
          </a:xfrm>
          <a:prstGeom prst="roundRect">
            <a:avLst/>
          </a:prstGeom>
          <a:solidFill>
            <a:schemeClr val="bg2">
              <a:lumMod val="90000"/>
              <a:alpha val="71000"/>
            </a:schemeClr>
          </a:solidFill>
          <a:ln w="25400"/>
        </p:spPr>
        <p:style>
          <a:lnRef idx="2">
            <a:schemeClr val="accent1">
              <a:shade val="50000"/>
            </a:schemeClr>
          </a:lnRef>
          <a:fillRef idx="1">
            <a:schemeClr val="accent1"/>
          </a:fillRef>
          <a:effectRef idx="0">
            <a:schemeClr val="accent1"/>
          </a:effectRef>
          <a:fontRef idx="minor">
            <a:schemeClr val="lt1"/>
          </a:fontRef>
        </p:style>
        <p:txBody>
          <a:bodyPr rtlCol="1" anchor="t"/>
          <a:lstStyle/>
          <a:p>
            <a:pPr rtl="1"/>
            <a:r>
              <a:rPr lang="he-IL" sz="2000" b="1" dirty="0">
                <a:solidFill>
                  <a:srgbClr val="240759"/>
                </a:solidFill>
                <a:latin typeface="Narkisim" panose="020E0502050101010101" pitchFamily="34" charset="-79"/>
                <a:cs typeface="Narkisim" panose="020E0502050101010101" pitchFamily="34" charset="-79"/>
              </a:rPr>
              <a:t>העולם הערבי +</a:t>
            </a:r>
          </a:p>
          <a:p>
            <a:pPr marL="160735" indent="-160735" algn="r" rtl="1">
              <a:buFont typeface="Arial" panose="020B0604020202020204" pitchFamily="34" charset="0"/>
              <a:buChar char="•"/>
            </a:pPr>
            <a:r>
              <a:rPr lang="he-IL" sz="1600" dirty="0" smtClean="0">
                <a:solidFill>
                  <a:srgbClr val="C00000"/>
                </a:solidFill>
                <a:latin typeface="Narkisim" panose="020E0502050101010101" pitchFamily="34" charset="-79"/>
                <a:cs typeface="Narkisim" panose="020E0502050101010101" pitchFamily="34" charset="-79"/>
              </a:rPr>
              <a:t>ירושלים</a:t>
            </a:r>
            <a:endParaRPr lang="he-IL" sz="1600" dirty="0">
              <a:solidFill>
                <a:srgbClr val="C00000"/>
              </a:solidFill>
              <a:latin typeface="Narkisim" panose="020E0502050101010101" pitchFamily="34" charset="-79"/>
              <a:cs typeface="Narkisim" panose="020E0502050101010101" pitchFamily="34" charset="-79"/>
            </a:endParaRPr>
          </a:p>
          <a:p>
            <a:pPr marL="160735" indent="-160735" algn="r" rtl="1">
              <a:buFont typeface="Arial" panose="020B0604020202020204" pitchFamily="34" charset="0"/>
              <a:buChar char="•"/>
            </a:pPr>
            <a:r>
              <a:rPr lang="he-IL" sz="1600" dirty="0">
                <a:solidFill>
                  <a:srgbClr val="C00000"/>
                </a:solidFill>
                <a:latin typeface="Narkisim" panose="020E0502050101010101" pitchFamily="34" charset="-79"/>
                <a:cs typeface="Narkisim" panose="020E0502050101010101" pitchFamily="34" charset="-79"/>
              </a:rPr>
              <a:t>ירדן</a:t>
            </a:r>
          </a:p>
          <a:p>
            <a:pPr marL="160735" indent="-160735" algn="r" rtl="1">
              <a:buFont typeface="Arial" panose="020B0604020202020204" pitchFamily="34" charset="0"/>
              <a:buChar char="•"/>
            </a:pPr>
            <a:r>
              <a:rPr lang="he-IL" sz="1600" dirty="0">
                <a:solidFill>
                  <a:srgbClr val="C00000"/>
                </a:solidFill>
                <a:latin typeface="Narkisim" panose="020E0502050101010101" pitchFamily="34" charset="-79"/>
                <a:cs typeface="Narkisim" panose="020E0502050101010101" pitchFamily="34" charset="-79"/>
              </a:rPr>
              <a:t>מצרים</a:t>
            </a:r>
          </a:p>
          <a:p>
            <a:pPr marL="160735" indent="-160735" algn="r" rtl="1">
              <a:buFont typeface="Arial" panose="020B0604020202020204" pitchFamily="34" charset="0"/>
              <a:buChar char="•"/>
            </a:pPr>
            <a:r>
              <a:rPr lang="he-IL" sz="1600" dirty="0">
                <a:solidFill>
                  <a:srgbClr val="C00000"/>
                </a:solidFill>
                <a:latin typeface="Narkisim" panose="020E0502050101010101" pitchFamily="34" charset="-79"/>
                <a:cs typeface="Narkisim" panose="020E0502050101010101" pitchFamily="34" charset="-79"/>
              </a:rPr>
              <a:t>סעודיה והליגה הערבית</a:t>
            </a:r>
          </a:p>
          <a:p>
            <a:pPr marL="160735" indent="-160735" algn="r" rtl="1">
              <a:buFont typeface="Arial" panose="020B0604020202020204" pitchFamily="34" charset="0"/>
              <a:buChar char="•"/>
            </a:pPr>
            <a:r>
              <a:rPr lang="he-IL" sz="1600" dirty="0">
                <a:solidFill>
                  <a:srgbClr val="C00000"/>
                </a:solidFill>
                <a:latin typeface="Narkisim" panose="020E0502050101010101" pitchFamily="34" charset="-79"/>
                <a:cs typeface="Narkisim" panose="020E0502050101010101" pitchFamily="34" charset="-79"/>
              </a:rPr>
              <a:t>טורקיה</a:t>
            </a:r>
          </a:p>
          <a:p>
            <a:pPr marL="160735" indent="-160735" algn="r" rtl="1">
              <a:buFont typeface="Arial" panose="020B0604020202020204" pitchFamily="34" charset="0"/>
              <a:buChar char="•"/>
            </a:pPr>
            <a:r>
              <a:rPr lang="he-IL" sz="1600" dirty="0">
                <a:solidFill>
                  <a:srgbClr val="C00000"/>
                </a:solidFill>
                <a:latin typeface="Narkisim" panose="020E0502050101010101" pitchFamily="34" charset="-79"/>
                <a:cs typeface="Narkisim" panose="020E0502050101010101" pitchFamily="34" charset="-79"/>
              </a:rPr>
              <a:t>קטאר</a:t>
            </a:r>
          </a:p>
          <a:p>
            <a:pPr marL="160735" indent="-160735" algn="r" rtl="1">
              <a:buFont typeface="Arial" panose="020B0604020202020204" pitchFamily="34" charset="0"/>
              <a:buChar char="•"/>
            </a:pPr>
            <a:r>
              <a:rPr lang="he-IL" sz="1600" dirty="0" err="1">
                <a:solidFill>
                  <a:srgbClr val="C00000"/>
                </a:solidFill>
                <a:latin typeface="Narkisim" panose="020E0502050101010101" pitchFamily="34" charset="-79"/>
                <a:cs typeface="Narkisim" panose="020E0502050101010101" pitchFamily="34" charset="-79"/>
              </a:rPr>
              <a:t>אח"ס</a:t>
            </a:r>
            <a:endParaRPr lang="he-IL" sz="1600" dirty="0">
              <a:solidFill>
                <a:srgbClr val="C00000"/>
              </a:solidFill>
              <a:latin typeface="Narkisim" panose="020E0502050101010101" pitchFamily="34" charset="-79"/>
              <a:cs typeface="Narkisim" panose="020E0502050101010101" pitchFamily="34" charset="-79"/>
            </a:endParaRPr>
          </a:p>
          <a:p>
            <a:pPr marL="160735" indent="-160735" algn="r" rtl="1">
              <a:buFont typeface="Arial" panose="020B0604020202020204" pitchFamily="34" charset="0"/>
              <a:buChar char="•"/>
            </a:pPr>
            <a:r>
              <a:rPr lang="he-IL" sz="1600" dirty="0">
                <a:solidFill>
                  <a:srgbClr val="C00000"/>
                </a:solidFill>
                <a:latin typeface="Narkisim" panose="020E0502050101010101" pitchFamily="34" charset="-79"/>
                <a:cs typeface="Narkisim" panose="020E0502050101010101" pitchFamily="34" charset="-79"/>
              </a:rPr>
              <a:t>ארה"ב ורוסיה</a:t>
            </a:r>
            <a:endParaRPr lang="he-IL" sz="1600" dirty="0">
              <a:solidFill>
                <a:prstClr val="black"/>
              </a:solidFill>
              <a:latin typeface="Narkisim" panose="020E0502050101010101" pitchFamily="34" charset="-79"/>
              <a:cs typeface="Narkisim" panose="020E0502050101010101" pitchFamily="34" charset="-79"/>
            </a:endParaRPr>
          </a:p>
          <a:p>
            <a:pPr algn="r" rtl="1"/>
            <a:endParaRPr lang="he-IL" sz="1600" dirty="0">
              <a:solidFill>
                <a:prstClr val="black"/>
              </a:solidFill>
              <a:latin typeface="Narkisim" panose="020E0502050101010101" pitchFamily="34" charset="-79"/>
              <a:cs typeface="Narkisim" panose="020E0502050101010101" pitchFamily="34" charset="-79"/>
            </a:endParaRPr>
          </a:p>
        </p:txBody>
      </p:sp>
      <p:sp>
        <p:nvSpPr>
          <p:cNvPr id="20" name="מלבן מעוגל 19"/>
          <p:cNvSpPr/>
          <p:nvPr/>
        </p:nvSpPr>
        <p:spPr>
          <a:xfrm>
            <a:off x="930721" y="-39112"/>
            <a:ext cx="8105775" cy="1019840"/>
          </a:xfrm>
          <a:prstGeom prst="roundRect">
            <a:avLst/>
          </a:prstGeom>
          <a:solidFill>
            <a:schemeClr val="bg2">
              <a:lumMod val="90000"/>
              <a:alpha val="71000"/>
            </a:schemeClr>
          </a:solidFill>
          <a:ln w="25400"/>
        </p:spPr>
        <p:style>
          <a:lnRef idx="2">
            <a:schemeClr val="accent1">
              <a:shade val="50000"/>
            </a:schemeClr>
          </a:lnRef>
          <a:fillRef idx="1">
            <a:schemeClr val="accent1"/>
          </a:fillRef>
          <a:effectRef idx="0">
            <a:schemeClr val="accent1"/>
          </a:effectRef>
          <a:fontRef idx="minor">
            <a:schemeClr val="lt1"/>
          </a:fontRef>
        </p:style>
        <p:txBody>
          <a:bodyPr rtlCol="1" anchor="t"/>
          <a:lstStyle/>
          <a:p>
            <a:pPr rtl="1"/>
            <a:r>
              <a:rPr lang="he-IL" sz="2600" b="1" dirty="0">
                <a:solidFill>
                  <a:srgbClr val="FF0000"/>
                </a:solidFill>
                <a:latin typeface="Narkisim" panose="020E0502050101010101" pitchFamily="34" charset="-79"/>
                <a:cs typeface="Narkisim" panose="020E0502050101010101" pitchFamily="34" charset="-79"/>
              </a:rPr>
              <a:t>הקמת מדינה </a:t>
            </a:r>
            <a:r>
              <a:rPr lang="he-IL" sz="2600" b="1" dirty="0" smtClean="0">
                <a:solidFill>
                  <a:srgbClr val="FF0000"/>
                </a:solidFill>
                <a:latin typeface="Narkisim" panose="020E0502050101010101" pitchFamily="34" charset="-79"/>
                <a:cs typeface="Narkisim" panose="020E0502050101010101" pitchFamily="34" charset="-79"/>
              </a:rPr>
              <a:t>פלסטינית, בירתה </a:t>
            </a:r>
            <a:r>
              <a:rPr lang="he-IL" sz="2600" b="1" dirty="0">
                <a:solidFill>
                  <a:srgbClr val="FF0000"/>
                </a:solidFill>
                <a:latin typeface="Narkisim" panose="020E0502050101010101" pitchFamily="34" charset="-79"/>
                <a:cs typeface="Narkisim" panose="020E0502050101010101" pitchFamily="34" charset="-79"/>
              </a:rPr>
              <a:t>בירושלים. </a:t>
            </a:r>
            <a:endParaRPr lang="he-IL" sz="2600" b="1" dirty="0" smtClean="0">
              <a:solidFill>
                <a:srgbClr val="FF0000"/>
              </a:solidFill>
              <a:latin typeface="Narkisim" panose="020E0502050101010101" pitchFamily="34" charset="-79"/>
              <a:cs typeface="Narkisim" panose="020E0502050101010101" pitchFamily="34" charset="-79"/>
            </a:endParaRPr>
          </a:p>
          <a:p>
            <a:pPr rtl="1"/>
            <a:r>
              <a:rPr lang="he-IL" sz="2600" b="1" dirty="0" smtClean="0">
                <a:solidFill>
                  <a:srgbClr val="FF0000"/>
                </a:solidFill>
                <a:latin typeface="Narkisim" panose="020E0502050101010101" pitchFamily="34" charset="-79"/>
                <a:cs typeface="Narkisim" panose="020E0502050101010101" pitchFamily="34" charset="-79"/>
              </a:rPr>
              <a:t>מדינה </a:t>
            </a:r>
            <a:r>
              <a:rPr lang="he-IL" sz="2600" b="1" dirty="0">
                <a:solidFill>
                  <a:srgbClr val="FF0000"/>
                </a:solidFill>
                <a:latin typeface="Narkisim" panose="020E0502050101010101" pitchFamily="34" charset="-79"/>
                <a:cs typeface="Narkisim" panose="020E0502050101010101" pitchFamily="34" charset="-79"/>
              </a:rPr>
              <a:t>אחת, תחת שלטון אחד, לצד מדינת ישראל </a:t>
            </a:r>
            <a:r>
              <a:rPr lang="he-IL" sz="2600" b="1" dirty="0" smtClean="0">
                <a:solidFill>
                  <a:srgbClr val="FF0000"/>
                </a:solidFill>
                <a:latin typeface="Narkisim" panose="020E0502050101010101" pitchFamily="34" charset="-79"/>
                <a:cs typeface="Narkisim" panose="020E0502050101010101" pitchFamily="34" charset="-79"/>
              </a:rPr>
              <a:t>ובגיבוי בינ"ל</a:t>
            </a:r>
            <a:endParaRPr lang="he-IL" sz="2600" dirty="0">
              <a:solidFill>
                <a:srgbClr val="FF0000"/>
              </a:solidFill>
              <a:latin typeface="Narkisim" panose="020E0502050101010101" pitchFamily="34" charset="-79"/>
              <a:cs typeface="Narkisim" panose="020E0502050101010101" pitchFamily="34" charset="-79"/>
            </a:endParaRPr>
          </a:p>
        </p:txBody>
      </p:sp>
      <p:grpSp>
        <p:nvGrpSpPr>
          <p:cNvPr id="60" name="קבוצה 59"/>
          <p:cNvGrpSpPr/>
          <p:nvPr/>
        </p:nvGrpSpPr>
        <p:grpSpPr>
          <a:xfrm>
            <a:off x="2366011" y="2060848"/>
            <a:ext cx="5644514" cy="3181350"/>
            <a:chOff x="3154682" y="1866900"/>
            <a:chExt cx="7526018" cy="4241800"/>
          </a:xfrm>
        </p:grpSpPr>
        <p:cxnSp>
          <p:nvCxnSpPr>
            <p:cNvPr id="11" name="מחבר חץ ישר 10"/>
            <p:cNvCxnSpPr/>
            <p:nvPr/>
          </p:nvCxnSpPr>
          <p:spPr>
            <a:xfrm flipH="1">
              <a:off x="3454400" y="1968500"/>
              <a:ext cx="1739900" cy="76200"/>
            </a:xfrm>
            <a:prstGeom prst="straightConnector1">
              <a:avLst/>
            </a:prstGeom>
            <a:ln w="3810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26" name="מחבר חץ ישר 25"/>
            <p:cNvCxnSpPr/>
            <p:nvPr/>
          </p:nvCxnSpPr>
          <p:spPr>
            <a:xfrm flipH="1">
              <a:off x="3606800" y="2006600"/>
              <a:ext cx="1587500" cy="190500"/>
            </a:xfrm>
            <a:prstGeom prst="straightConnector1">
              <a:avLst/>
            </a:prstGeom>
            <a:ln w="3810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28" name="מחבר חץ ישר 27"/>
            <p:cNvCxnSpPr/>
            <p:nvPr/>
          </p:nvCxnSpPr>
          <p:spPr>
            <a:xfrm flipH="1">
              <a:off x="3454400" y="2006600"/>
              <a:ext cx="1739900" cy="469900"/>
            </a:xfrm>
            <a:prstGeom prst="straightConnector1">
              <a:avLst/>
            </a:prstGeom>
            <a:ln w="3810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30" name="מחבר חץ ישר 29"/>
            <p:cNvCxnSpPr/>
            <p:nvPr/>
          </p:nvCxnSpPr>
          <p:spPr>
            <a:xfrm flipH="1">
              <a:off x="3307082" y="2044700"/>
              <a:ext cx="1887218" cy="1244600"/>
            </a:xfrm>
            <a:prstGeom prst="straightConnector1">
              <a:avLst/>
            </a:prstGeom>
            <a:ln w="3810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33" name="מחבר חץ ישר 32"/>
            <p:cNvCxnSpPr/>
            <p:nvPr/>
          </p:nvCxnSpPr>
          <p:spPr>
            <a:xfrm flipH="1">
              <a:off x="3307082" y="2044700"/>
              <a:ext cx="1887218" cy="2222500"/>
            </a:xfrm>
            <a:prstGeom prst="straightConnector1">
              <a:avLst/>
            </a:prstGeom>
            <a:ln w="3810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37" name="מחבר חץ ישר 36"/>
            <p:cNvCxnSpPr/>
            <p:nvPr/>
          </p:nvCxnSpPr>
          <p:spPr>
            <a:xfrm flipH="1">
              <a:off x="3154682" y="2006600"/>
              <a:ext cx="2039618" cy="2082800"/>
            </a:xfrm>
            <a:prstGeom prst="straightConnector1">
              <a:avLst/>
            </a:prstGeom>
            <a:ln w="3810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41" name="מחבר חץ ישר 40"/>
            <p:cNvCxnSpPr/>
            <p:nvPr/>
          </p:nvCxnSpPr>
          <p:spPr>
            <a:xfrm flipH="1">
              <a:off x="3530600" y="2006600"/>
              <a:ext cx="1663700" cy="3896926"/>
            </a:xfrm>
            <a:prstGeom prst="straightConnector1">
              <a:avLst/>
            </a:prstGeom>
            <a:ln w="3810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53" name="מחבר חץ ישר 52"/>
            <p:cNvCxnSpPr/>
            <p:nvPr/>
          </p:nvCxnSpPr>
          <p:spPr>
            <a:xfrm flipV="1">
              <a:off x="8380345" y="1866900"/>
              <a:ext cx="1957455" cy="101600"/>
            </a:xfrm>
            <a:prstGeom prst="straightConnector1">
              <a:avLst/>
            </a:prstGeom>
            <a:ln w="3810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56" name="מחבר חץ ישר 55"/>
            <p:cNvCxnSpPr/>
            <p:nvPr/>
          </p:nvCxnSpPr>
          <p:spPr>
            <a:xfrm>
              <a:off x="8380345" y="2006600"/>
              <a:ext cx="1360555" cy="1585312"/>
            </a:xfrm>
            <a:prstGeom prst="straightConnector1">
              <a:avLst/>
            </a:prstGeom>
            <a:ln w="3810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59" name="מחבר חץ ישר 58"/>
            <p:cNvCxnSpPr/>
            <p:nvPr/>
          </p:nvCxnSpPr>
          <p:spPr>
            <a:xfrm>
              <a:off x="8380345" y="1968500"/>
              <a:ext cx="2198755" cy="1320800"/>
            </a:xfrm>
            <a:prstGeom prst="straightConnector1">
              <a:avLst/>
            </a:prstGeom>
            <a:ln w="3810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62" name="מחבר חץ ישר 61"/>
            <p:cNvCxnSpPr/>
            <p:nvPr/>
          </p:nvCxnSpPr>
          <p:spPr>
            <a:xfrm>
              <a:off x="8380345" y="2006600"/>
              <a:ext cx="1220855" cy="3268731"/>
            </a:xfrm>
            <a:prstGeom prst="straightConnector1">
              <a:avLst/>
            </a:prstGeom>
            <a:ln w="38100">
              <a:solidFill>
                <a:srgbClr val="002060"/>
              </a:solidFill>
              <a:tailEnd type="triangle"/>
            </a:ln>
          </p:spPr>
          <p:style>
            <a:lnRef idx="1">
              <a:schemeClr val="accent1"/>
            </a:lnRef>
            <a:fillRef idx="0">
              <a:schemeClr val="accent1"/>
            </a:fillRef>
            <a:effectRef idx="0">
              <a:schemeClr val="accent1"/>
            </a:effectRef>
            <a:fontRef idx="minor">
              <a:schemeClr val="tx1"/>
            </a:fontRef>
          </p:style>
        </p:cxnSp>
        <p:cxnSp>
          <p:nvCxnSpPr>
            <p:cNvPr id="66" name="מחבר חץ ישר 65"/>
            <p:cNvCxnSpPr/>
            <p:nvPr/>
          </p:nvCxnSpPr>
          <p:spPr>
            <a:xfrm>
              <a:off x="8438323" y="2029585"/>
              <a:ext cx="2242377" cy="4079115"/>
            </a:xfrm>
            <a:prstGeom prst="straightConnector1">
              <a:avLst/>
            </a:prstGeom>
            <a:ln w="38100">
              <a:solidFill>
                <a:srgbClr val="002060"/>
              </a:solidFill>
              <a:tailEnd type="triangle"/>
            </a:ln>
          </p:spPr>
          <p:style>
            <a:lnRef idx="1">
              <a:schemeClr val="accent1"/>
            </a:lnRef>
            <a:fillRef idx="0">
              <a:schemeClr val="accent1"/>
            </a:fillRef>
            <a:effectRef idx="0">
              <a:schemeClr val="accent1"/>
            </a:effectRef>
            <a:fontRef idx="minor">
              <a:schemeClr val="tx1"/>
            </a:fontRef>
          </p:style>
        </p:cxnSp>
      </p:grpSp>
      <p:grpSp>
        <p:nvGrpSpPr>
          <p:cNvPr id="69" name="קבוצה 68"/>
          <p:cNvGrpSpPr/>
          <p:nvPr/>
        </p:nvGrpSpPr>
        <p:grpSpPr>
          <a:xfrm>
            <a:off x="2289811" y="2466975"/>
            <a:ext cx="5644514" cy="3181350"/>
            <a:chOff x="3154682" y="1866900"/>
            <a:chExt cx="7526018" cy="4241800"/>
          </a:xfrm>
        </p:grpSpPr>
        <p:cxnSp>
          <p:nvCxnSpPr>
            <p:cNvPr id="71" name="מחבר חץ ישר 70"/>
            <p:cNvCxnSpPr/>
            <p:nvPr/>
          </p:nvCxnSpPr>
          <p:spPr>
            <a:xfrm flipH="1">
              <a:off x="3454400" y="1968500"/>
              <a:ext cx="1739900" cy="7620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72" name="מחבר חץ ישר 71"/>
            <p:cNvCxnSpPr/>
            <p:nvPr/>
          </p:nvCxnSpPr>
          <p:spPr>
            <a:xfrm flipH="1">
              <a:off x="3606800" y="2006600"/>
              <a:ext cx="1587500" cy="19050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74" name="מחבר חץ ישר 73"/>
            <p:cNvCxnSpPr/>
            <p:nvPr/>
          </p:nvCxnSpPr>
          <p:spPr>
            <a:xfrm flipH="1">
              <a:off x="3454400" y="2006600"/>
              <a:ext cx="1739900" cy="46990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75" name="מחבר חץ ישר 74"/>
            <p:cNvCxnSpPr/>
            <p:nvPr/>
          </p:nvCxnSpPr>
          <p:spPr>
            <a:xfrm flipH="1">
              <a:off x="3307082" y="2044700"/>
              <a:ext cx="1887218" cy="124460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76" name="מחבר חץ ישר 75"/>
            <p:cNvCxnSpPr/>
            <p:nvPr/>
          </p:nvCxnSpPr>
          <p:spPr>
            <a:xfrm flipH="1">
              <a:off x="3307082" y="2044700"/>
              <a:ext cx="1887218" cy="222250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77" name="מחבר חץ ישר 76"/>
            <p:cNvCxnSpPr/>
            <p:nvPr/>
          </p:nvCxnSpPr>
          <p:spPr>
            <a:xfrm flipH="1">
              <a:off x="3154682" y="2006600"/>
              <a:ext cx="2039618" cy="208280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78" name="מחבר חץ ישר 77"/>
            <p:cNvCxnSpPr/>
            <p:nvPr/>
          </p:nvCxnSpPr>
          <p:spPr>
            <a:xfrm flipH="1">
              <a:off x="3530600" y="2006600"/>
              <a:ext cx="1663700" cy="3896926"/>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80" name="מחבר חץ ישר 79"/>
            <p:cNvCxnSpPr/>
            <p:nvPr/>
          </p:nvCxnSpPr>
          <p:spPr>
            <a:xfrm flipV="1">
              <a:off x="8380345" y="1866900"/>
              <a:ext cx="1957455" cy="10160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81" name="מחבר חץ ישר 80"/>
            <p:cNvCxnSpPr/>
            <p:nvPr/>
          </p:nvCxnSpPr>
          <p:spPr>
            <a:xfrm>
              <a:off x="8380345" y="2006600"/>
              <a:ext cx="1360555" cy="1585312"/>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82" name="מחבר חץ ישר 81"/>
            <p:cNvCxnSpPr/>
            <p:nvPr/>
          </p:nvCxnSpPr>
          <p:spPr>
            <a:xfrm>
              <a:off x="8380345" y="1968500"/>
              <a:ext cx="2198755" cy="1320800"/>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83" name="מחבר חץ ישר 82"/>
            <p:cNvCxnSpPr/>
            <p:nvPr/>
          </p:nvCxnSpPr>
          <p:spPr>
            <a:xfrm>
              <a:off x="8380345" y="2006600"/>
              <a:ext cx="1220855" cy="3268731"/>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84" name="מחבר חץ ישר 83"/>
            <p:cNvCxnSpPr/>
            <p:nvPr/>
          </p:nvCxnSpPr>
          <p:spPr>
            <a:xfrm>
              <a:off x="8438323" y="2029585"/>
              <a:ext cx="2242377" cy="4079115"/>
            </a:xfrm>
            <a:prstGeom prst="straightConnector1">
              <a:avLst/>
            </a:prstGeom>
            <a:ln w="38100">
              <a:solidFill>
                <a:srgbClr val="FF0000"/>
              </a:solidFill>
              <a:tailEnd type="triangle"/>
            </a:ln>
          </p:spPr>
          <p:style>
            <a:lnRef idx="1">
              <a:schemeClr val="accent1"/>
            </a:lnRef>
            <a:fillRef idx="0">
              <a:schemeClr val="accent1"/>
            </a:fillRef>
            <a:effectRef idx="0">
              <a:schemeClr val="accent1"/>
            </a:effectRef>
            <a:fontRef idx="minor">
              <a:schemeClr val="tx1"/>
            </a:fontRef>
          </p:style>
        </p:cxnSp>
      </p:grpSp>
      <p:grpSp>
        <p:nvGrpSpPr>
          <p:cNvPr id="112" name="קבוצה 111"/>
          <p:cNvGrpSpPr/>
          <p:nvPr/>
        </p:nvGrpSpPr>
        <p:grpSpPr>
          <a:xfrm>
            <a:off x="2662131" y="2455366"/>
            <a:ext cx="5510269" cy="2861234"/>
            <a:chOff x="3198666" y="2098528"/>
            <a:chExt cx="7347025" cy="3814978"/>
          </a:xfrm>
        </p:grpSpPr>
        <p:grpSp>
          <p:nvGrpSpPr>
            <p:cNvPr id="95" name="קבוצה 94"/>
            <p:cNvGrpSpPr/>
            <p:nvPr/>
          </p:nvGrpSpPr>
          <p:grpSpPr>
            <a:xfrm>
              <a:off x="3694719" y="2677319"/>
              <a:ext cx="6850972" cy="3203875"/>
              <a:chOff x="3694719" y="2677319"/>
              <a:chExt cx="6850972" cy="3203875"/>
            </a:xfrm>
          </p:grpSpPr>
          <p:cxnSp>
            <p:nvCxnSpPr>
              <p:cNvPr id="64" name="מחבר חץ ישר 63"/>
              <p:cNvCxnSpPr/>
              <p:nvPr/>
            </p:nvCxnSpPr>
            <p:spPr>
              <a:xfrm flipH="1">
                <a:off x="3694719" y="3200400"/>
                <a:ext cx="4509481" cy="2680794"/>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cxnSp>
            <p:nvCxnSpPr>
              <p:cNvPr id="85" name="מחבר חץ ישר 84"/>
              <p:cNvCxnSpPr/>
              <p:nvPr/>
            </p:nvCxnSpPr>
            <p:spPr>
              <a:xfrm flipV="1">
                <a:off x="8167473" y="3048000"/>
                <a:ext cx="2378218" cy="196850"/>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cxnSp>
            <p:nvCxnSpPr>
              <p:cNvPr id="88" name="מחבר חץ ישר 87"/>
              <p:cNvCxnSpPr/>
              <p:nvPr/>
            </p:nvCxnSpPr>
            <p:spPr>
              <a:xfrm flipV="1">
                <a:off x="8167473" y="2677319"/>
                <a:ext cx="2068141" cy="523081"/>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cxnSp>
            <p:nvCxnSpPr>
              <p:cNvPr id="92" name="מחבר חץ ישר 91"/>
              <p:cNvCxnSpPr/>
              <p:nvPr/>
            </p:nvCxnSpPr>
            <p:spPr>
              <a:xfrm>
                <a:off x="8204200" y="3282950"/>
                <a:ext cx="1473342" cy="1411661"/>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grpSp>
        <p:cxnSp>
          <p:nvCxnSpPr>
            <p:cNvPr id="97" name="מחבר חץ ישר 96"/>
            <p:cNvCxnSpPr/>
            <p:nvPr/>
          </p:nvCxnSpPr>
          <p:spPr>
            <a:xfrm>
              <a:off x="8167473" y="5205946"/>
              <a:ext cx="1842472" cy="628185"/>
            </a:xfrm>
            <a:prstGeom prst="straightConnector1">
              <a:avLst/>
            </a:prstGeom>
            <a:ln w="38100">
              <a:solidFill>
                <a:srgbClr val="FFC000"/>
              </a:solidFill>
              <a:tailEnd type="triangle"/>
            </a:ln>
          </p:spPr>
          <p:style>
            <a:lnRef idx="1">
              <a:schemeClr val="accent1"/>
            </a:lnRef>
            <a:fillRef idx="0">
              <a:schemeClr val="accent1"/>
            </a:fillRef>
            <a:effectRef idx="0">
              <a:schemeClr val="accent1"/>
            </a:effectRef>
            <a:fontRef idx="minor">
              <a:schemeClr val="tx1"/>
            </a:fontRef>
          </p:style>
        </p:cxnSp>
        <p:cxnSp>
          <p:nvCxnSpPr>
            <p:cNvPr id="98" name="מחבר חץ ישר 97"/>
            <p:cNvCxnSpPr/>
            <p:nvPr/>
          </p:nvCxnSpPr>
          <p:spPr>
            <a:xfrm flipH="1">
              <a:off x="3516777" y="5156200"/>
              <a:ext cx="4712823" cy="757306"/>
            </a:xfrm>
            <a:prstGeom prst="straightConnector1">
              <a:avLst/>
            </a:prstGeom>
            <a:ln w="38100">
              <a:solidFill>
                <a:srgbClr val="FFC000"/>
              </a:solidFill>
              <a:tailEnd type="triangle"/>
            </a:ln>
          </p:spPr>
          <p:style>
            <a:lnRef idx="1">
              <a:schemeClr val="accent1"/>
            </a:lnRef>
            <a:fillRef idx="0">
              <a:schemeClr val="accent1"/>
            </a:fillRef>
            <a:effectRef idx="0">
              <a:schemeClr val="accent1"/>
            </a:effectRef>
            <a:fontRef idx="minor">
              <a:schemeClr val="tx1"/>
            </a:fontRef>
          </p:style>
        </p:cxnSp>
        <p:cxnSp>
          <p:nvCxnSpPr>
            <p:cNvPr id="102" name="מחבר חץ ישר 101"/>
            <p:cNvCxnSpPr/>
            <p:nvPr/>
          </p:nvCxnSpPr>
          <p:spPr>
            <a:xfrm flipV="1">
              <a:off x="8167473" y="2235200"/>
              <a:ext cx="2216045" cy="2908300"/>
            </a:xfrm>
            <a:prstGeom prst="straightConnector1">
              <a:avLst/>
            </a:prstGeom>
            <a:ln w="38100">
              <a:solidFill>
                <a:srgbClr val="FFC000"/>
              </a:solidFill>
              <a:tailEnd type="triangle"/>
            </a:ln>
          </p:spPr>
          <p:style>
            <a:lnRef idx="1">
              <a:schemeClr val="accent1"/>
            </a:lnRef>
            <a:fillRef idx="0">
              <a:schemeClr val="accent1"/>
            </a:fillRef>
            <a:effectRef idx="0">
              <a:schemeClr val="accent1"/>
            </a:effectRef>
            <a:fontRef idx="minor">
              <a:schemeClr val="tx1"/>
            </a:fontRef>
          </p:style>
        </p:cxnSp>
        <p:cxnSp>
          <p:nvCxnSpPr>
            <p:cNvPr id="105" name="מחבר חץ ישר 104"/>
            <p:cNvCxnSpPr/>
            <p:nvPr/>
          </p:nvCxnSpPr>
          <p:spPr>
            <a:xfrm flipV="1">
              <a:off x="8140842" y="2387600"/>
              <a:ext cx="2395076" cy="2816985"/>
            </a:xfrm>
            <a:prstGeom prst="straightConnector1">
              <a:avLst/>
            </a:prstGeom>
            <a:ln w="38100">
              <a:solidFill>
                <a:srgbClr val="FFC000"/>
              </a:solidFill>
              <a:tailEnd type="triangle"/>
            </a:ln>
          </p:spPr>
          <p:style>
            <a:lnRef idx="1">
              <a:schemeClr val="accent1"/>
            </a:lnRef>
            <a:fillRef idx="0">
              <a:schemeClr val="accent1"/>
            </a:fillRef>
            <a:effectRef idx="0">
              <a:schemeClr val="accent1"/>
            </a:effectRef>
            <a:fontRef idx="minor">
              <a:schemeClr val="tx1"/>
            </a:fontRef>
          </p:style>
        </p:cxnSp>
        <p:cxnSp>
          <p:nvCxnSpPr>
            <p:cNvPr id="107" name="מחבר חץ ישר 106"/>
            <p:cNvCxnSpPr/>
            <p:nvPr/>
          </p:nvCxnSpPr>
          <p:spPr>
            <a:xfrm flipH="1" flipV="1">
              <a:off x="3198666" y="2098528"/>
              <a:ext cx="5183335" cy="3210072"/>
            </a:xfrm>
            <a:prstGeom prst="straightConnector1">
              <a:avLst/>
            </a:prstGeom>
            <a:ln w="38100">
              <a:solidFill>
                <a:srgbClr val="FFC000"/>
              </a:solidFill>
              <a:tailEnd type="triangle"/>
            </a:ln>
          </p:spPr>
          <p:style>
            <a:lnRef idx="1">
              <a:schemeClr val="accent1"/>
            </a:lnRef>
            <a:fillRef idx="0">
              <a:schemeClr val="accent1"/>
            </a:fillRef>
            <a:effectRef idx="0">
              <a:schemeClr val="accent1"/>
            </a:effectRef>
            <a:fontRef idx="minor">
              <a:schemeClr val="tx1"/>
            </a:fontRef>
          </p:style>
        </p:cxnSp>
        <p:cxnSp>
          <p:nvCxnSpPr>
            <p:cNvPr id="109" name="מחבר חץ ישר 108"/>
            <p:cNvCxnSpPr/>
            <p:nvPr/>
          </p:nvCxnSpPr>
          <p:spPr>
            <a:xfrm flipH="1">
              <a:off x="3543301" y="5232400"/>
              <a:ext cx="4624172" cy="2348"/>
            </a:xfrm>
            <a:prstGeom prst="straightConnector1">
              <a:avLst/>
            </a:prstGeom>
            <a:ln w="38100">
              <a:solidFill>
                <a:srgbClr val="FFC000"/>
              </a:solidFill>
              <a:tailEnd type="triangle"/>
            </a:ln>
          </p:spPr>
          <p:style>
            <a:lnRef idx="1">
              <a:schemeClr val="accent1"/>
            </a:lnRef>
            <a:fillRef idx="0">
              <a:schemeClr val="accent1"/>
            </a:fillRef>
            <a:effectRef idx="0">
              <a:schemeClr val="accent1"/>
            </a:effectRef>
            <a:fontRef idx="minor">
              <a:schemeClr val="tx1"/>
            </a:fontRef>
          </p:style>
        </p:cxnSp>
      </p:grpSp>
      <p:sp>
        <p:nvSpPr>
          <p:cNvPr id="115" name="חץ מעוקל שמאלה 114"/>
          <p:cNvSpPr/>
          <p:nvPr/>
        </p:nvSpPr>
        <p:spPr>
          <a:xfrm>
            <a:off x="8451609" y="2905125"/>
            <a:ext cx="349492" cy="1404032"/>
          </a:xfrm>
          <a:prstGeom prst="curvedLeftArrow">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r" rtl="1"/>
            <a:endParaRPr lang="he-IL">
              <a:solidFill>
                <a:schemeClr val="tx1"/>
              </a:solidFill>
              <a:latin typeface="Narkisim" panose="020E0502050101010101" pitchFamily="34" charset="-79"/>
              <a:cs typeface="Narkisim" panose="020E0502050101010101" pitchFamily="34" charset="-79"/>
            </a:endParaRPr>
          </a:p>
        </p:txBody>
      </p:sp>
      <p:sp>
        <p:nvSpPr>
          <p:cNvPr id="116" name="חץ מעוקל שמאלה 115"/>
          <p:cNvSpPr/>
          <p:nvPr/>
        </p:nvSpPr>
        <p:spPr>
          <a:xfrm rot="5400000">
            <a:off x="4359579" y="3343159"/>
            <a:ext cx="581054" cy="4491989"/>
          </a:xfrm>
          <a:prstGeom prst="curvedLeftArrow">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r" rtl="1"/>
            <a:endParaRPr lang="he-IL">
              <a:solidFill>
                <a:schemeClr val="tx1"/>
              </a:solidFill>
              <a:latin typeface="Narkisim" panose="020E0502050101010101" pitchFamily="34" charset="-79"/>
              <a:cs typeface="Narkisim" panose="020E0502050101010101" pitchFamily="34" charset="-79"/>
            </a:endParaRPr>
          </a:p>
        </p:txBody>
      </p:sp>
      <p:sp>
        <p:nvSpPr>
          <p:cNvPr id="117" name="חץ מעוקל שמאלה 116"/>
          <p:cNvSpPr/>
          <p:nvPr/>
        </p:nvSpPr>
        <p:spPr>
          <a:xfrm rot="10800000">
            <a:off x="279158" y="3457575"/>
            <a:ext cx="349492" cy="1327832"/>
          </a:xfrm>
          <a:prstGeom prst="curvedLeftArrow">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r" rtl="1"/>
            <a:endParaRPr lang="he-IL">
              <a:solidFill>
                <a:schemeClr val="tx1"/>
              </a:solidFill>
              <a:latin typeface="Narkisim" panose="020E0502050101010101" pitchFamily="34" charset="-79"/>
              <a:cs typeface="Narkisim" panose="020E0502050101010101" pitchFamily="34" charset="-79"/>
            </a:endParaRPr>
          </a:p>
        </p:txBody>
      </p:sp>
      <p:grpSp>
        <p:nvGrpSpPr>
          <p:cNvPr id="124" name="קבוצה 123"/>
          <p:cNvGrpSpPr/>
          <p:nvPr/>
        </p:nvGrpSpPr>
        <p:grpSpPr>
          <a:xfrm>
            <a:off x="2252662" y="1582476"/>
            <a:ext cx="4794887" cy="3586755"/>
            <a:chOff x="3221890" y="1322363"/>
            <a:chExt cx="6393182" cy="4782340"/>
          </a:xfrm>
        </p:grpSpPr>
        <p:cxnSp>
          <p:nvCxnSpPr>
            <p:cNvPr id="120" name="מחבר חץ ישר 119"/>
            <p:cNvCxnSpPr/>
            <p:nvPr/>
          </p:nvCxnSpPr>
          <p:spPr>
            <a:xfrm flipH="1">
              <a:off x="3499410" y="1322363"/>
              <a:ext cx="6101790" cy="4782340"/>
            </a:xfrm>
            <a:prstGeom prst="straightConnector1">
              <a:avLst/>
            </a:prstGeom>
            <a:ln w="76200">
              <a:solidFill>
                <a:srgbClr val="92D050"/>
              </a:solidFill>
              <a:tailEnd type="triangle"/>
            </a:ln>
          </p:spPr>
          <p:style>
            <a:lnRef idx="1">
              <a:schemeClr val="accent1"/>
            </a:lnRef>
            <a:fillRef idx="0">
              <a:schemeClr val="accent1"/>
            </a:fillRef>
            <a:effectRef idx="0">
              <a:schemeClr val="accent1"/>
            </a:effectRef>
            <a:fontRef idx="minor">
              <a:schemeClr val="tx1"/>
            </a:fontRef>
          </p:style>
        </p:cxnSp>
        <p:cxnSp>
          <p:nvCxnSpPr>
            <p:cNvPr id="122" name="מחבר חץ ישר 121"/>
            <p:cNvCxnSpPr/>
            <p:nvPr/>
          </p:nvCxnSpPr>
          <p:spPr>
            <a:xfrm flipH="1">
              <a:off x="3221890" y="1362275"/>
              <a:ext cx="6393182" cy="18188"/>
            </a:xfrm>
            <a:prstGeom prst="straightConnector1">
              <a:avLst/>
            </a:prstGeom>
            <a:ln w="76200">
              <a:solidFill>
                <a:srgbClr val="92D050"/>
              </a:solidFill>
              <a:tailEnd type="triangle"/>
            </a:ln>
          </p:spPr>
          <p:style>
            <a:lnRef idx="1">
              <a:schemeClr val="accent1"/>
            </a:lnRef>
            <a:fillRef idx="0">
              <a:schemeClr val="accent1"/>
            </a:fillRef>
            <a:effectRef idx="0">
              <a:schemeClr val="accent1"/>
            </a:effectRef>
            <a:fontRef idx="minor">
              <a:schemeClr val="tx1"/>
            </a:fontRef>
          </p:style>
        </p:cxnSp>
      </p:grpSp>
      <p:sp>
        <p:nvSpPr>
          <p:cNvPr id="9" name="מלבן 8"/>
          <p:cNvSpPr/>
          <p:nvPr/>
        </p:nvSpPr>
        <p:spPr>
          <a:xfrm rot="1455679">
            <a:off x="5231913" y="5845446"/>
            <a:ext cx="1338828" cy="707886"/>
          </a:xfrm>
          <a:prstGeom prst="rect">
            <a:avLst/>
          </a:prstGeom>
          <a:noFill/>
        </p:spPr>
        <p:txBody>
          <a:bodyPr wrap="none" lIns="91440" tIns="45720" rIns="91440" bIns="45720">
            <a:spAutoFit/>
          </a:bodyPr>
          <a:lstStyle/>
          <a:p>
            <a:pPr algn="ctr"/>
            <a:r>
              <a:rPr lang="he-IL" sz="4000" b="1" cap="none" spc="0" dirty="0" smtClean="0">
                <a:ln w="9525">
                  <a:solidFill>
                    <a:schemeClr val="bg1"/>
                  </a:solidFill>
                  <a:prstDash val="solid"/>
                </a:ln>
                <a:solidFill>
                  <a:schemeClr val="tx1"/>
                </a:solidFill>
                <a:effectLst>
                  <a:outerShdw blurRad="12700" dist="38100" dir="2700000" algn="tl" rotWithShape="0">
                    <a:schemeClr val="bg1">
                      <a:lumMod val="50000"/>
                    </a:schemeClr>
                  </a:outerShdw>
                </a:effectLst>
              </a:rPr>
              <a:t>מגמות</a:t>
            </a:r>
            <a:endParaRPr lang="he-IL" sz="4000" b="1" cap="none" spc="0" dirty="0">
              <a:ln w="9525">
                <a:solidFill>
                  <a:schemeClr val="bg1"/>
                </a:solidFill>
                <a:prstDash val="solid"/>
              </a:ln>
              <a:solidFill>
                <a:schemeClr val="tx1"/>
              </a:solidFill>
              <a:effectLst>
                <a:outerShdw blurRad="12700" dist="38100" dir="2700000" algn="tl" rotWithShape="0">
                  <a:schemeClr val="bg1">
                    <a:lumMod val="50000"/>
                  </a:schemeClr>
                </a:outerShdw>
              </a:effectLst>
            </a:endParaRPr>
          </a:p>
        </p:txBody>
      </p:sp>
      <p:sp>
        <p:nvSpPr>
          <p:cNvPr id="55" name="מלבן 54"/>
          <p:cNvSpPr/>
          <p:nvPr/>
        </p:nvSpPr>
        <p:spPr>
          <a:xfrm rot="19857720">
            <a:off x="2568804" y="5881135"/>
            <a:ext cx="1515159" cy="707886"/>
          </a:xfrm>
          <a:prstGeom prst="rect">
            <a:avLst/>
          </a:prstGeom>
          <a:noFill/>
        </p:spPr>
        <p:txBody>
          <a:bodyPr wrap="none" lIns="91440" tIns="45720" rIns="91440" bIns="45720">
            <a:spAutoFit/>
          </a:bodyPr>
          <a:lstStyle/>
          <a:p>
            <a:pPr algn="ctr"/>
            <a:r>
              <a:rPr lang="he-IL" sz="4000" b="1" cap="none" spc="0" dirty="0" smtClean="0">
                <a:ln w="9525">
                  <a:solidFill>
                    <a:schemeClr val="bg1"/>
                  </a:solidFill>
                  <a:prstDash val="solid"/>
                </a:ln>
                <a:solidFill>
                  <a:schemeClr val="tx1"/>
                </a:solidFill>
                <a:effectLst>
                  <a:outerShdw blurRad="12700" dist="38100" dir="2700000" algn="tl" rotWithShape="0">
                    <a:schemeClr val="bg1">
                      <a:lumMod val="50000"/>
                    </a:schemeClr>
                  </a:outerShdw>
                </a:effectLst>
              </a:rPr>
              <a:t>תופעות</a:t>
            </a:r>
            <a:endParaRPr lang="he-IL" sz="4000" b="1" cap="none" spc="0" dirty="0">
              <a:ln w="9525">
                <a:solidFill>
                  <a:schemeClr val="bg1"/>
                </a:solidFill>
                <a:prstDash val="solid"/>
              </a:ln>
              <a:solidFill>
                <a:schemeClr val="tx1"/>
              </a:solidFill>
              <a:effectLst>
                <a:outerShdw blurRad="12700" dist="38100" dir="2700000" algn="tl" rotWithShape="0">
                  <a:schemeClr val="bg1">
                    <a:lumMod val="50000"/>
                  </a:schemeClr>
                </a:outerShdw>
              </a:effectLst>
            </a:endParaRPr>
          </a:p>
        </p:txBody>
      </p:sp>
      <p:sp>
        <p:nvSpPr>
          <p:cNvPr id="57" name="מלבן 56"/>
          <p:cNvSpPr/>
          <p:nvPr/>
        </p:nvSpPr>
        <p:spPr>
          <a:xfrm>
            <a:off x="4117747" y="5960971"/>
            <a:ext cx="1064715" cy="707886"/>
          </a:xfrm>
          <a:prstGeom prst="rect">
            <a:avLst/>
          </a:prstGeom>
          <a:noFill/>
        </p:spPr>
        <p:txBody>
          <a:bodyPr wrap="none" lIns="91440" tIns="45720" rIns="91440" bIns="45720">
            <a:spAutoFit/>
          </a:bodyPr>
          <a:lstStyle/>
          <a:p>
            <a:pPr algn="ctr"/>
            <a:r>
              <a:rPr lang="he-IL" sz="4000" b="1" cap="none" spc="0" dirty="0" smtClean="0">
                <a:ln w="9525">
                  <a:solidFill>
                    <a:schemeClr val="bg1"/>
                  </a:solidFill>
                  <a:prstDash val="solid"/>
                </a:ln>
                <a:solidFill>
                  <a:srgbClr val="FF0000"/>
                </a:solidFill>
                <a:effectLst>
                  <a:outerShdw blurRad="12700" dist="38100" dir="2700000" algn="tl" rotWithShape="0">
                    <a:schemeClr val="bg1">
                      <a:lumMod val="50000"/>
                    </a:schemeClr>
                  </a:outerShdw>
                </a:effectLst>
              </a:rPr>
              <a:t>ליבה</a:t>
            </a:r>
            <a:endParaRPr lang="he-IL" sz="4000" b="1" cap="none" spc="0" dirty="0">
              <a:ln w="9525">
                <a:solidFill>
                  <a:schemeClr val="bg1"/>
                </a:solidFill>
                <a:prstDash val="solid"/>
              </a:ln>
              <a:solidFill>
                <a:srgbClr val="FF0000"/>
              </a:solidFill>
              <a:effectLst>
                <a:outerShdw blurRad="12700" dist="38100" dir="2700000" algn="tl" rotWithShape="0">
                  <a:schemeClr val="bg1">
                    <a:lumMod val="50000"/>
                  </a:schemeClr>
                </a:outerShdw>
              </a:effectLst>
            </a:endParaRPr>
          </a:p>
        </p:txBody>
      </p:sp>
    </p:spTree>
    <p:extLst>
      <p:ext uri="{BB962C8B-B14F-4D97-AF65-F5344CB8AC3E}">
        <p14:creationId xmlns:p14="http://schemas.microsoft.com/office/powerpoint/2010/main" val="279109721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0"/>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69"/>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12"/>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15"/>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16"/>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17"/>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12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5" grpId="0" animBg="1"/>
      <p:bldP spid="116" grpId="0" animBg="1"/>
      <p:bldP spid="117" grpId="0"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73" name="OTLSHAPE_M_7a30b6abf1d14420ba43f690b7289863_Connector1"/>
          <p:cNvCxnSpPr/>
          <p:nvPr>
            <p:custDataLst>
              <p:tags r:id="rId2"/>
            </p:custDataLst>
          </p:nvPr>
        </p:nvCxnSpPr>
        <p:spPr>
          <a:xfrm>
            <a:off x="733951" y="2806858"/>
            <a:ext cx="0" cy="336392"/>
          </a:xfrm>
          <a:prstGeom prst="line">
            <a:avLst/>
          </a:prstGeom>
          <a:ln w="4763"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2" name="OTLSHAPE_M_4c2577eaa5f8482d87d15801575af368_Connector1"/>
          <p:cNvCxnSpPr/>
          <p:nvPr>
            <p:custDataLst>
              <p:tags r:id="rId3"/>
            </p:custDataLst>
          </p:nvPr>
        </p:nvCxnSpPr>
        <p:spPr>
          <a:xfrm>
            <a:off x="7850051" y="2648466"/>
            <a:ext cx="0" cy="464280"/>
          </a:xfrm>
          <a:prstGeom prst="line">
            <a:avLst/>
          </a:prstGeom>
          <a:ln w="4763" cap="flat" cmpd="sng" algn="ctr">
            <a:solidFill>
              <a:srgbClr val="1AAA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1" name="OTLSHAPE_M_8b0e5cdca07b417fa561421310f3b2e0_Connector1"/>
          <p:cNvCxnSpPr/>
          <p:nvPr>
            <p:custDataLst>
              <p:tags r:id="rId4"/>
            </p:custDataLst>
          </p:nvPr>
        </p:nvCxnSpPr>
        <p:spPr>
          <a:xfrm>
            <a:off x="6765011" y="2742915"/>
            <a:ext cx="0" cy="400336"/>
          </a:xfrm>
          <a:prstGeom prst="line">
            <a:avLst/>
          </a:prstGeom>
          <a:ln w="4763" cap="flat" cmpd="sng" algn="ctr">
            <a:solidFill>
              <a:srgbClr val="02B2E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0" name="OTLSHAPE_M_c8d12c432ce94daa8e70fbdb25bbbd21_Connector1"/>
          <p:cNvCxnSpPr/>
          <p:nvPr>
            <p:custDataLst>
              <p:tags r:id="rId5"/>
            </p:custDataLst>
          </p:nvPr>
        </p:nvCxnSpPr>
        <p:spPr>
          <a:xfrm>
            <a:off x="6641928" y="2242281"/>
            <a:ext cx="0" cy="900970"/>
          </a:xfrm>
          <a:prstGeom prst="line">
            <a:avLst/>
          </a:prstGeom>
          <a:ln w="4763"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9" name="OTLSHAPE_M_d6c5e6c1337a43bf985d430d4edd4f61_Connector1"/>
          <p:cNvCxnSpPr/>
          <p:nvPr>
            <p:custDataLst>
              <p:tags r:id="rId6"/>
            </p:custDataLst>
          </p:nvPr>
        </p:nvCxnSpPr>
        <p:spPr>
          <a:xfrm>
            <a:off x="6580387" y="1853215"/>
            <a:ext cx="0" cy="1290035"/>
          </a:xfrm>
          <a:prstGeom prst="line">
            <a:avLst/>
          </a:prstGeom>
          <a:ln w="4763"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8" name="OTLSHAPE_M_48147575bf8843cd818c6098686be6a6_Connector1"/>
          <p:cNvCxnSpPr/>
          <p:nvPr>
            <p:custDataLst>
              <p:tags r:id="rId7"/>
            </p:custDataLst>
          </p:nvPr>
        </p:nvCxnSpPr>
        <p:spPr>
          <a:xfrm>
            <a:off x="6334221" y="1480471"/>
            <a:ext cx="0" cy="1662779"/>
          </a:xfrm>
          <a:prstGeom prst="line">
            <a:avLst/>
          </a:prstGeom>
          <a:ln w="4763" cap="flat" cmpd="sng" algn="ctr">
            <a:solidFill>
              <a:srgbClr val="EA161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7" name="OTLSHAPE_M_573a2f1125464b499973e36e644f6b9b_Connector1"/>
          <p:cNvCxnSpPr>
            <a:stCxn id="485" idx="0"/>
          </p:cNvCxnSpPr>
          <p:nvPr>
            <p:custDataLst>
              <p:tags r:id="rId8"/>
            </p:custDataLst>
          </p:nvPr>
        </p:nvCxnSpPr>
        <p:spPr>
          <a:xfrm>
            <a:off x="5846517" y="2298504"/>
            <a:ext cx="741" cy="844747"/>
          </a:xfrm>
          <a:prstGeom prst="line">
            <a:avLst/>
          </a:prstGeom>
          <a:ln w="4763"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6" name="OTLSHAPE_M_7e4083913e934642a3382a090fdc1f83_Connector1"/>
          <p:cNvCxnSpPr/>
          <p:nvPr>
            <p:custDataLst>
              <p:tags r:id="rId9"/>
            </p:custDataLst>
          </p:nvPr>
        </p:nvCxnSpPr>
        <p:spPr>
          <a:xfrm>
            <a:off x="4241813" y="2615025"/>
            <a:ext cx="0" cy="528225"/>
          </a:xfrm>
          <a:prstGeom prst="line">
            <a:avLst/>
          </a:prstGeom>
          <a:ln w="4763"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5" name="OTLSHAPE_M_e0ade5fef7894d3fac7c5769c5bdc1d5_Connector1"/>
          <p:cNvCxnSpPr/>
          <p:nvPr>
            <p:custDataLst>
              <p:tags r:id="rId10"/>
            </p:custDataLst>
          </p:nvPr>
        </p:nvCxnSpPr>
        <p:spPr>
          <a:xfrm>
            <a:off x="2087863" y="2574894"/>
            <a:ext cx="0" cy="568357"/>
          </a:xfrm>
          <a:prstGeom prst="line">
            <a:avLst/>
          </a:prstGeom>
          <a:ln w="4763"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64" name="OTLSHAPE_M_fac1076f8bf44b93a2c32467e2b2f630_Connector1"/>
          <p:cNvCxnSpPr/>
          <p:nvPr>
            <p:custDataLst>
              <p:tags r:id="rId11"/>
            </p:custDataLst>
          </p:nvPr>
        </p:nvCxnSpPr>
        <p:spPr>
          <a:xfrm flipH="1">
            <a:off x="303162" y="1764475"/>
            <a:ext cx="19049" cy="1378775"/>
          </a:xfrm>
          <a:prstGeom prst="line">
            <a:avLst/>
          </a:prstGeom>
          <a:ln w="4763"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53" name="OTLSHAPE_TB_00000000000000000000000000000000_ElapsedTimeExtension"/>
          <p:cNvSpPr/>
          <p:nvPr>
            <p:custDataLst>
              <p:tags r:id="rId12"/>
            </p:custDataLst>
          </p:nvPr>
        </p:nvSpPr>
        <p:spPr>
          <a:xfrm>
            <a:off x="633349" y="744157"/>
            <a:ext cx="0" cy="2399093"/>
          </a:xfrm>
          <a:prstGeom prst="rect">
            <a:avLst/>
          </a:prstGeom>
          <a:gradFill flip="none" rotWithShape="1">
            <a:gsLst>
              <a:gs pos="100000">
                <a:srgbClr val="FF0000">
                  <a:alpha val="30196"/>
                </a:srgbClr>
              </a:gs>
              <a:gs pos="0">
                <a:srgbClr val="FF0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fontAlgn="auto">
              <a:spcBef>
                <a:spcPts val="0"/>
              </a:spcBef>
              <a:spcAft>
                <a:spcPts val="0"/>
              </a:spcAft>
            </a:pPr>
            <a:endParaRPr lang="en-US" sz="1350">
              <a:solidFill>
                <a:prstClr val="white"/>
              </a:solidFill>
            </a:endParaRPr>
          </a:p>
        </p:txBody>
      </p:sp>
      <p:graphicFrame>
        <p:nvGraphicFramePr>
          <p:cNvPr id="413" name="דיאגרמה 412"/>
          <p:cNvGraphicFramePr/>
          <p:nvPr>
            <p:extLst/>
          </p:nvPr>
        </p:nvGraphicFramePr>
        <p:xfrm>
          <a:off x="-147762" y="3484255"/>
          <a:ext cx="9337010" cy="2748386"/>
        </p:xfrm>
        <a:graphic>
          <a:graphicData uri="http://schemas.openxmlformats.org/drawingml/2006/diagram">
            <dgm:relIds xmlns:dgm="http://schemas.openxmlformats.org/drawingml/2006/diagram" xmlns:r="http://schemas.openxmlformats.org/officeDocument/2006/relationships" r:dm="rId66" r:lo="rId67" r:qs="rId68" r:cs="rId69"/>
          </a:graphicData>
        </a:graphic>
      </p:graphicFrame>
      <p:sp>
        <p:nvSpPr>
          <p:cNvPr id="417" name="TextBox 416"/>
          <p:cNvSpPr txBox="1"/>
          <p:nvPr/>
        </p:nvSpPr>
        <p:spPr>
          <a:xfrm>
            <a:off x="4729821" y="1923981"/>
            <a:ext cx="973343" cy="415498"/>
          </a:xfrm>
          <a:prstGeom prst="rect">
            <a:avLst/>
          </a:prstGeom>
          <a:noFill/>
        </p:spPr>
        <p:txBody>
          <a:bodyPr wrap="none" rtlCol="0">
            <a:spAutoFit/>
          </a:bodyPr>
          <a:lstStyle/>
          <a:p>
            <a:pPr fontAlgn="auto">
              <a:spcBef>
                <a:spcPts val="0"/>
              </a:spcBef>
              <a:spcAft>
                <a:spcPts val="0"/>
              </a:spcAft>
            </a:pPr>
            <a:r>
              <a:rPr lang="he-IL" sz="1050" b="1" dirty="0">
                <a:solidFill>
                  <a:prstClr val="black"/>
                </a:solidFill>
                <a:latin typeface="Calibri" panose="020F0502020204030204" pitchFamily="34" charset="0"/>
                <a:cs typeface="Arial" panose="020B0604020202020204" pitchFamily="34" charset="0"/>
              </a:rPr>
              <a:t>תחילת עבודה </a:t>
            </a:r>
          </a:p>
          <a:p>
            <a:pPr fontAlgn="auto">
              <a:spcBef>
                <a:spcPts val="0"/>
              </a:spcBef>
              <a:spcAft>
                <a:spcPts val="0"/>
              </a:spcAft>
            </a:pPr>
            <a:r>
              <a:rPr lang="he-IL" sz="1050" b="1" dirty="0" err="1">
                <a:solidFill>
                  <a:prstClr val="black"/>
                </a:solidFill>
                <a:latin typeface="Calibri" panose="020F0502020204030204" pitchFamily="34" charset="0"/>
                <a:cs typeface="Arial" panose="020B0604020202020204" pitchFamily="34" charset="0"/>
              </a:rPr>
              <a:t>ב"קברנט</a:t>
            </a:r>
            <a:r>
              <a:rPr lang="he-IL" sz="1050" b="1" dirty="0">
                <a:solidFill>
                  <a:prstClr val="black"/>
                </a:solidFill>
                <a:latin typeface="Calibri" panose="020F0502020204030204" pitchFamily="34" charset="0"/>
                <a:cs typeface="Arial" panose="020B0604020202020204" pitchFamily="34" charset="0"/>
              </a:rPr>
              <a:t>"</a:t>
            </a:r>
            <a:endParaRPr lang="en-US" sz="1050" b="1" dirty="0">
              <a:solidFill>
                <a:prstClr val="black"/>
              </a:solidFill>
              <a:latin typeface="Calibri" panose="020F0502020204030204" pitchFamily="34" charset="0"/>
              <a:cs typeface="+mn-cs"/>
            </a:endParaRPr>
          </a:p>
        </p:txBody>
      </p:sp>
      <p:cxnSp>
        <p:nvCxnSpPr>
          <p:cNvPr id="419" name="מחבר ישר 418"/>
          <p:cNvCxnSpPr>
            <a:stCxn id="417" idx="2"/>
          </p:cNvCxnSpPr>
          <p:nvPr/>
        </p:nvCxnSpPr>
        <p:spPr>
          <a:xfrm flipH="1">
            <a:off x="5215787" y="2339479"/>
            <a:ext cx="706" cy="837875"/>
          </a:xfrm>
          <a:prstGeom prst="line">
            <a:avLst/>
          </a:prstGeom>
        </p:spPr>
        <p:style>
          <a:lnRef idx="1">
            <a:schemeClr val="accent1"/>
          </a:lnRef>
          <a:fillRef idx="0">
            <a:schemeClr val="accent1"/>
          </a:fillRef>
          <a:effectRef idx="0">
            <a:schemeClr val="accent1"/>
          </a:effectRef>
          <a:fontRef idx="minor">
            <a:schemeClr val="tx1"/>
          </a:fontRef>
        </p:style>
      </p:cxnSp>
      <p:sp>
        <p:nvSpPr>
          <p:cNvPr id="449" name="OTLSHAPE_TB_00000000000000000000000000000000_LeftEndCaps" hidden="1"/>
          <p:cNvSpPr txBox="1"/>
          <p:nvPr>
            <p:custDataLst>
              <p:tags r:id="rId13"/>
            </p:custDataLst>
          </p:nvPr>
        </p:nvSpPr>
        <p:spPr>
          <a:xfrm>
            <a:off x="190500" y="3182251"/>
            <a:ext cx="352425" cy="207749"/>
          </a:xfrm>
          <a:prstGeom prst="rect">
            <a:avLst/>
          </a:prstGeom>
          <a:noFill/>
        </p:spPr>
        <p:txBody>
          <a:bodyPr vert="horz" wrap="square" lIns="0" tIns="0" rIns="0" bIns="0" rtlCol="0" anchor="ctr" anchorCtr="0">
            <a:spAutoFit/>
          </a:bodyPr>
          <a:lstStyle/>
          <a:p>
            <a:pPr fontAlgn="auto">
              <a:spcBef>
                <a:spcPts val="0"/>
              </a:spcBef>
              <a:spcAft>
                <a:spcPts val="0"/>
              </a:spcAft>
            </a:pPr>
            <a:r>
              <a:rPr lang="en-US" sz="1350" b="1">
                <a:solidFill>
                  <a:srgbClr val="C0504D"/>
                </a:solidFill>
                <a:latin typeface="Calibri" panose="020F0502020204030204" pitchFamily="34" charset="0"/>
                <a:cs typeface="+mn-cs"/>
              </a:rPr>
              <a:t>2015</a:t>
            </a:r>
          </a:p>
        </p:txBody>
      </p:sp>
      <p:sp>
        <p:nvSpPr>
          <p:cNvPr id="451" name="OTLSHAPE_TB_00000000000000000000000000000000_ScaleContainer"/>
          <p:cNvSpPr/>
          <p:nvPr>
            <p:custDataLst>
              <p:tags r:id="rId14"/>
            </p:custDataLst>
          </p:nvPr>
        </p:nvSpPr>
        <p:spPr>
          <a:xfrm>
            <a:off x="284482" y="3143250"/>
            <a:ext cx="8755179" cy="285750"/>
          </a:xfrm>
          <a:prstGeom prst="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fontAlgn="auto">
              <a:spcBef>
                <a:spcPts val="0"/>
              </a:spcBef>
              <a:spcAft>
                <a:spcPts val="0"/>
              </a:spcAft>
            </a:pPr>
            <a:endParaRPr lang="en-US" sz="1350">
              <a:solidFill>
                <a:prstClr val="white"/>
              </a:solidFill>
            </a:endParaRPr>
          </a:p>
        </p:txBody>
      </p:sp>
      <p:sp>
        <p:nvSpPr>
          <p:cNvPr id="452" name="OTLSHAPE_TB_00000000000000000000000000000000_ElapsedTime" hidden="1"/>
          <p:cNvSpPr/>
          <p:nvPr>
            <p:custDataLst>
              <p:tags r:id="rId15"/>
            </p:custDataLst>
          </p:nvPr>
        </p:nvSpPr>
        <p:spPr>
          <a:xfrm>
            <a:off x="0" y="85725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fontAlgn="auto">
              <a:spcBef>
                <a:spcPts val="0"/>
              </a:spcBef>
              <a:spcAft>
                <a:spcPts val="0"/>
              </a:spcAft>
            </a:pPr>
            <a:endParaRPr lang="en-US" sz="1350">
              <a:solidFill>
                <a:prstClr val="white"/>
              </a:solidFill>
            </a:endParaRPr>
          </a:p>
        </p:txBody>
      </p:sp>
      <p:sp>
        <p:nvSpPr>
          <p:cNvPr id="454" name="OTLSHAPE_TB_00000000000000000000000000000000_TodayMarkerShape" hidden="1"/>
          <p:cNvSpPr/>
          <p:nvPr>
            <p:custDataLst>
              <p:tags r:id="rId16"/>
            </p:custDataLst>
          </p:nvPr>
        </p:nvSpPr>
        <p:spPr>
          <a:xfrm>
            <a:off x="592528" y="3429000"/>
            <a:ext cx="81643" cy="9525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fontAlgn="auto">
              <a:spcBef>
                <a:spcPts val="0"/>
              </a:spcBef>
              <a:spcAft>
                <a:spcPts val="0"/>
              </a:spcAft>
            </a:pPr>
            <a:endParaRPr lang="en-US" sz="1350">
              <a:solidFill>
                <a:prstClr val="white"/>
              </a:solidFill>
            </a:endParaRPr>
          </a:p>
        </p:txBody>
      </p:sp>
      <p:sp>
        <p:nvSpPr>
          <p:cNvPr id="455" name="OTLSHAPE_TB_00000000000000000000000000000000_TodayMarkerText" hidden="1"/>
          <p:cNvSpPr txBox="1"/>
          <p:nvPr>
            <p:custDataLst>
              <p:tags r:id="rId17"/>
            </p:custDataLst>
          </p:nvPr>
        </p:nvSpPr>
        <p:spPr>
          <a:xfrm>
            <a:off x="633349" y="3524250"/>
            <a:ext cx="0" cy="692497"/>
          </a:xfrm>
          <a:prstGeom prst="rect">
            <a:avLst/>
          </a:prstGeom>
          <a:noFill/>
        </p:spPr>
        <p:txBody>
          <a:bodyPr vert="horz" wrap="square" lIns="0" tIns="0" rIns="0" bIns="0" rtlCol="0" anchor="ctr" anchorCtr="0">
            <a:spAutoFit/>
          </a:bodyPr>
          <a:lstStyle/>
          <a:p>
            <a:pPr fontAlgn="auto">
              <a:spcBef>
                <a:spcPts val="0"/>
              </a:spcBef>
              <a:spcAft>
                <a:spcPts val="0"/>
              </a:spcAft>
            </a:pPr>
            <a:r>
              <a:rPr lang="en-US" sz="900">
                <a:solidFill>
                  <a:prstClr val="black"/>
                </a:solidFill>
                <a:latin typeface="Calibri" panose="020F0502020204030204" pitchFamily="34" charset="0"/>
                <a:cs typeface="+mn-cs"/>
              </a:rPr>
              <a:t>Today</a:t>
            </a:r>
          </a:p>
        </p:txBody>
      </p:sp>
      <p:sp>
        <p:nvSpPr>
          <p:cNvPr id="456" name="OTLSHAPE_TB_00000000000000000000000000000000_TimescaleInterval1"/>
          <p:cNvSpPr txBox="1"/>
          <p:nvPr>
            <p:custDataLst>
              <p:tags r:id="rId18"/>
            </p:custDataLst>
          </p:nvPr>
        </p:nvSpPr>
        <p:spPr>
          <a:xfrm>
            <a:off x="284482" y="3216355"/>
            <a:ext cx="266700" cy="139541"/>
          </a:xfrm>
          <a:prstGeom prst="rect">
            <a:avLst/>
          </a:prstGeom>
          <a:noFill/>
        </p:spPr>
        <p:txBody>
          <a:bodyPr vert="horz" wrap="square" lIns="0" tIns="0" rIns="0" bIns="0" rtlCol="0" anchor="ctr" anchorCtr="0">
            <a:noAutofit/>
          </a:bodyPr>
          <a:lstStyle/>
          <a:p>
            <a:pPr algn="l" fontAlgn="auto">
              <a:spcBef>
                <a:spcPts val="0"/>
              </a:spcBef>
              <a:spcAft>
                <a:spcPts val="0"/>
              </a:spcAft>
            </a:pPr>
            <a:r>
              <a:rPr lang="en-US" sz="900" spc="-11">
                <a:solidFill>
                  <a:prstClr val="white"/>
                </a:solidFill>
                <a:latin typeface="Calibri" panose="020F0502020204030204" pitchFamily="34" charset="0"/>
                <a:cs typeface="+mn-cs"/>
              </a:rPr>
              <a:t>Day 1</a:t>
            </a:r>
          </a:p>
        </p:txBody>
      </p:sp>
      <p:sp>
        <p:nvSpPr>
          <p:cNvPr id="457" name="OTLSHAPE_TB_00000000000000000000000000000000_TimescaleInterval2"/>
          <p:cNvSpPr txBox="1"/>
          <p:nvPr>
            <p:custDataLst>
              <p:tags r:id="rId19"/>
            </p:custDataLst>
          </p:nvPr>
        </p:nvSpPr>
        <p:spPr>
          <a:xfrm>
            <a:off x="1269145" y="3216355"/>
            <a:ext cx="123825" cy="139541"/>
          </a:xfrm>
          <a:prstGeom prst="rect">
            <a:avLst/>
          </a:prstGeom>
          <a:noFill/>
        </p:spPr>
        <p:txBody>
          <a:bodyPr vert="horz" wrap="square" lIns="0" tIns="0" rIns="0" bIns="0" rtlCol="0" anchor="ctr" anchorCtr="0">
            <a:noAutofit/>
          </a:bodyPr>
          <a:lstStyle/>
          <a:p>
            <a:pPr algn="l" fontAlgn="auto">
              <a:spcBef>
                <a:spcPts val="0"/>
              </a:spcBef>
              <a:spcAft>
                <a:spcPts val="0"/>
              </a:spcAft>
            </a:pPr>
            <a:r>
              <a:rPr lang="en-US" sz="900" spc="-20">
                <a:solidFill>
                  <a:prstClr val="white"/>
                </a:solidFill>
                <a:latin typeface="Calibri" panose="020F0502020204030204" pitchFamily="34" charset="0"/>
                <a:cs typeface="+mn-cs"/>
              </a:rPr>
              <a:t>17</a:t>
            </a:r>
          </a:p>
        </p:txBody>
      </p:sp>
      <p:sp>
        <p:nvSpPr>
          <p:cNvPr id="458" name="OTLSHAPE_TB_00000000000000000000000000000000_TimescaleInterval3"/>
          <p:cNvSpPr txBox="1"/>
          <p:nvPr>
            <p:custDataLst>
              <p:tags r:id="rId20"/>
            </p:custDataLst>
          </p:nvPr>
        </p:nvSpPr>
        <p:spPr>
          <a:xfrm>
            <a:off x="2253808" y="3216355"/>
            <a:ext cx="123825" cy="139541"/>
          </a:xfrm>
          <a:prstGeom prst="rect">
            <a:avLst/>
          </a:prstGeom>
          <a:noFill/>
        </p:spPr>
        <p:txBody>
          <a:bodyPr vert="horz" wrap="square" lIns="0" tIns="0" rIns="0" bIns="0" rtlCol="0" anchor="ctr" anchorCtr="0">
            <a:noAutofit/>
          </a:bodyPr>
          <a:lstStyle/>
          <a:p>
            <a:pPr algn="l" fontAlgn="auto">
              <a:spcBef>
                <a:spcPts val="0"/>
              </a:spcBef>
              <a:spcAft>
                <a:spcPts val="0"/>
              </a:spcAft>
            </a:pPr>
            <a:r>
              <a:rPr lang="en-US" sz="900" spc="-20">
                <a:solidFill>
                  <a:prstClr val="white"/>
                </a:solidFill>
                <a:latin typeface="Calibri" panose="020F0502020204030204" pitchFamily="34" charset="0"/>
                <a:cs typeface="+mn-cs"/>
              </a:rPr>
              <a:t>33</a:t>
            </a:r>
          </a:p>
        </p:txBody>
      </p:sp>
      <p:sp>
        <p:nvSpPr>
          <p:cNvPr id="459" name="OTLSHAPE_TB_00000000000000000000000000000000_TimescaleInterval4"/>
          <p:cNvSpPr txBox="1"/>
          <p:nvPr>
            <p:custDataLst>
              <p:tags r:id="rId21"/>
            </p:custDataLst>
          </p:nvPr>
        </p:nvSpPr>
        <p:spPr>
          <a:xfrm>
            <a:off x="3238471" y="3216355"/>
            <a:ext cx="123825" cy="139541"/>
          </a:xfrm>
          <a:prstGeom prst="rect">
            <a:avLst/>
          </a:prstGeom>
          <a:noFill/>
        </p:spPr>
        <p:txBody>
          <a:bodyPr vert="horz" wrap="square" lIns="0" tIns="0" rIns="0" bIns="0" rtlCol="0" anchor="ctr" anchorCtr="0">
            <a:noAutofit/>
          </a:bodyPr>
          <a:lstStyle/>
          <a:p>
            <a:pPr algn="l" fontAlgn="auto">
              <a:spcBef>
                <a:spcPts val="0"/>
              </a:spcBef>
              <a:spcAft>
                <a:spcPts val="0"/>
              </a:spcAft>
            </a:pPr>
            <a:r>
              <a:rPr lang="en-US" sz="900" spc="-20">
                <a:solidFill>
                  <a:prstClr val="white"/>
                </a:solidFill>
                <a:latin typeface="Calibri" panose="020F0502020204030204" pitchFamily="34" charset="0"/>
                <a:cs typeface="+mn-cs"/>
              </a:rPr>
              <a:t>49</a:t>
            </a:r>
          </a:p>
        </p:txBody>
      </p:sp>
      <p:sp>
        <p:nvSpPr>
          <p:cNvPr id="460" name="OTLSHAPE_TB_00000000000000000000000000000000_TimescaleInterval5"/>
          <p:cNvSpPr txBox="1"/>
          <p:nvPr>
            <p:custDataLst>
              <p:tags r:id="rId22"/>
            </p:custDataLst>
          </p:nvPr>
        </p:nvSpPr>
        <p:spPr>
          <a:xfrm>
            <a:off x="4223133" y="3216355"/>
            <a:ext cx="123825" cy="139541"/>
          </a:xfrm>
          <a:prstGeom prst="rect">
            <a:avLst/>
          </a:prstGeom>
          <a:noFill/>
        </p:spPr>
        <p:txBody>
          <a:bodyPr vert="horz" wrap="square" lIns="0" tIns="0" rIns="0" bIns="0" rtlCol="0" anchor="ctr" anchorCtr="0">
            <a:noAutofit/>
          </a:bodyPr>
          <a:lstStyle/>
          <a:p>
            <a:pPr algn="l" fontAlgn="auto">
              <a:spcBef>
                <a:spcPts val="0"/>
              </a:spcBef>
              <a:spcAft>
                <a:spcPts val="0"/>
              </a:spcAft>
            </a:pPr>
            <a:r>
              <a:rPr lang="en-US" sz="900" spc="-20">
                <a:solidFill>
                  <a:prstClr val="white"/>
                </a:solidFill>
                <a:latin typeface="Calibri" panose="020F0502020204030204" pitchFamily="34" charset="0"/>
                <a:cs typeface="+mn-cs"/>
              </a:rPr>
              <a:t>65</a:t>
            </a:r>
          </a:p>
        </p:txBody>
      </p:sp>
      <p:sp>
        <p:nvSpPr>
          <p:cNvPr id="461" name="OTLSHAPE_TB_00000000000000000000000000000000_TimescaleInterval6"/>
          <p:cNvSpPr txBox="1"/>
          <p:nvPr>
            <p:custDataLst>
              <p:tags r:id="rId23"/>
            </p:custDataLst>
          </p:nvPr>
        </p:nvSpPr>
        <p:spPr>
          <a:xfrm>
            <a:off x="5207796" y="3216355"/>
            <a:ext cx="123825" cy="139541"/>
          </a:xfrm>
          <a:prstGeom prst="rect">
            <a:avLst/>
          </a:prstGeom>
          <a:noFill/>
        </p:spPr>
        <p:txBody>
          <a:bodyPr vert="horz" wrap="square" lIns="0" tIns="0" rIns="0" bIns="0" rtlCol="0" anchor="ctr" anchorCtr="0">
            <a:noAutofit/>
          </a:bodyPr>
          <a:lstStyle/>
          <a:p>
            <a:pPr algn="l" fontAlgn="auto">
              <a:spcBef>
                <a:spcPts val="0"/>
              </a:spcBef>
              <a:spcAft>
                <a:spcPts val="0"/>
              </a:spcAft>
            </a:pPr>
            <a:r>
              <a:rPr lang="en-US" sz="900" spc="-20">
                <a:solidFill>
                  <a:prstClr val="white"/>
                </a:solidFill>
                <a:latin typeface="Calibri" panose="020F0502020204030204" pitchFamily="34" charset="0"/>
                <a:cs typeface="+mn-cs"/>
              </a:rPr>
              <a:t>81</a:t>
            </a:r>
          </a:p>
        </p:txBody>
      </p:sp>
      <p:sp>
        <p:nvSpPr>
          <p:cNvPr id="462" name="OTLSHAPE_TB_00000000000000000000000000000000_TimescaleInterval7"/>
          <p:cNvSpPr txBox="1"/>
          <p:nvPr>
            <p:custDataLst>
              <p:tags r:id="rId24"/>
            </p:custDataLst>
          </p:nvPr>
        </p:nvSpPr>
        <p:spPr>
          <a:xfrm>
            <a:off x="6192459" y="3216355"/>
            <a:ext cx="123825" cy="139541"/>
          </a:xfrm>
          <a:prstGeom prst="rect">
            <a:avLst/>
          </a:prstGeom>
          <a:noFill/>
        </p:spPr>
        <p:txBody>
          <a:bodyPr vert="horz" wrap="square" lIns="0" tIns="0" rIns="0" bIns="0" rtlCol="0" anchor="ctr" anchorCtr="0">
            <a:noAutofit/>
          </a:bodyPr>
          <a:lstStyle/>
          <a:p>
            <a:pPr algn="l" fontAlgn="auto">
              <a:spcBef>
                <a:spcPts val="0"/>
              </a:spcBef>
              <a:spcAft>
                <a:spcPts val="0"/>
              </a:spcAft>
            </a:pPr>
            <a:r>
              <a:rPr lang="en-US" sz="900" spc="-20">
                <a:solidFill>
                  <a:prstClr val="white"/>
                </a:solidFill>
                <a:latin typeface="Calibri" panose="020F0502020204030204" pitchFamily="34" charset="0"/>
                <a:cs typeface="+mn-cs"/>
              </a:rPr>
              <a:t>97</a:t>
            </a:r>
          </a:p>
        </p:txBody>
      </p:sp>
      <p:sp>
        <p:nvSpPr>
          <p:cNvPr id="463" name="OTLSHAPE_TB_00000000000000000000000000000000_TimescaleInterval8"/>
          <p:cNvSpPr txBox="1"/>
          <p:nvPr>
            <p:custDataLst>
              <p:tags r:id="rId25"/>
            </p:custDataLst>
          </p:nvPr>
        </p:nvSpPr>
        <p:spPr>
          <a:xfrm>
            <a:off x="7177122" y="3216355"/>
            <a:ext cx="180975" cy="139541"/>
          </a:xfrm>
          <a:prstGeom prst="rect">
            <a:avLst/>
          </a:prstGeom>
          <a:noFill/>
        </p:spPr>
        <p:txBody>
          <a:bodyPr vert="horz" wrap="square" lIns="0" tIns="0" rIns="0" bIns="0" rtlCol="0" anchor="ctr" anchorCtr="0">
            <a:noAutofit/>
          </a:bodyPr>
          <a:lstStyle/>
          <a:p>
            <a:pPr algn="l" fontAlgn="auto">
              <a:spcBef>
                <a:spcPts val="0"/>
              </a:spcBef>
              <a:spcAft>
                <a:spcPts val="0"/>
              </a:spcAft>
            </a:pPr>
            <a:r>
              <a:rPr lang="en-US" sz="900" spc="-17">
                <a:solidFill>
                  <a:prstClr val="white"/>
                </a:solidFill>
                <a:latin typeface="Calibri" panose="020F0502020204030204" pitchFamily="34" charset="0"/>
                <a:cs typeface="+mn-cs"/>
              </a:rPr>
              <a:t>113</a:t>
            </a:r>
          </a:p>
        </p:txBody>
      </p:sp>
      <p:sp>
        <p:nvSpPr>
          <p:cNvPr id="474" name="OTLSHAPE_M_fac1076f8bf44b93a2c32467e2b2f630_Title"/>
          <p:cNvSpPr txBox="1"/>
          <p:nvPr>
            <p:custDataLst>
              <p:tags r:id="rId26"/>
            </p:custDataLst>
          </p:nvPr>
        </p:nvSpPr>
        <p:spPr>
          <a:xfrm>
            <a:off x="367238" y="1256467"/>
            <a:ext cx="533399" cy="255778"/>
          </a:xfrm>
          <a:prstGeom prst="rect">
            <a:avLst/>
          </a:prstGeom>
          <a:noFill/>
        </p:spPr>
        <p:txBody>
          <a:bodyPr vert="horz" wrap="square" lIns="0" tIns="0" rIns="0" bIns="0" rtlCol="0" anchor="ctr" anchorCtr="0">
            <a:noAutofit/>
          </a:bodyPr>
          <a:lstStyle/>
          <a:p>
            <a:pPr algn="l" fontAlgn="auto">
              <a:spcBef>
                <a:spcPts val="0"/>
              </a:spcBef>
              <a:spcAft>
                <a:spcPts val="0"/>
              </a:spcAft>
            </a:pPr>
            <a:r>
              <a:rPr lang="he-IL" sz="1050" b="1" dirty="0">
                <a:solidFill>
                  <a:prstClr val="black"/>
                </a:solidFill>
                <a:latin typeface="Calibri" panose="020F0502020204030204" pitchFamily="34" charset="0"/>
                <a:cs typeface="Arial" panose="020B0604020202020204" pitchFamily="34" charset="0"/>
              </a:rPr>
              <a:t>תחילת התהליך</a:t>
            </a:r>
            <a:endParaRPr lang="en-US" sz="1050" b="1" dirty="0">
              <a:solidFill>
                <a:prstClr val="black"/>
              </a:solidFill>
              <a:latin typeface="Calibri" panose="020F0502020204030204" pitchFamily="34" charset="0"/>
              <a:cs typeface="+mn-cs"/>
            </a:endParaRPr>
          </a:p>
        </p:txBody>
      </p:sp>
      <p:sp>
        <p:nvSpPr>
          <p:cNvPr id="475" name="OTLSHAPE_M_fac1076f8bf44b93a2c32467e2b2f630_Date"/>
          <p:cNvSpPr txBox="1"/>
          <p:nvPr>
            <p:custDataLst>
              <p:tags r:id="rId27"/>
            </p:custDataLst>
          </p:nvPr>
        </p:nvSpPr>
        <p:spPr>
          <a:xfrm>
            <a:off x="366186" y="1539824"/>
            <a:ext cx="668544" cy="161583"/>
          </a:xfrm>
          <a:prstGeom prst="rect">
            <a:avLst/>
          </a:prstGeom>
          <a:noFill/>
        </p:spPr>
        <p:txBody>
          <a:bodyPr vert="horz" wrap="square" lIns="0" tIns="0" rIns="0" bIns="0" rtlCol="0" anchor="ctr" anchorCtr="0">
            <a:spAutoFit/>
          </a:bodyPr>
          <a:lstStyle/>
          <a:p>
            <a:pPr algn="l" fontAlgn="auto">
              <a:spcBef>
                <a:spcPts val="0"/>
              </a:spcBef>
              <a:spcAft>
                <a:spcPts val="0"/>
              </a:spcAft>
            </a:pPr>
            <a:r>
              <a:rPr lang="he-IL" sz="1050" b="1" spc="-6">
                <a:solidFill>
                  <a:srgbClr val="1F497E"/>
                </a:solidFill>
                <a:latin typeface="Calibri" panose="020F0502020204030204" pitchFamily="34" charset="0"/>
                <a:cs typeface="Arial" panose="020B0604020202020204" pitchFamily="34" charset="0"/>
              </a:rPr>
              <a:t>16/12/2015</a:t>
            </a:r>
            <a:endParaRPr lang="en-US" sz="1050" b="1" spc="-6" dirty="0">
              <a:solidFill>
                <a:srgbClr val="1F497E"/>
              </a:solidFill>
              <a:latin typeface="Calibri" panose="020F0502020204030204" pitchFamily="34" charset="0"/>
              <a:cs typeface="+mn-cs"/>
            </a:endParaRPr>
          </a:p>
        </p:txBody>
      </p:sp>
      <p:sp>
        <p:nvSpPr>
          <p:cNvPr id="476" name="OTLSHAPE_M_fac1076f8bf44b93a2c32467e2b2f630_Shape"/>
          <p:cNvSpPr/>
          <p:nvPr>
            <p:custDataLst>
              <p:tags r:id="rId28"/>
            </p:custDataLst>
          </p:nvPr>
        </p:nvSpPr>
        <p:spPr>
          <a:xfrm rot="16200000">
            <a:off x="327344" y="1678750"/>
            <a:ext cx="123825" cy="123825"/>
          </a:xfrm>
          <a:prstGeom prst="flowChartMerge">
            <a:avLst/>
          </a:prstGeom>
          <a:solidFill>
            <a:srgbClr val="0072BC"/>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fontAlgn="auto">
              <a:spcBef>
                <a:spcPts val="0"/>
              </a:spcBef>
              <a:spcAft>
                <a:spcPts val="0"/>
              </a:spcAft>
            </a:pPr>
            <a:endParaRPr lang="en-US" sz="1350">
              <a:solidFill>
                <a:prstClr val="white"/>
              </a:solidFill>
            </a:endParaRPr>
          </a:p>
        </p:txBody>
      </p:sp>
      <p:sp>
        <p:nvSpPr>
          <p:cNvPr id="477" name="OTLSHAPE_M_e0ade5fef7894d3fac7c5769c5bdc1d5_Title"/>
          <p:cNvSpPr txBox="1"/>
          <p:nvPr>
            <p:custDataLst>
              <p:tags r:id="rId29"/>
            </p:custDataLst>
          </p:nvPr>
        </p:nvSpPr>
        <p:spPr>
          <a:xfrm>
            <a:off x="2158440" y="1834489"/>
            <a:ext cx="611971" cy="783707"/>
          </a:xfrm>
          <a:prstGeom prst="rect">
            <a:avLst/>
          </a:prstGeom>
          <a:noFill/>
        </p:spPr>
        <p:txBody>
          <a:bodyPr vert="horz" wrap="square" lIns="0" tIns="0" rIns="0" bIns="0" rtlCol="0" anchor="ctr" anchorCtr="0">
            <a:noAutofit/>
          </a:bodyPr>
          <a:lstStyle/>
          <a:p>
            <a:pPr fontAlgn="auto">
              <a:spcBef>
                <a:spcPts val="0"/>
              </a:spcBef>
              <a:spcAft>
                <a:spcPts val="0"/>
              </a:spcAft>
            </a:pPr>
            <a:r>
              <a:rPr lang="he-IL" sz="1050" b="1" dirty="0">
                <a:solidFill>
                  <a:prstClr val="black"/>
                </a:solidFill>
                <a:latin typeface="Calibri" panose="020F0502020204030204" pitchFamily="34" charset="0"/>
                <a:cs typeface="Arial" panose="020B0604020202020204" pitchFamily="34" charset="0"/>
              </a:rPr>
              <a:t>הצגת מערכת המערכות</a:t>
            </a:r>
          </a:p>
          <a:p>
            <a:pPr fontAlgn="auto">
              <a:spcBef>
                <a:spcPts val="0"/>
              </a:spcBef>
              <a:spcAft>
                <a:spcPts val="0"/>
              </a:spcAft>
            </a:pPr>
            <a:r>
              <a:rPr lang="he-IL" sz="1050" b="1" dirty="0">
                <a:solidFill>
                  <a:prstClr val="black"/>
                </a:solidFill>
                <a:latin typeface="Calibri" panose="020F0502020204030204" pitchFamily="34" charset="0"/>
                <a:cs typeface="Arial" panose="020B0604020202020204" pitchFamily="34" charset="0"/>
              </a:rPr>
              <a:t>(חלון זמנים)</a:t>
            </a:r>
            <a:endParaRPr lang="en-US" sz="1050" b="1" dirty="0">
              <a:solidFill>
                <a:prstClr val="black"/>
              </a:solidFill>
              <a:latin typeface="Calibri" panose="020F0502020204030204" pitchFamily="34" charset="0"/>
              <a:cs typeface="+mn-cs"/>
            </a:endParaRPr>
          </a:p>
        </p:txBody>
      </p:sp>
      <p:sp>
        <p:nvSpPr>
          <p:cNvPr id="478" name="OTLSHAPE_M_e0ade5fef7894d3fac7c5769c5bdc1d5_Date"/>
          <p:cNvSpPr txBox="1"/>
          <p:nvPr>
            <p:custDataLst>
              <p:tags r:id="rId30"/>
            </p:custDataLst>
          </p:nvPr>
        </p:nvSpPr>
        <p:spPr>
          <a:xfrm>
            <a:off x="2158440" y="2701088"/>
            <a:ext cx="856283" cy="161583"/>
          </a:xfrm>
          <a:prstGeom prst="rect">
            <a:avLst/>
          </a:prstGeom>
          <a:noFill/>
        </p:spPr>
        <p:txBody>
          <a:bodyPr vert="horz" wrap="square" lIns="0" tIns="0" rIns="0" bIns="0" rtlCol="0" anchor="ctr" anchorCtr="0">
            <a:spAutoFit/>
          </a:bodyPr>
          <a:lstStyle/>
          <a:p>
            <a:pPr algn="l" fontAlgn="auto">
              <a:spcBef>
                <a:spcPts val="0"/>
              </a:spcBef>
              <a:spcAft>
                <a:spcPts val="0"/>
              </a:spcAft>
            </a:pPr>
            <a:r>
              <a:rPr lang="en-US" sz="1050" b="1" spc="-6" dirty="0">
                <a:solidFill>
                  <a:srgbClr val="1F497E"/>
                </a:solidFill>
                <a:latin typeface="Arial" panose="020B0604020202020204" pitchFamily="34" charset="0"/>
                <a:cs typeface="Arial" panose="020B0604020202020204" pitchFamily="34" charset="0"/>
              </a:rPr>
              <a:t>19-26/1/2016</a:t>
            </a:r>
          </a:p>
        </p:txBody>
      </p:sp>
      <p:sp>
        <p:nvSpPr>
          <p:cNvPr id="479" name="OTLSHAPE_M_e0ade5fef7894d3fac7c5769c5bdc1d5_Shape"/>
          <p:cNvSpPr/>
          <p:nvPr>
            <p:custDataLst>
              <p:tags r:id="rId31"/>
            </p:custDataLst>
          </p:nvPr>
        </p:nvSpPr>
        <p:spPr>
          <a:xfrm rot="16200000">
            <a:off x="2073239" y="2593210"/>
            <a:ext cx="123933" cy="94877"/>
          </a:xfrm>
          <a:prstGeom prst="flowChartMerge">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fontAlgn="auto">
              <a:spcBef>
                <a:spcPts val="0"/>
              </a:spcBef>
              <a:spcAft>
                <a:spcPts val="0"/>
              </a:spcAft>
            </a:pPr>
            <a:endParaRPr lang="en-US" sz="1350">
              <a:solidFill>
                <a:prstClr val="white"/>
              </a:solidFill>
            </a:endParaRPr>
          </a:p>
        </p:txBody>
      </p:sp>
      <p:sp>
        <p:nvSpPr>
          <p:cNvPr id="480" name="OTLSHAPE_M_7e4083913e934642a3382a090fdc1f83_Title"/>
          <p:cNvSpPr txBox="1"/>
          <p:nvPr>
            <p:custDataLst>
              <p:tags r:id="rId32"/>
            </p:custDataLst>
          </p:nvPr>
        </p:nvSpPr>
        <p:spPr>
          <a:xfrm>
            <a:off x="4490658" y="1002114"/>
            <a:ext cx="632818" cy="748835"/>
          </a:xfrm>
          <a:prstGeom prst="rect">
            <a:avLst/>
          </a:prstGeom>
          <a:noFill/>
        </p:spPr>
        <p:txBody>
          <a:bodyPr vert="horz" wrap="square" lIns="0" tIns="0" rIns="0" bIns="0" rtlCol="0" anchor="ctr" anchorCtr="0">
            <a:noAutofit/>
          </a:bodyPr>
          <a:lstStyle/>
          <a:p>
            <a:pPr rtl="1" fontAlgn="auto">
              <a:spcBef>
                <a:spcPts val="0"/>
              </a:spcBef>
              <a:spcAft>
                <a:spcPts val="0"/>
              </a:spcAft>
            </a:pPr>
            <a:r>
              <a:rPr lang="he-IL" sz="1050" b="1" dirty="0">
                <a:solidFill>
                  <a:prstClr val="black"/>
                </a:solidFill>
                <a:latin typeface="Calibri" panose="020F0502020204030204" pitchFamily="34" charset="0"/>
                <a:cs typeface="Arial" panose="020B0604020202020204" pitchFamily="34" charset="0"/>
              </a:rPr>
              <a:t>פרסום התרחיש הראשוני</a:t>
            </a:r>
          </a:p>
          <a:p>
            <a:pPr rtl="1" fontAlgn="auto">
              <a:spcBef>
                <a:spcPts val="0"/>
              </a:spcBef>
              <a:spcAft>
                <a:spcPts val="0"/>
              </a:spcAft>
            </a:pPr>
            <a:r>
              <a:rPr lang="he-IL" sz="1050" b="1" dirty="0">
                <a:solidFill>
                  <a:prstClr val="black"/>
                </a:solidFill>
                <a:latin typeface="Calibri" panose="020F0502020204030204" pitchFamily="34" charset="0"/>
                <a:cs typeface="Arial" panose="020B0604020202020204" pitchFamily="34" charset="0"/>
              </a:rPr>
              <a:t>(הקשר ספציפי)</a:t>
            </a:r>
            <a:endParaRPr lang="en-US" sz="1050" b="1" dirty="0">
              <a:solidFill>
                <a:prstClr val="black"/>
              </a:solidFill>
              <a:latin typeface="Calibri" panose="020F0502020204030204" pitchFamily="34" charset="0"/>
              <a:cs typeface="+mn-cs"/>
            </a:endParaRPr>
          </a:p>
        </p:txBody>
      </p:sp>
      <p:sp>
        <p:nvSpPr>
          <p:cNvPr id="481" name="OTLSHAPE_M_7e4083913e934642a3382a090fdc1f83_Date"/>
          <p:cNvSpPr txBox="1"/>
          <p:nvPr>
            <p:custDataLst>
              <p:tags r:id="rId33"/>
            </p:custDataLst>
          </p:nvPr>
        </p:nvSpPr>
        <p:spPr>
          <a:xfrm>
            <a:off x="3891533" y="2363813"/>
            <a:ext cx="810516" cy="161583"/>
          </a:xfrm>
          <a:prstGeom prst="rect">
            <a:avLst/>
          </a:prstGeom>
          <a:noFill/>
        </p:spPr>
        <p:txBody>
          <a:bodyPr vert="horz" wrap="square" lIns="0" tIns="0" rIns="0" bIns="0" rtlCol="0" anchor="ctr" anchorCtr="0">
            <a:spAutoFit/>
          </a:bodyPr>
          <a:lstStyle/>
          <a:p>
            <a:pPr algn="l" fontAlgn="auto">
              <a:spcBef>
                <a:spcPts val="0"/>
              </a:spcBef>
              <a:spcAft>
                <a:spcPts val="0"/>
              </a:spcAft>
            </a:pPr>
            <a:r>
              <a:rPr lang="en-US" sz="1050" b="1" spc="-6" dirty="0">
                <a:solidFill>
                  <a:srgbClr val="1F497E"/>
                </a:solidFill>
                <a:latin typeface="Arial" panose="020B0604020202020204" pitchFamily="34" charset="0"/>
                <a:cs typeface="Arial" panose="020B0604020202020204" pitchFamily="34" charset="0"/>
              </a:rPr>
              <a:t>20</a:t>
            </a:r>
            <a:r>
              <a:rPr lang="en-US" sz="1050" b="1" spc="-6" dirty="0">
                <a:solidFill>
                  <a:srgbClr val="1F497E"/>
                </a:solidFill>
                <a:latin typeface="Calibri" panose="020F0502020204030204" pitchFamily="34" charset="0"/>
                <a:cs typeface="+mn-cs"/>
              </a:rPr>
              <a:t>-</a:t>
            </a:r>
            <a:r>
              <a:rPr lang="he-IL" sz="1050" b="1" spc="-6" dirty="0">
                <a:solidFill>
                  <a:srgbClr val="1F497E"/>
                </a:solidFill>
                <a:latin typeface="Calibri" panose="020F0502020204030204" pitchFamily="34" charset="0"/>
                <a:cs typeface="Arial" panose="020B0604020202020204" pitchFamily="34" charset="0"/>
              </a:rPr>
              <a:t>25/2/2016</a:t>
            </a:r>
            <a:endParaRPr lang="en-US" sz="1050" b="1" spc="-6" dirty="0">
              <a:solidFill>
                <a:srgbClr val="1F497E"/>
              </a:solidFill>
              <a:latin typeface="Calibri" panose="020F0502020204030204" pitchFamily="34" charset="0"/>
              <a:cs typeface="+mn-cs"/>
            </a:endParaRPr>
          </a:p>
        </p:txBody>
      </p:sp>
      <p:sp>
        <p:nvSpPr>
          <p:cNvPr id="482" name="OTLSHAPE_M_7e4083913e934642a3382a090fdc1f83_Shape"/>
          <p:cNvSpPr/>
          <p:nvPr>
            <p:custDataLst>
              <p:tags r:id="rId34"/>
            </p:custDataLst>
          </p:nvPr>
        </p:nvSpPr>
        <p:spPr>
          <a:xfrm rot="16200000">
            <a:off x="4250222" y="2604750"/>
            <a:ext cx="123825" cy="123825"/>
          </a:xfrm>
          <a:prstGeom prst="flowChartMerge">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fontAlgn="auto">
              <a:spcBef>
                <a:spcPts val="0"/>
              </a:spcBef>
              <a:spcAft>
                <a:spcPts val="0"/>
              </a:spcAft>
            </a:pPr>
            <a:endParaRPr lang="en-US" sz="1350">
              <a:solidFill>
                <a:prstClr val="white"/>
              </a:solidFill>
            </a:endParaRPr>
          </a:p>
        </p:txBody>
      </p:sp>
      <p:sp>
        <p:nvSpPr>
          <p:cNvPr id="483" name="OTLSHAPE_M_573a2f1125464b499973e36e644f6b9b_Title"/>
          <p:cNvSpPr txBox="1"/>
          <p:nvPr>
            <p:custDataLst>
              <p:tags r:id="rId35"/>
            </p:custDataLst>
          </p:nvPr>
        </p:nvSpPr>
        <p:spPr>
          <a:xfrm>
            <a:off x="5547040" y="1346156"/>
            <a:ext cx="700399" cy="912838"/>
          </a:xfrm>
          <a:prstGeom prst="rect">
            <a:avLst/>
          </a:prstGeom>
          <a:noFill/>
        </p:spPr>
        <p:txBody>
          <a:bodyPr vert="horz" wrap="square" lIns="0" tIns="0" rIns="0" bIns="0" rtlCol="0" anchor="ctr" anchorCtr="0">
            <a:noAutofit/>
          </a:bodyPr>
          <a:lstStyle/>
          <a:p>
            <a:pPr fontAlgn="auto">
              <a:spcBef>
                <a:spcPts val="0"/>
              </a:spcBef>
              <a:spcAft>
                <a:spcPts val="0"/>
              </a:spcAft>
            </a:pPr>
            <a:r>
              <a:rPr lang="he-IL" sz="1050" b="1" dirty="0">
                <a:solidFill>
                  <a:prstClr val="black"/>
                </a:solidFill>
                <a:latin typeface="Calibri" panose="020F0502020204030204" pitchFamily="34" charset="0"/>
                <a:cs typeface="Arial" panose="020B0604020202020204" pitchFamily="34" charset="0"/>
              </a:rPr>
              <a:t>הצגת מערכה מדינית-צבאית למול התרחיש</a:t>
            </a:r>
            <a:endParaRPr lang="en-US" sz="1050" b="1" dirty="0">
              <a:solidFill>
                <a:prstClr val="black"/>
              </a:solidFill>
              <a:latin typeface="Calibri" panose="020F0502020204030204" pitchFamily="34" charset="0"/>
              <a:cs typeface="+mn-cs"/>
            </a:endParaRPr>
          </a:p>
        </p:txBody>
      </p:sp>
      <p:sp>
        <p:nvSpPr>
          <p:cNvPr id="484" name="OTLSHAPE_M_573a2f1125464b499973e36e644f6b9b_Date"/>
          <p:cNvSpPr txBox="1"/>
          <p:nvPr>
            <p:custDataLst>
              <p:tags r:id="rId36"/>
            </p:custDataLst>
          </p:nvPr>
        </p:nvSpPr>
        <p:spPr>
          <a:xfrm>
            <a:off x="5589022" y="2437327"/>
            <a:ext cx="652402" cy="161583"/>
          </a:xfrm>
          <a:prstGeom prst="rect">
            <a:avLst/>
          </a:prstGeom>
          <a:noFill/>
        </p:spPr>
        <p:txBody>
          <a:bodyPr vert="horz" wrap="square" lIns="0" tIns="0" rIns="0" bIns="0" rtlCol="0" anchor="ctr" anchorCtr="0">
            <a:spAutoFit/>
          </a:bodyPr>
          <a:lstStyle/>
          <a:p>
            <a:pPr algn="l" fontAlgn="auto">
              <a:spcBef>
                <a:spcPts val="0"/>
              </a:spcBef>
              <a:spcAft>
                <a:spcPts val="0"/>
              </a:spcAft>
            </a:pPr>
            <a:r>
              <a:rPr lang="he-IL" sz="1050" b="1" spc="-6" dirty="0">
                <a:solidFill>
                  <a:srgbClr val="1F497E"/>
                </a:solidFill>
                <a:latin typeface="Calibri" panose="020F0502020204030204" pitchFamily="34" charset="0"/>
                <a:cs typeface="Arial" panose="020B0604020202020204" pitchFamily="34" charset="0"/>
              </a:rPr>
              <a:t>17/3/2016</a:t>
            </a:r>
            <a:endParaRPr lang="en-US" sz="1050" b="1" spc="-6" dirty="0">
              <a:solidFill>
                <a:srgbClr val="1F497E"/>
              </a:solidFill>
              <a:latin typeface="Calibri" panose="020F0502020204030204" pitchFamily="34" charset="0"/>
              <a:cs typeface="+mn-cs"/>
            </a:endParaRPr>
          </a:p>
        </p:txBody>
      </p:sp>
      <p:sp>
        <p:nvSpPr>
          <p:cNvPr id="485" name="OTLSHAPE_M_573a2f1125464b499973e36e644f6b9b_Shape"/>
          <p:cNvSpPr/>
          <p:nvPr>
            <p:custDataLst>
              <p:tags r:id="rId37"/>
            </p:custDataLst>
          </p:nvPr>
        </p:nvSpPr>
        <p:spPr>
          <a:xfrm rot="16200000">
            <a:off x="5846517" y="2236591"/>
            <a:ext cx="123825" cy="123825"/>
          </a:xfrm>
          <a:prstGeom prst="flowChartMerge">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fontAlgn="auto">
              <a:spcBef>
                <a:spcPts val="0"/>
              </a:spcBef>
              <a:spcAft>
                <a:spcPts val="0"/>
              </a:spcAft>
            </a:pPr>
            <a:endParaRPr lang="en-US" sz="1350">
              <a:solidFill>
                <a:prstClr val="white"/>
              </a:solidFill>
            </a:endParaRPr>
          </a:p>
        </p:txBody>
      </p:sp>
      <p:sp>
        <p:nvSpPr>
          <p:cNvPr id="486" name="OTLSHAPE_M_48147575bf8843cd818c6098686be6a6_Title"/>
          <p:cNvSpPr txBox="1"/>
          <p:nvPr>
            <p:custDataLst>
              <p:tags r:id="rId38"/>
            </p:custDataLst>
          </p:nvPr>
        </p:nvSpPr>
        <p:spPr>
          <a:xfrm>
            <a:off x="6524722" y="1362623"/>
            <a:ext cx="1269446" cy="161583"/>
          </a:xfrm>
          <a:prstGeom prst="rect">
            <a:avLst/>
          </a:prstGeom>
          <a:noFill/>
        </p:spPr>
        <p:txBody>
          <a:bodyPr vert="horz" wrap="square" lIns="0" tIns="0" rIns="0" bIns="0" rtlCol="0" anchor="ctr" anchorCtr="0">
            <a:spAutoFit/>
          </a:bodyPr>
          <a:lstStyle/>
          <a:p>
            <a:pPr algn="l" fontAlgn="auto">
              <a:spcBef>
                <a:spcPts val="0"/>
              </a:spcBef>
              <a:spcAft>
                <a:spcPts val="0"/>
              </a:spcAft>
            </a:pPr>
            <a:r>
              <a:rPr lang="he-IL" sz="1050" b="1" dirty="0">
                <a:solidFill>
                  <a:srgbClr val="FF0000"/>
                </a:solidFill>
                <a:latin typeface="Calibri" panose="020F0502020204030204" pitchFamily="34" charset="0"/>
                <a:cs typeface="Arial" panose="020B0604020202020204" pitchFamily="34" charset="0"/>
              </a:rPr>
              <a:t>אקט סימולציה 1</a:t>
            </a:r>
            <a:endParaRPr lang="en-US" sz="1050" b="1" dirty="0">
              <a:solidFill>
                <a:srgbClr val="FF0000"/>
              </a:solidFill>
              <a:latin typeface="Calibri" panose="020F0502020204030204" pitchFamily="34" charset="0"/>
              <a:cs typeface="+mn-cs"/>
            </a:endParaRPr>
          </a:p>
        </p:txBody>
      </p:sp>
      <p:sp>
        <p:nvSpPr>
          <p:cNvPr id="487" name="OTLSHAPE_M_48147575bf8843cd818c6098686be6a6_Date"/>
          <p:cNvSpPr txBox="1"/>
          <p:nvPr>
            <p:custDataLst>
              <p:tags r:id="rId39"/>
            </p:custDataLst>
          </p:nvPr>
        </p:nvSpPr>
        <p:spPr>
          <a:xfrm>
            <a:off x="6548533" y="1539824"/>
            <a:ext cx="617641" cy="161583"/>
          </a:xfrm>
          <a:prstGeom prst="rect">
            <a:avLst/>
          </a:prstGeom>
          <a:noFill/>
        </p:spPr>
        <p:txBody>
          <a:bodyPr vert="horz" wrap="square" lIns="0" tIns="0" rIns="0" bIns="0" rtlCol="0" anchor="ctr" anchorCtr="0">
            <a:spAutoFit/>
          </a:bodyPr>
          <a:lstStyle/>
          <a:p>
            <a:pPr algn="l" fontAlgn="auto">
              <a:spcBef>
                <a:spcPts val="0"/>
              </a:spcBef>
              <a:spcAft>
                <a:spcPts val="0"/>
              </a:spcAft>
            </a:pPr>
            <a:r>
              <a:rPr lang="he-IL" sz="1050" b="1" spc="-6" dirty="0">
                <a:solidFill>
                  <a:srgbClr val="1F497E"/>
                </a:solidFill>
                <a:latin typeface="Calibri" panose="020F0502020204030204" pitchFamily="34" charset="0"/>
                <a:cs typeface="Arial" panose="020B0604020202020204" pitchFamily="34" charset="0"/>
              </a:rPr>
              <a:t>20/3/2016</a:t>
            </a:r>
            <a:endParaRPr lang="en-US" sz="1050" b="1" spc="-6" dirty="0">
              <a:solidFill>
                <a:srgbClr val="1F497E"/>
              </a:solidFill>
              <a:latin typeface="Calibri" panose="020F0502020204030204" pitchFamily="34" charset="0"/>
              <a:cs typeface="+mn-cs"/>
            </a:endParaRPr>
          </a:p>
        </p:txBody>
      </p:sp>
      <p:sp>
        <p:nvSpPr>
          <p:cNvPr id="488" name="OTLSHAPE_M_48147575bf8843cd818c6098686be6a6_Shape"/>
          <p:cNvSpPr/>
          <p:nvPr>
            <p:custDataLst>
              <p:tags r:id="rId40"/>
            </p:custDataLst>
          </p:nvPr>
        </p:nvSpPr>
        <p:spPr>
          <a:xfrm rot="16200000">
            <a:off x="6353271" y="1480471"/>
            <a:ext cx="171450" cy="171450"/>
          </a:xfrm>
          <a:prstGeom prst="flowChartMerge">
            <a:avLst/>
          </a:prstGeom>
          <a:solidFill>
            <a:srgbClr val="EA161E"/>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fontAlgn="auto">
              <a:spcBef>
                <a:spcPts val="0"/>
              </a:spcBef>
              <a:spcAft>
                <a:spcPts val="0"/>
              </a:spcAft>
            </a:pPr>
            <a:endParaRPr lang="en-US" sz="1350">
              <a:solidFill>
                <a:prstClr val="white"/>
              </a:solidFill>
            </a:endParaRPr>
          </a:p>
        </p:txBody>
      </p:sp>
      <p:sp>
        <p:nvSpPr>
          <p:cNvPr id="489" name="OTLSHAPE_M_d6c5e6c1337a43bf985d430d4edd4f61_Title"/>
          <p:cNvSpPr txBox="1"/>
          <p:nvPr>
            <p:custDataLst>
              <p:tags r:id="rId41"/>
            </p:custDataLst>
          </p:nvPr>
        </p:nvSpPr>
        <p:spPr>
          <a:xfrm>
            <a:off x="6747074" y="1745768"/>
            <a:ext cx="1047093" cy="146597"/>
          </a:xfrm>
          <a:prstGeom prst="rect">
            <a:avLst/>
          </a:prstGeom>
          <a:noFill/>
        </p:spPr>
        <p:txBody>
          <a:bodyPr vert="horz" wrap="square" lIns="0" tIns="0" rIns="0" bIns="0" rtlCol="0" anchor="ctr" anchorCtr="0">
            <a:noAutofit/>
          </a:bodyPr>
          <a:lstStyle/>
          <a:p>
            <a:pPr algn="l" fontAlgn="auto">
              <a:spcBef>
                <a:spcPts val="0"/>
              </a:spcBef>
              <a:spcAft>
                <a:spcPts val="0"/>
              </a:spcAft>
            </a:pPr>
            <a:r>
              <a:rPr lang="en-US" sz="1050" b="1" dirty="0">
                <a:solidFill>
                  <a:prstClr val="black"/>
                </a:solidFill>
                <a:latin typeface="Calibri" panose="020F0502020204030204" pitchFamily="34" charset="0"/>
                <a:cs typeface="+mn-cs"/>
              </a:rPr>
              <a:t>"Reframing"</a:t>
            </a:r>
            <a:r>
              <a:rPr lang="he-IL" sz="1050" b="1" dirty="0">
                <a:solidFill>
                  <a:prstClr val="black"/>
                </a:solidFill>
                <a:latin typeface="Calibri" panose="020F0502020204030204" pitchFamily="34" charset="0"/>
                <a:cs typeface="Arial" panose="020B0604020202020204" pitchFamily="34" charset="0"/>
              </a:rPr>
              <a:t>שבוע</a:t>
            </a:r>
            <a:endParaRPr lang="en-US" sz="1050" b="1" dirty="0">
              <a:solidFill>
                <a:prstClr val="black"/>
              </a:solidFill>
              <a:latin typeface="Calibri" panose="020F0502020204030204" pitchFamily="34" charset="0"/>
              <a:cs typeface="+mn-cs"/>
            </a:endParaRPr>
          </a:p>
        </p:txBody>
      </p:sp>
      <p:sp>
        <p:nvSpPr>
          <p:cNvPr id="490" name="OTLSHAPE_M_d6c5e6c1337a43bf985d430d4edd4f61_Date"/>
          <p:cNvSpPr txBox="1"/>
          <p:nvPr>
            <p:custDataLst>
              <p:tags r:id="rId42"/>
            </p:custDataLst>
          </p:nvPr>
        </p:nvSpPr>
        <p:spPr>
          <a:xfrm>
            <a:off x="6752584" y="1883237"/>
            <a:ext cx="960107" cy="161583"/>
          </a:xfrm>
          <a:prstGeom prst="rect">
            <a:avLst/>
          </a:prstGeom>
          <a:noFill/>
        </p:spPr>
        <p:txBody>
          <a:bodyPr vert="horz" wrap="square" lIns="0" tIns="0" rIns="0" bIns="0" rtlCol="0" anchor="ctr" anchorCtr="0">
            <a:spAutoFit/>
          </a:bodyPr>
          <a:lstStyle/>
          <a:p>
            <a:pPr algn="l" fontAlgn="auto">
              <a:spcBef>
                <a:spcPts val="0"/>
              </a:spcBef>
              <a:spcAft>
                <a:spcPts val="0"/>
              </a:spcAft>
            </a:pPr>
            <a:r>
              <a:rPr lang="he-IL" sz="1050" b="1" spc="-6" dirty="0">
                <a:solidFill>
                  <a:srgbClr val="1F497E"/>
                </a:solidFill>
                <a:latin typeface="Calibri" panose="020F0502020204030204" pitchFamily="34" charset="0"/>
                <a:cs typeface="Arial" panose="020B0604020202020204" pitchFamily="34" charset="0"/>
              </a:rPr>
              <a:t>20-27/3/2016</a:t>
            </a:r>
            <a:endParaRPr lang="en-US" sz="1050" b="1" spc="-6" dirty="0">
              <a:solidFill>
                <a:srgbClr val="1F497E"/>
              </a:solidFill>
              <a:latin typeface="Calibri" panose="020F0502020204030204" pitchFamily="34" charset="0"/>
              <a:cs typeface="+mn-cs"/>
            </a:endParaRPr>
          </a:p>
        </p:txBody>
      </p:sp>
      <p:sp>
        <p:nvSpPr>
          <p:cNvPr id="491" name="OTLSHAPE_M_d6c5e6c1337a43bf985d430d4edd4f61_Shape"/>
          <p:cNvSpPr/>
          <p:nvPr>
            <p:custDataLst>
              <p:tags r:id="rId43"/>
            </p:custDataLst>
          </p:nvPr>
        </p:nvSpPr>
        <p:spPr>
          <a:xfrm rot="16200000">
            <a:off x="6599437" y="1853216"/>
            <a:ext cx="123825" cy="123825"/>
          </a:xfrm>
          <a:prstGeom prst="flowChartMerge">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fontAlgn="auto">
              <a:spcBef>
                <a:spcPts val="0"/>
              </a:spcBef>
              <a:spcAft>
                <a:spcPts val="0"/>
              </a:spcAft>
            </a:pPr>
            <a:endParaRPr lang="en-US" sz="1350">
              <a:solidFill>
                <a:prstClr val="white"/>
              </a:solidFill>
            </a:endParaRPr>
          </a:p>
        </p:txBody>
      </p:sp>
      <p:sp>
        <p:nvSpPr>
          <p:cNvPr id="492" name="OTLSHAPE_M_c8d12c432ce94daa8e70fbdb25bbbd21_Title"/>
          <p:cNvSpPr txBox="1"/>
          <p:nvPr>
            <p:custDataLst>
              <p:tags r:id="rId44"/>
            </p:custDataLst>
          </p:nvPr>
        </p:nvSpPr>
        <p:spPr>
          <a:xfrm>
            <a:off x="6733945" y="2124323"/>
            <a:ext cx="1275026" cy="255778"/>
          </a:xfrm>
          <a:prstGeom prst="rect">
            <a:avLst/>
          </a:prstGeom>
          <a:noFill/>
        </p:spPr>
        <p:txBody>
          <a:bodyPr vert="horz" wrap="square" lIns="0" tIns="0" rIns="0" bIns="0" rtlCol="0" anchor="ctr" anchorCtr="0">
            <a:noAutofit/>
          </a:bodyPr>
          <a:lstStyle/>
          <a:p>
            <a:pPr fontAlgn="auto">
              <a:spcBef>
                <a:spcPts val="0"/>
              </a:spcBef>
              <a:spcAft>
                <a:spcPts val="0"/>
              </a:spcAft>
            </a:pPr>
            <a:r>
              <a:rPr lang="he-IL" sz="1050" b="1" dirty="0">
                <a:solidFill>
                  <a:srgbClr val="FF0000"/>
                </a:solidFill>
                <a:latin typeface="Calibri" panose="020F0502020204030204" pitchFamily="34" charset="0"/>
                <a:cs typeface="Arial" panose="020B0604020202020204" pitchFamily="34" charset="0"/>
              </a:rPr>
              <a:t>אקט סימולציה 2</a:t>
            </a:r>
            <a:endParaRPr lang="en-US" sz="1050" b="1" dirty="0">
              <a:solidFill>
                <a:srgbClr val="FF0000"/>
              </a:solidFill>
              <a:latin typeface="Calibri" panose="020F0502020204030204" pitchFamily="34" charset="0"/>
              <a:cs typeface="+mn-cs"/>
            </a:endParaRPr>
          </a:p>
        </p:txBody>
      </p:sp>
      <p:sp>
        <p:nvSpPr>
          <p:cNvPr id="493" name="OTLSHAPE_M_c8d12c432ce94daa8e70fbdb25bbbd21_Date"/>
          <p:cNvSpPr txBox="1"/>
          <p:nvPr>
            <p:custDataLst>
              <p:tags r:id="rId45"/>
            </p:custDataLst>
          </p:nvPr>
        </p:nvSpPr>
        <p:spPr>
          <a:xfrm>
            <a:off x="6856240" y="2365577"/>
            <a:ext cx="978506" cy="161583"/>
          </a:xfrm>
          <a:prstGeom prst="rect">
            <a:avLst/>
          </a:prstGeom>
          <a:noFill/>
        </p:spPr>
        <p:txBody>
          <a:bodyPr vert="horz" wrap="square" lIns="0" tIns="0" rIns="0" bIns="0" rtlCol="0" anchor="ctr" anchorCtr="0">
            <a:spAutoFit/>
          </a:bodyPr>
          <a:lstStyle/>
          <a:p>
            <a:pPr algn="l" fontAlgn="auto">
              <a:spcBef>
                <a:spcPts val="0"/>
              </a:spcBef>
              <a:spcAft>
                <a:spcPts val="0"/>
              </a:spcAft>
            </a:pPr>
            <a:r>
              <a:rPr lang="he-IL" sz="1050" b="1" spc="-6" dirty="0">
                <a:solidFill>
                  <a:srgbClr val="1F497E"/>
                </a:solidFill>
                <a:latin typeface="Calibri" panose="020F0502020204030204" pitchFamily="34" charset="0"/>
                <a:cs typeface="Arial" panose="020B0604020202020204" pitchFamily="34" charset="0"/>
              </a:rPr>
              <a:t>27-28/3/2016</a:t>
            </a:r>
            <a:endParaRPr lang="en-US" sz="1050" b="1" spc="-6" dirty="0">
              <a:solidFill>
                <a:srgbClr val="1F497E"/>
              </a:solidFill>
              <a:latin typeface="Calibri" panose="020F0502020204030204" pitchFamily="34" charset="0"/>
              <a:cs typeface="+mn-cs"/>
            </a:endParaRPr>
          </a:p>
        </p:txBody>
      </p:sp>
      <p:sp>
        <p:nvSpPr>
          <p:cNvPr id="494" name="OTLSHAPE_M_c8d12c432ce94daa8e70fbdb25bbbd21_Shape"/>
          <p:cNvSpPr/>
          <p:nvPr>
            <p:custDataLst>
              <p:tags r:id="rId46"/>
            </p:custDataLst>
          </p:nvPr>
        </p:nvSpPr>
        <p:spPr>
          <a:xfrm rot="16200000">
            <a:off x="6660978" y="2242280"/>
            <a:ext cx="171450" cy="171450"/>
          </a:xfrm>
          <a:prstGeom prst="flowChartMerge">
            <a:avLst/>
          </a:prstGeom>
          <a:solidFill>
            <a:srgbClr val="FF0000"/>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fontAlgn="auto">
              <a:spcBef>
                <a:spcPts val="0"/>
              </a:spcBef>
              <a:spcAft>
                <a:spcPts val="0"/>
              </a:spcAft>
            </a:pPr>
            <a:endParaRPr lang="en-US" sz="1350">
              <a:solidFill>
                <a:srgbClr val="FF0000"/>
              </a:solidFill>
            </a:endParaRPr>
          </a:p>
        </p:txBody>
      </p:sp>
      <p:sp>
        <p:nvSpPr>
          <p:cNvPr id="495" name="OTLSHAPE_M_8b0e5cdca07b417fa561421310f3b2e0_Title"/>
          <p:cNvSpPr txBox="1"/>
          <p:nvPr>
            <p:custDataLst>
              <p:tags r:id="rId47"/>
            </p:custDataLst>
          </p:nvPr>
        </p:nvSpPr>
        <p:spPr>
          <a:xfrm>
            <a:off x="6926936" y="2610475"/>
            <a:ext cx="503969" cy="255778"/>
          </a:xfrm>
          <a:prstGeom prst="rect">
            <a:avLst/>
          </a:prstGeom>
          <a:noFill/>
        </p:spPr>
        <p:txBody>
          <a:bodyPr vert="horz" wrap="square" lIns="0" tIns="0" rIns="0" bIns="0" rtlCol="0" anchor="ctr" anchorCtr="0">
            <a:noAutofit/>
          </a:bodyPr>
          <a:lstStyle/>
          <a:p>
            <a:pPr fontAlgn="auto">
              <a:spcBef>
                <a:spcPts val="0"/>
              </a:spcBef>
              <a:spcAft>
                <a:spcPts val="0"/>
              </a:spcAft>
            </a:pPr>
            <a:r>
              <a:rPr lang="he-IL" sz="1050" b="1" dirty="0">
                <a:solidFill>
                  <a:prstClr val="black"/>
                </a:solidFill>
                <a:latin typeface="Calibri" panose="020F0502020204030204" pitchFamily="34" charset="0"/>
                <a:cs typeface="Arial" panose="020B0604020202020204" pitchFamily="34" charset="0"/>
              </a:rPr>
              <a:t>תחקיר וסיכום</a:t>
            </a:r>
            <a:endParaRPr lang="en-US" sz="1050" b="1" dirty="0">
              <a:solidFill>
                <a:prstClr val="black"/>
              </a:solidFill>
              <a:latin typeface="Calibri" panose="020F0502020204030204" pitchFamily="34" charset="0"/>
              <a:cs typeface="+mn-cs"/>
            </a:endParaRPr>
          </a:p>
        </p:txBody>
      </p:sp>
      <p:sp>
        <p:nvSpPr>
          <p:cNvPr id="496" name="OTLSHAPE_M_8b0e5cdca07b417fa561421310f3b2e0_Date"/>
          <p:cNvSpPr txBox="1"/>
          <p:nvPr>
            <p:custDataLst>
              <p:tags r:id="rId48"/>
            </p:custDataLst>
          </p:nvPr>
        </p:nvSpPr>
        <p:spPr>
          <a:xfrm>
            <a:off x="6931699" y="2913347"/>
            <a:ext cx="694892" cy="161583"/>
          </a:xfrm>
          <a:prstGeom prst="rect">
            <a:avLst/>
          </a:prstGeom>
          <a:noFill/>
        </p:spPr>
        <p:txBody>
          <a:bodyPr vert="horz" wrap="square" lIns="0" tIns="0" rIns="0" bIns="0" rtlCol="0" anchor="ctr" anchorCtr="0">
            <a:spAutoFit/>
          </a:bodyPr>
          <a:lstStyle/>
          <a:p>
            <a:pPr algn="l" fontAlgn="auto">
              <a:spcBef>
                <a:spcPts val="0"/>
              </a:spcBef>
              <a:spcAft>
                <a:spcPts val="0"/>
              </a:spcAft>
            </a:pPr>
            <a:r>
              <a:rPr lang="he-IL" sz="1050" b="1" spc="-6">
                <a:solidFill>
                  <a:srgbClr val="1F497E"/>
                </a:solidFill>
                <a:latin typeface="Calibri" panose="020F0502020204030204" pitchFamily="34" charset="0"/>
                <a:cs typeface="Arial" panose="020B0604020202020204" pitchFamily="34" charset="0"/>
              </a:rPr>
              <a:t>29/3/2016</a:t>
            </a:r>
            <a:endParaRPr lang="en-US" sz="1050" b="1" spc="-6" dirty="0">
              <a:solidFill>
                <a:srgbClr val="1F497E"/>
              </a:solidFill>
              <a:latin typeface="Calibri" panose="020F0502020204030204" pitchFamily="34" charset="0"/>
              <a:cs typeface="+mn-cs"/>
            </a:endParaRPr>
          </a:p>
        </p:txBody>
      </p:sp>
      <p:sp>
        <p:nvSpPr>
          <p:cNvPr id="497" name="OTLSHAPE_M_8b0e5cdca07b417fa561421310f3b2e0_Shape"/>
          <p:cNvSpPr/>
          <p:nvPr>
            <p:custDataLst>
              <p:tags r:id="rId49"/>
            </p:custDataLst>
          </p:nvPr>
        </p:nvSpPr>
        <p:spPr>
          <a:xfrm rot="16200000">
            <a:off x="6767739" y="2742428"/>
            <a:ext cx="123825" cy="123825"/>
          </a:xfrm>
          <a:prstGeom prst="flowChartMerge">
            <a:avLst/>
          </a:prstGeom>
          <a:solidFill>
            <a:srgbClr val="02B2EE"/>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fontAlgn="auto">
              <a:spcBef>
                <a:spcPts val="0"/>
              </a:spcBef>
              <a:spcAft>
                <a:spcPts val="0"/>
              </a:spcAft>
            </a:pPr>
            <a:endParaRPr lang="en-US" sz="1350">
              <a:solidFill>
                <a:prstClr val="white"/>
              </a:solidFill>
            </a:endParaRPr>
          </a:p>
        </p:txBody>
      </p:sp>
      <p:sp>
        <p:nvSpPr>
          <p:cNvPr id="498" name="OTLSHAPE_M_4c2577eaa5f8482d87d15801575af368_Title"/>
          <p:cNvSpPr txBox="1"/>
          <p:nvPr>
            <p:custDataLst>
              <p:tags r:id="rId50"/>
            </p:custDataLst>
          </p:nvPr>
        </p:nvSpPr>
        <p:spPr>
          <a:xfrm>
            <a:off x="7941070" y="2264799"/>
            <a:ext cx="442913" cy="383667"/>
          </a:xfrm>
          <a:prstGeom prst="rect">
            <a:avLst/>
          </a:prstGeom>
          <a:noFill/>
        </p:spPr>
        <p:txBody>
          <a:bodyPr vert="horz" wrap="square" lIns="0" tIns="0" rIns="0" bIns="0" rtlCol="0" anchor="ctr" anchorCtr="0">
            <a:noAutofit/>
          </a:bodyPr>
          <a:lstStyle/>
          <a:p>
            <a:pPr fontAlgn="auto">
              <a:spcBef>
                <a:spcPts val="0"/>
              </a:spcBef>
              <a:spcAft>
                <a:spcPts val="0"/>
              </a:spcAft>
            </a:pPr>
            <a:r>
              <a:rPr lang="he-IL" sz="1050" b="1" dirty="0">
                <a:solidFill>
                  <a:prstClr val="black"/>
                </a:solidFill>
                <a:latin typeface="Calibri" panose="020F0502020204030204" pitchFamily="34" charset="0"/>
                <a:cs typeface="Arial" panose="020B0604020202020204" pitchFamily="34" charset="0"/>
              </a:rPr>
              <a:t>הפקת תוצר מסכם </a:t>
            </a:r>
            <a:endParaRPr lang="en-US" sz="1050" b="1" dirty="0">
              <a:solidFill>
                <a:prstClr val="black"/>
              </a:solidFill>
              <a:latin typeface="Calibri" panose="020F0502020204030204" pitchFamily="34" charset="0"/>
              <a:cs typeface="+mn-cs"/>
            </a:endParaRPr>
          </a:p>
        </p:txBody>
      </p:sp>
      <p:sp>
        <p:nvSpPr>
          <p:cNvPr id="499" name="OTLSHAPE_M_4c2577eaa5f8482d87d15801575af368_Date"/>
          <p:cNvSpPr txBox="1"/>
          <p:nvPr>
            <p:custDataLst>
              <p:tags r:id="rId51"/>
            </p:custDataLst>
          </p:nvPr>
        </p:nvSpPr>
        <p:spPr>
          <a:xfrm>
            <a:off x="7834746" y="2815067"/>
            <a:ext cx="652529" cy="161583"/>
          </a:xfrm>
          <a:prstGeom prst="rect">
            <a:avLst/>
          </a:prstGeom>
          <a:noFill/>
        </p:spPr>
        <p:txBody>
          <a:bodyPr vert="horz" wrap="square" lIns="0" tIns="0" rIns="0" bIns="0" rtlCol="0" anchor="ctr" anchorCtr="0">
            <a:spAutoFit/>
          </a:bodyPr>
          <a:lstStyle/>
          <a:p>
            <a:pPr algn="l" fontAlgn="auto">
              <a:spcBef>
                <a:spcPts val="0"/>
              </a:spcBef>
              <a:spcAft>
                <a:spcPts val="0"/>
              </a:spcAft>
            </a:pPr>
            <a:r>
              <a:rPr lang="he-IL" sz="1050" b="1" spc="-6" dirty="0">
                <a:solidFill>
                  <a:srgbClr val="1F497E"/>
                </a:solidFill>
                <a:latin typeface="Calibri" panose="020F0502020204030204" pitchFamily="34" charset="0"/>
                <a:cs typeface="Arial" panose="020B0604020202020204" pitchFamily="34" charset="0"/>
              </a:rPr>
              <a:t>21/4/2016</a:t>
            </a:r>
            <a:endParaRPr lang="en-US" sz="1050" b="1" spc="-6" dirty="0">
              <a:solidFill>
                <a:srgbClr val="1F497E"/>
              </a:solidFill>
              <a:latin typeface="Calibri" panose="020F0502020204030204" pitchFamily="34" charset="0"/>
              <a:cs typeface="+mn-cs"/>
            </a:endParaRPr>
          </a:p>
        </p:txBody>
      </p:sp>
      <p:sp>
        <p:nvSpPr>
          <p:cNvPr id="500" name="OTLSHAPE_M_4c2577eaa5f8482d87d15801575af368_Shape"/>
          <p:cNvSpPr/>
          <p:nvPr>
            <p:custDataLst>
              <p:tags r:id="rId52"/>
            </p:custDataLst>
          </p:nvPr>
        </p:nvSpPr>
        <p:spPr>
          <a:xfrm rot="16200000">
            <a:off x="7857878" y="2635319"/>
            <a:ext cx="123825" cy="123825"/>
          </a:xfrm>
          <a:prstGeom prst="flowChartMerge">
            <a:avLst/>
          </a:prstGeom>
          <a:solidFill>
            <a:srgbClr val="1AAA4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fontAlgn="auto">
              <a:spcBef>
                <a:spcPts val="0"/>
              </a:spcBef>
              <a:spcAft>
                <a:spcPts val="0"/>
              </a:spcAft>
            </a:pPr>
            <a:endParaRPr lang="en-US" sz="1350">
              <a:solidFill>
                <a:prstClr val="white"/>
              </a:solidFill>
            </a:endParaRPr>
          </a:p>
        </p:txBody>
      </p:sp>
      <p:sp>
        <p:nvSpPr>
          <p:cNvPr id="501" name="OTLSHAPE_M_7a30b6abf1d14420ba43f690b7289863_Title"/>
          <p:cNvSpPr txBox="1"/>
          <p:nvPr>
            <p:custDataLst>
              <p:tags r:id="rId53"/>
            </p:custDataLst>
          </p:nvPr>
        </p:nvSpPr>
        <p:spPr>
          <a:xfrm>
            <a:off x="656081" y="2350457"/>
            <a:ext cx="1038225" cy="484748"/>
          </a:xfrm>
          <a:prstGeom prst="rect">
            <a:avLst/>
          </a:prstGeom>
          <a:noFill/>
        </p:spPr>
        <p:txBody>
          <a:bodyPr vert="horz" wrap="square" lIns="0" tIns="0" rIns="0" bIns="0" rtlCol="0" anchor="ctr" anchorCtr="0">
            <a:spAutoFit/>
          </a:bodyPr>
          <a:lstStyle/>
          <a:p>
            <a:pPr fontAlgn="auto">
              <a:spcBef>
                <a:spcPts val="0"/>
              </a:spcBef>
              <a:spcAft>
                <a:spcPts val="0"/>
              </a:spcAft>
            </a:pPr>
            <a:r>
              <a:rPr lang="he-IL" sz="1050" b="1" dirty="0">
                <a:solidFill>
                  <a:prstClr val="black"/>
                </a:solidFill>
                <a:latin typeface="Calibri" panose="020F0502020204030204" pitchFamily="34" charset="0"/>
                <a:cs typeface="Arial" panose="020B0604020202020204" pitchFamily="34" charset="0"/>
              </a:rPr>
              <a:t>הצגת </a:t>
            </a:r>
          </a:p>
          <a:p>
            <a:pPr fontAlgn="auto">
              <a:spcBef>
                <a:spcPts val="0"/>
              </a:spcBef>
              <a:spcAft>
                <a:spcPts val="0"/>
              </a:spcAft>
            </a:pPr>
            <a:r>
              <a:rPr lang="he-IL" sz="1050" b="1" dirty="0">
                <a:solidFill>
                  <a:prstClr val="black"/>
                </a:solidFill>
                <a:latin typeface="Calibri" panose="020F0502020204030204" pitchFamily="34" charset="0"/>
                <a:cs typeface="Arial" panose="020B0604020202020204" pitchFamily="34" charset="0"/>
              </a:rPr>
              <a:t>הבניית תהליך הלמידה</a:t>
            </a:r>
            <a:endParaRPr lang="en-US" sz="1050" b="1" dirty="0">
              <a:solidFill>
                <a:prstClr val="black"/>
              </a:solidFill>
              <a:latin typeface="Calibri" panose="020F0502020204030204" pitchFamily="34" charset="0"/>
              <a:cs typeface="+mn-cs"/>
            </a:endParaRPr>
          </a:p>
        </p:txBody>
      </p:sp>
      <p:sp>
        <p:nvSpPr>
          <p:cNvPr id="502" name="OTLSHAPE_M_7a30b6abf1d14420ba43f690b7289863_Date"/>
          <p:cNvSpPr txBox="1"/>
          <p:nvPr>
            <p:custDataLst>
              <p:tags r:id="rId54"/>
            </p:custDataLst>
          </p:nvPr>
        </p:nvSpPr>
        <p:spPr>
          <a:xfrm>
            <a:off x="900638" y="2842399"/>
            <a:ext cx="722726" cy="161583"/>
          </a:xfrm>
          <a:prstGeom prst="rect">
            <a:avLst/>
          </a:prstGeom>
          <a:noFill/>
        </p:spPr>
        <p:txBody>
          <a:bodyPr vert="horz" wrap="square" lIns="0" tIns="0" rIns="0" bIns="0" rtlCol="0" anchor="ctr" anchorCtr="0">
            <a:spAutoFit/>
          </a:bodyPr>
          <a:lstStyle/>
          <a:p>
            <a:pPr algn="l" fontAlgn="auto">
              <a:spcBef>
                <a:spcPts val="0"/>
              </a:spcBef>
              <a:spcAft>
                <a:spcPts val="0"/>
              </a:spcAft>
            </a:pPr>
            <a:r>
              <a:rPr lang="he-IL" sz="1050" b="1" spc="-6" dirty="0">
                <a:solidFill>
                  <a:srgbClr val="1F497E"/>
                </a:solidFill>
                <a:latin typeface="Calibri" panose="020F0502020204030204" pitchFamily="34" charset="0"/>
                <a:cs typeface="Arial" panose="020B0604020202020204" pitchFamily="34" charset="0"/>
              </a:rPr>
              <a:t>23/12/2015</a:t>
            </a:r>
            <a:endParaRPr lang="en-US" sz="1050" b="1" spc="-6" dirty="0">
              <a:solidFill>
                <a:srgbClr val="1F497E"/>
              </a:solidFill>
              <a:latin typeface="Calibri" panose="020F0502020204030204" pitchFamily="34" charset="0"/>
              <a:cs typeface="+mn-cs"/>
            </a:endParaRPr>
          </a:p>
        </p:txBody>
      </p:sp>
      <p:sp>
        <p:nvSpPr>
          <p:cNvPr id="503" name="OTLSHAPE_M_7a30b6abf1d14420ba43f690b7289863_Shape"/>
          <p:cNvSpPr/>
          <p:nvPr>
            <p:custDataLst>
              <p:tags r:id="rId55"/>
            </p:custDataLst>
          </p:nvPr>
        </p:nvSpPr>
        <p:spPr>
          <a:xfrm rot="16200000">
            <a:off x="753001" y="2806859"/>
            <a:ext cx="123825" cy="123825"/>
          </a:xfrm>
          <a:prstGeom prst="flowChartMerge">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fontAlgn="auto">
              <a:spcBef>
                <a:spcPts val="0"/>
              </a:spcBef>
              <a:spcAft>
                <a:spcPts val="0"/>
              </a:spcAft>
            </a:pPr>
            <a:endParaRPr lang="en-US" sz="1350">
              <a:solidFill>
                <a:prstClr val="white"/>
              </a:solidFill>
            </a:endParaRPr>
          </a:p>
        </p:txBody>
      </p:sp>
      <p:sp>
        <p:nvSpPr>
          <p:cNvPr id="446" name="סוגר זוויתי 445"/>
          <p:cNvSpPr/>
          <p:nvPr/>
        </p:nvSpPr>
        <p:spPr>
          <a:xfrm>
            <a:off x="7049174" y="3661845"/>
            <a:ext cx="1906887" cy="1186192"/>
          </a:xfrm>
          <a:prstGeom prst="chevron">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pPr fontAlgn="auto">
              <a:spcBef>
                <a:spcPts val="0"/>
              </a:spcBef>
              <a:spcAft>
                <a:spcPts val="0"/>
              </a:spcAft>
            </a:pPr>
            <a:r>
              <a:rPr lang="he-IL" sz="1200" b="1" u="sng" dirty="0">
                <a:solidFill>
                  <a:prstClr val="black">
                    <a:hueOff val="0"/>
                    <a:satOff val="0"/>
                    <a:lumOff val="0"/>
                    <a:alphaOff val="0"/>
                  </a:prstClr>
                </a:solidFill>
              </a:rPr>
              <a:t>שלב התחקיר</a:t>
            </a:r>
          </a:p>
          <a:p>
            <a:pPr fontAlgn="auto">
              <a:spcBef>
                <a:spcPts val="0"/>
              </a:spcBef>
              <a:spcAft>
                <a:spcPts val="0"/>
              </a:spcAft>
            </a:pPr>
            <a:r>
              <a:rPr lang="he-IL" sz="1050" dirty="0">
                <a:solidFill>
                  <a:prstClr val="black">
                    <a:hueOff val="0"/>
                    <a:satOff val="0"/>
                    <a:lumOff val="0"/>
                    <a:alphaOff val="0"/>
                  </a:prstClr>
                </a:solidFill>
              </a:rPr>
              <a:t>תחקיר בפורמט</a:t>
            </a:r>
          </a:p>
          <a:p>
            <a:pPr fontAlgn="auto">
              <a:spcBef>
                <a:spcPts val="0"/>
              </a:spcBef>
              <a:spcAft>
                <a:spcPts val="0"/>
              </a:spcAft>
            </a:pPr>
            <a:r>
              <a:rPr lang="he-IL" sz="1050" dirty="0">
                <a:solidFill>
                  <a:prstClr val="black">
                    <a:hueOff val="0"/>
                    <a:satOff val="0"/>
                    <a:lumOff val="0"/>
                    <a:alphaOff val="0"/>
                  </a:prstClr>
                </a:solidFill>
              </a:rPr>
              <a:t>סיכום קבוצתי ואישי </a:t>
            </a:r>
            <a:endParaRPr lang="en-US" sz="1050" dirty="0">
              <a:solidFill>
                <a:prstClr val="black">
                  <a:hueOff val="0"/>
                  <a:satOff val="0"/>
                  <a:lumOff val="0"/>
                  <a:alphaOff val="0"/>
                </a:prstClr>
              </a:solidFill>
            </a:endParaRPr>
          </a:p>
          <a:p>
            <a:pPr fontAlgn="auto">
              <a:spcBef>
                <a:spcPts val="0"/>
              </a:spcBef>
              <a:spcAft>
                <a:spcPts val="0"/>
              </a:spcAft>
            </a:pPr>
            <a:endParaRPr lang="he-IL" sz="1200" b="1" u="sng" dirty="0">
              <a:solidFill>
                <a:prstClr val="black">
                  <a:hueOff val="0"/>
                  <a:satOff val="0"/>
                  <a:lumOff val="0"/>
                  <a:alphaOff val="0"/>
                </a:prstClr>
              </a:solidFill>
            </a:endParaRPr>
          </a:p>
        </p:txBody>
      </p:sp>
      <p:grpSp>
        <p:nvGrpSpPr>
          <p:cNvPr id="66" name="קבוצה 65"/>
          <p:cNvGrpSpPr/>
          <p:nvPr/>
        </p:nvGrpSpPr>
        <p:grpSpPr>
          <a:xfrm>
            <a:off x="-56028" y="3798281"/>
            <a:ext cx="1865708" cy="1009494"/>
            <a:chOff x="-2391298" y="1007104"/>
            <a:chExt cx="3144388" cy="1413736"/>
          </a:xfrm>
        </p:grpSpPr>
        <p:sp>
          <p:nvSpPr>
            <p:cNvPr id="67" name="סוגר זוויתי 66"/>
            <p:cNvSpPr/>
            <p:nvPr/>
          </p:nvSpPr>
          <p:spPr>
            <a:xfrm>
              <a:off x="-2391298" y="1007104"/>
              <a:ext cx="3144388" cy="1251583"/>
            </a:xfrm>
            <a:prstGeom prst="chevron">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68" name="סוגר זוויתי 4"/>
            <p:cNvSpPr txBox="1"/>
            <p:nvPr/>
          </p:nvSpPr>
          <p:spPr>
            <a:xfrm>
              <a:off x="-1539654" y="1169256"/>
              <a:ext cx="1935388" cy="125158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5240" tIns="7620" rIns="0" bIns="7620" numCol="1" spcCol="1270" anchor="t" anchorCtr="0">
              <a:noAutofit/>
            </a:bodyPr>
            <a:lstStyle/>
            <a:p>
              <a:pPr defTabSz="533400" fontAlgn="auto">
                <a:lnSpc>
                  <a:spcPct val="90000"/>
                </a:lnSpc>
                <a:spcAft>
                  <a:spcPct val="35000"/>
                </a:spcAft>
              </a:pPr>
              <a:r>
                <a:rPr lang="he-IL" sz="1200" b="1" u="sng" dirty="0">
                  <a:solidFill>
                    <a:prstClr val="white"/>
                  </a:solidFill>
                </a:rPr>
                <a:t>שלב הבניית הלמידה</a:t>
              </a:r>
            </a:p>
            <a:p>
              <a:pPr defTabSz="533400" fontAlgn="auto">
                <a:lnSpc>
                  <a:spcPct val="90000"/>
                </a:lnSpc>
                <a:spcAft>
                  <a:spcPct val="35000"/>
                </a:spcAft>
              </a:pPr>
              <a:r>
                <a:rPr lang="he-IL" sz="1050" dirty="0">
                  <a:solidFill>
                    <a:prstClr val="white"/>
                  </a:solidFill>
                </a:rPr>
                <a:t>ארגון ותכנון</a:t>
              </a:r>
            </a:p>
            <a:p>
              <a:pPr defTabSz="533400" fontAlgn="auto">
                <a:lnSpc>
                  <a:spcPct val="90000"/>
                </a:lnSpc>
                <a:spcAft>
                  <a:spcPct val="35000"/>
                </a:spcAft>
              </a:pPr>
              <a:r>
                <a:rPr lang="he-IL" sz="1050" dirty="0">
                  <a:solidFill>
                    <a:prstClr val="white"/>
                  </a:solidFill>
                </a:rPr>
                <a:t>לו"ז</a:t>
              </a:r>
              <a:endParaRPr lang="en-US" sz="1050" dirty="0">
                <a:solidFill>
                  <a:prstClr val="white"/>
                </a:solidFill>
              </a:endParaRPr>
            </a:p>
          </p:txBody>
        </p:sp>
      </p:grpSp>
      <p:sp>
        <p:nvSpPr>
          <p:cNvPr id="69" name="OTLSHAPE_M_7e4083913e934642a3382a090fdc1f83_Shape"/>
          <p:cNvSpPr/>
          <p:nvPr>
            <p:custDataLst>
              <p:tags r:id="rId56"/>
            </p:custDataLst>
          </p:nvPr>
        </p:nvSpPr>
        <p:spPr>
          <a:xfrm rot="16200000">
            <a:off x="5207796" y="2284988"/>
            <a:ext cx="123825" cy="123825"/>
          </a:xfrm>
          <a:prstGeom prst="flowChartMerge">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fontAlgn="auto">
              <a:spcBef>
                <a:spcPts val="0"/>
              </a:spcBef>
              <a:spcAft>
                <a:spcPts val="0"/>
              </a:spcAft>
            </a:pPr>
            <a:endParaRPr lang="en-US" sz="1350">
              <a:solidFill>
                <a:prstClr val="white"/>
              </a:solidFill>
            </a:endParaRPr>
          </a:p>
        </p:txBody>
      </p:sp>
      <p:sp>
        <p:nvSpPr>
          <p:cNvPr id="73" name="TextBox 72"/>
          <p:cNvSpPr txBox="1"/>
          <p:nvPr/>
        </p:nvSpPr>
        <p:spPr>
          <a:xfrm>
            <a:off x="-27262" y="3993953"/>
            <a:ext cx="698944" cy="715581"/>
          </a:xfrm>
          <a:prstGeom prst="rect">
            <a:avLst/>
          </a:prstGeom>
          <a:noFill/>
          <a:ln w="38100">
            <a:solidFill>
              <a:schemeClr val="tx1">
                <a:lumMod val="85000"/>
                <a:lumOff val="15000"/>
              </a:schemeClr>
            </a:solidFill>
          </a:ln>
        </p:spPr>
        <p:txBody>
          <a:bodyPr wrap="square" rtlCol="0">
            <a:spAutoFit/>
          </a:bodyPr>
          <a:lstStyle/>
          <a:p>
            <a:pPr fontAlgn="auto">
              <a:spcBef>
                <a:spcPts val="0"/>
              </a:spcBef>
              <a:spcAft>
                <a:spcPts val="0"/>
              </a:spcAft>
              <a:defRPr/>
            </a:pPr>
            <a:r>
              <a:rPr lang="he-IL" sz="1350" b="1" dirty="0">
                <a:solidFill>
                  <a:prstClr val="black"/>
                </a:solidFill>
                <a:latin typeface="Calibri" panose="020F0502020204030204"/>
                <a:cs typeface="Arial" panose="020B0604020202020204" pitchFamily="34" charset="0"/>
              </a:rPr>
              <a:t>שלבי</a:t>
            </a:r>
          </a:p>
          <a:p>
            <a:pPr fontAlgn="auto">
              <a:spcBef>
                <a:spcPts val="0"/>
              </a:spcBef>
              <a:spcAft>
                <a:spcPts val="0"/>
              </a:spcAft>
              <a:defRPr/>
            </a:pPr>
            <a:r>
              <a:rPr lang="he-IL" sz="1350" b="1" dirty="0">
                <a:solidFill>
                  <a:prstClr val="black"/>
                </a:solidFill>
                <a:latin typeface="Calibri" panose="020F0502020204030204"/>
                <a:cs typeface="Arial" panose="020B0604020202020204" pitchFamily="34" charset="0"/>
              </a:rPr>
              <a:t>התהליך</a:t>
            </a:r>
            <a:endParaRPr lang="en-US" sz="1350" b="1" dirty="0">
              <a:solidFill>
                <a:prstClr val="black"/>
              </a:solidFill>
              <a:latin typeface="Calibri" panose="020F0502020204030204"/>
              <a:cs typeface="+mn-cs"/>
            </a:endParaRPr>
          </a:p>
        </p:txBody>
      </p:sp>
      <p:graphicFrame>
        <p:nvGraphicFramePr>
          <p:cNvPr id="5" name="דיאגרמה 4"/>
          <p:cNvGraphicFramePr/>
          <p:nvPr>
            <p:extLst/>
          </p:nvPr>
        </p:nvGraphicFramePr>
        <p:xfrm>
          <a:off x="420893" y="4631479"/>
          <a:ext cx="8702235" cy="1469909"/>
        </p:xfrm>
        <a:graphic>
          <a:graphicData uri="http://schemas.openxmlformats.org/drawingml/2006/diagram">
            <dgm:relIds xmlns:dgm="http://schemas.openxmlformats.org/drawingml/2006/diagram" xmlns:r="http://schemas.openxmlformats.org/officeDocument/2006/relationships" r:dm="rId71" r:lo="rId72" r:qs="rId73" r:cs="rId74"/>
          </a:graphicData>
        </a:graphic>
      </p:graphicFrame>
      <p:sp>
        <p:nvSpPr>
          <p:cNvPr id="75" name="TextBox 74"/>
          <p:cNvSpPr txBox="1"/>
          <p:nvPr/>
        </p:nvSpPr>
        <p:spPr>
          <a:xfrm>
            <a:off x="67534" y="5479961"/>
            <a:ext cx="694421" cy="507831"/>
          </a:xfrm>
          <a:prstGeom prst="rect">
            <a:avLst/>
          </a:prstGeom>
          <a:noFill/>
          <a:ln w="38100">
            <a:solidFill>
              <a:schemeClr val="tx1">
                <a:lumMod val="85000"/>
                <a:lumOff val="15000"/>
              </a:schemeClr>
            </a:solidFill>
          </a:ln>
        </p:spPr>
        <p:txBody>
          <a:bodyPr wrap="none" rtlCol="0">
            <a:spAutoFit/>
          </a:bodyPr>
          <a:lstStyle/>
          <a:p>
            <a:pPr algn="l" fontAlgn="auto">
              <a:spcBef>
                <a:spcPts val="0"/>
              </a:spcBef>
              <a:spcAft>
                <a:spcPts val="0"/>
              </a:spcAft>
              <a:defRPr/>
            </a:pPr>
            <a:r>
              <a:rPr lang="he-IL" sz="1350" b="1" dirty="0">
                <a:solidFill>
                  <a:prstClr val="black"/>
                </a:solidFill>
                <a:latin typeface="Calibri" panose="020F0502020204030204"/>
                <a:cs typeface="Arial" panose="020B0604020202020204" pitchFamily="34" charset="0"/>
              </a:rPr>
              <a:t>מופעים</a:t>
            </a:r>
          </a:p>
          <a:p>
            <a:pPr algn="l" fontAlgn="auto">
              <a:spcBef>
                <a:spcPts val="0"/>
              </a:spcBef>
              <a:spcAft>
                <a:spcPts val="0"/>
              </a:spcAft>
              <a:defRPr/>
            </a:pPr>
            <a:r>
              <a:rPr lang="he-IL" sz="1350" b="1" dirty="0">
                <a:solidFill>
                  <a:prstClr val="black"/>
                </a:solidFill>
                <a:latin typeface="Calibri" panose="020F0502020204030204"/>
                <a:cs typeface="Arial" panose="020B0604020202020204" pitchFamily="34" charset="0"/>
              </a:rPr>
              <a:t>תומכים</a:t>
            </a:r>
            <a:endParaRPr lang="en-US" sz="1350" b="1" dirty="0">
              <a:solidFill>
                <a:prstClr val="black"/>
              </a:solidFill>
              <a:latin typeface="Calibri" panose="020F0502020204030204"/>
              <a:cs typeface="+mn-cs"/>
            </a:endParaRPr>
          </a:p>
        </p:txBody>
      </p:sp>
      <p:cxnSp>
        <p:nvCxnSpPr>
          <p:cNvPr id="76" name="OTLSHAPE_M_7e4083913e934642a3382a090fdc1f83_Connector1"/>
          <p:cNvCxnSpPr/>
          <p:nvPr>
            <p:custDataLst>
              <p:tags r:id="rId57"/>
            </p:custDataLst>
          </p:nvPr>
        </p:nvCxnSpPr>
        <p:spPr>
          <a:xfrm>
            <a:off x="4740375" y="1802575"/>
            <a:ext cx="16124" cy="1334035"/>
          </a:xfrm>
          <a:prstGeom prst="line">
            <a:avLst/>
          </a:prstGeom>
          <a:ln w="4763"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8" name="OTLSHAPE_M_7e4083913e934642a3382a090fdc1f83_Shape"/>
          <p:cNvSpPr/>
          <p:nvPr>
            <p:custDataLst>
              <p:tags r:id="rId58"/>
            </p:custDataLst>
          </p:nvPr>
        </p:nvSpPr>
        <p:spPr>
          <a:xfrm rot="16200000">
            <a:off x="4739525" y="1782542"/>
            <a:ext cx="123825" cy="123825"/>
          </a:xfrm>
          <a:prstGeom prst="flowChartMerge">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fontAlgn="auto">
              <a:spcBef>
                <a:spcPts val="0"/>
              </a:spcBef>
              <a:spcAft>
                <a:spcPts val="0"/>
              </a:spcAft>
            </a:pPr>
            <a:endParaRPr lang="en-US" sz="1350">
              <a:solidFill>
                <a:prstClr val="white"/>
              </a:solidFill>
            </a:endParaRPr>
          </a:p>
        </p:txBody>
      </p:sp>
      <p:sp>
        <p:nvSpPr>
          <p:cNvPr id="79" name="OTLSHAPE_M_7e4083913e934642a3382a090fdc1f83_Title"/>
          <p:cNvSpPr txBox="1"/>
          <p:nvPr>
            <p:custDataLst>
              <p:tags r:id="rId59"/>
            </p:custDataLst>
          </p:nvPr>
        </p:nvSpPr>
        <p:spPr>
          <a:xfrm>
            <a:off x="3954000" y="1754269"/>
            <a:ext cx="632818" cy="601234"/>
          </a:xfrm>
          <a:prstGeom prst="rect">
            <a:avLst/>
          </a:prstGeom>
          <a:noFill/>
        </p:spPr>
        <p:txBody>
          <a:bodyPr vert="horz" wrap="square" lIns="0" tIns="0" rIns="0" bIns="0" rtlCol="0" anchor="ctr" anchorCtr="0">
            <a:noAutofit/>
          </a:bodyPr>
          <a:lstStyle/>
          <a:p>
            <a:pPr rtl="1" fontAlgn="auto">
              <a:spcBef>
                <a:spcPts val="0"/>
              </a:spcBef>
              <a:spcAft>
                <a:spcPts val="0"/>
              </a:spcAft>
            </a:pPr>
            <a:r>
              <a:rPr lang="he-IL" sz="1050" b="1" dirty="0">
                <a:solidFill>
                  <a:prstClr val="black"/>
                </a:solidFill>
                <a:latin typeface="Calibri" panose="020F0502020204030204" pitchFamily="34" charset="0"/>
                <a:cs typeface="Arial" panose="020B0604020202020204" pitchFamily="34" charset="0"/>
              </a:rPr>
              <a:t>הצגת אסטרטגיה מכוננת</a:t>
            </a:r>
            <a:r>
              <a:rPr lang="en-US" sz="1050" b="1" dirty="0">
                <a:solidFill>
                  <a:prstClr val="black"/>
                </a:solidFill>
                <a:latin typeface="Calibri" panose="020F0502020204030204" pitchFamily="34" charset="0"/>
                <a:cs typeface="+mn-cs"/>
              </a:rPr>
              <a:t> </a:t>
            </a:r>
          </a:p>
          <a:p>
            <a:pPr rtl="1" fontAlgn="auto">
              <a:spcBef>
                <a:spcPts val="0"/>
              </a:spcBef>
              <a:spcAft>
                <a:spcPts val="0"/>
              </a:spcAft>
            </a:pPr>
            <a:r>
              <a:rPr lang="en-US" sz="1050" b="1" dirty="0">
                <a:solidFill>
                  <a:prstClr val="black"/>
                </a:solidFill>
                <a:latin typeface="Calibri" panose="020F0502020204030204" pitchFamily="34" charset="0"/>
                <a:cs typeface="+mn-cs"/>
              </a:rPr>
              <a:t>)</a:t>
            </a:r>
            <a:r>
              <a:rPr lang="he-IL" sz="1050" b="1" dirty="0">
                <a:solidFill>
                  <a:prstClr val="black"/>
                </a:solidFill>
                <a:latin typeface="Calibri" panose="020F0502020204030204" pitchFamily="34" charset="0"/>
                <a:cs typeface="Arial" panose="020B0604020202020204" pitchFamily="34" charset="0"/>
              </a:rPr>
              <a:t>ח.ז)</a:t>
            </a:r>
            <a:endParaRPr lang="en-US" sz="1050" b="1" dirty="0">
              <a:solidFill>
                <a:prstClr val="black"/>
              </a:solidFill>
              <a:latin typeface="Calibri" panose="020F0502020204030204" pitchFamily="34" charset="0"/>
              <a:cs typeface="+mn-cs"/>
            </a:endParaRPr>
          </a:p>
        </p:txBody>
      </p:sp>
      <p:cxnSp>
        <p:nvCxnSpPr>
          <p:cNvPr id="80" name="OTLSHAPE_M_7e4083913e934642a3382a090fdc1f83_Connector1"/>
          <p:cNvCxnSpPr/>
          <p:nvPr>
            <p:custDataLst>
              <p:tags r:id="rId60"/>
            </p:custDataLst>
          </p:nvPr>
        </p:nvCxnSpPr>
        <p:spPr>
          <a:xfrm flipH="1">
            <a:off x="6222491" y="1346156"/>
            <a:ext cx="10989" cy="1758188"/>
          </a:xfrm>
          <a:prstGeom prst="line">
            <a:avLst/>
          </a:prstGeom>
          <a:ln w="4763"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2" name="OTLSHAPE_M_7e4083913e934642a3382a090fdc1f83_Shape"/>
          <p:cNvSpPr/>
          <p:nvPr>
            <p:custDataLst>
              <p:tags r:id="rId61"/>
            </p:custDataLst>
          </p:nvPr>
        </p:nvSpPr>
        <p:spPr>
          <a:xfrm rot="16200000">
            <a:off x="6230144" y="1345454"/>
            <a:ext cx="123825" cy="123825"/>
          </a:xfrm>
          <a:prstGeom prst="flowChartMerge">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fontAlgn="auto">
              <a:spcBef>
                <a:spcPts val="0"/>
              </a:spcBef>
              <a:spcAft>
                <a:spcPts val="0"/>
              </a:spcAft>
            </a:pPr>
            <a:endParaRPr lang="en-US" sz="1350">
              <a:solidFill>
                <a:prstClr val="white"/>
              </a:solidFill>
            </a:endParaRPr>
          </a:p>
        </p:txBody>
      </p:sp>
      <p:sp>
        <p:nvSpPr>
          <p:cNvPr id="83" name="OTLSHAPE_M_7e4083913e934642a3382a090fdc1f83_Title"/>
          <p:cNvSpPr txBox="1"/>
          <p:nvPr>
            <p:custDataLst>
              <p:tags r:id="rId62"/>
            </p:custDataLst>
          </p:nvPr>
        </p:nvSpPr>
        <p:spPr>
          <a:xfrm>
            <a:off x="5972638" y="893468"/>
            <a:ext cx="575895" cy="522824"/>
          </a:xfrm>
          <a:prstGeom prst="rect">
            <a:avLst/>
          </a:prstGeom>
          <a:noFill/>
        </p:spPr>
        <p:txBody>
          <a:bodyPr vert="horz" wrap="square" lIns="0" tIns="0" rIns="0" bIns="0" rtlCol="0" anchor="ctr" anchorCtr="0">
            <a:noAutofit/>
          </a:bodyPr>
          <a:lstStyle/>
          <a:p>
            <a:pPr rtl="1" fontAlgn="auto">
              <a:spcBef>
                <a:spcPts val="0"/>
              </a:spcBef>
              <a:spcAft>
                <a:spcPts val="0"/>
              </a:spcAft>
            </a:pPr>
            <a:r>
              <a:rPr lang="he-IL" sz="1050" b="1" dirty="0">
                <a:solidFill>
                  <a:prstClr val="black"/>
                </a:solidFill>
                <a:latin typeface="Calibri" panose="020F0502020204030204" pitchFamily="34" charset="0"/>
                <a:cs typeface="Arial" panose="020B0604020202020204" pitchFamily="34" charset="0"/>
              </a:rPr>
              <a:t>עדכון התרחיש</a:t>
            </a:r>
            <a:endParaRPr lang="en-US" sz="1050" b="1" dirty="0">
              <a:solidFill>
                <a:prstClr val="black"/>
              </a:solidFill>
              <a:latin typeface="Calibri" panose="020F0502020204030204" pitchFamily="34" charset="0"/>
              <a:cs typeface="+mn-cs"/>
            </a:endParaRPr>
          </a:p>
        </p:txBody>
      </p:sp>
      <p:sp>
        <p:nvSpPr>
          <p:cNvPr id="84" name="OTLSHAPE_M_4c2577eaa5f8482d87d15801575af368_Title"/>
          <p:cNvSpPr txBox="1"/>
          <p:nvPr>
            <p:custDataLst>
              <p:tags r:id="rId63"/>
            </p:custDataLst>
          </p:nvPr>
        </p:nvSpPr>
        <p:spPr>
          <a:xfrm>
            <a:off x="8614145" y="1506411"/>
            <a:ext cx="442913" cy="617912"/>
          </a:xfrm>
          <a:prstGeom prst="rect">
            <a:avLst/>
          </a:prstGeom>
          <a:noFill/>
        </p:spPr>
        <p:txBody>
          <a:bodyPr vert="horz" wrap="square" lIns="0" tIns="0" rIns="0" bIns="0" rtlCol="0" anchor="ctr" anchorCtr="0">
            <a:noAutofit/>
          </a:bodyPr>
          <a:lstStyle/>
          <a:p>
            <a:pPr fontAlgn="auto">
              <a:spcBef>
                <a:spcPts val="0"/>
              </a:spcBef>
              <a:spcAft>
                <a:spcPts val="0"/>
              </a:spcAft>
            </a:pPr>
            <a:r>
              <a:rPr lang="he-IL" sz="1050" b="1" dirty="0">
                <a:solidFill>
                  <a:prstClr val="black"/>
                </a:solidFill>
                <a:latin typeface="Calibri" panose="020F0502020204030204" pitchFamily="34" charset="0"/>
                <a:cs typeface="Arial" panose="020B0604020202020204" pitchFamily="34" charset="0"/>
              </a:rPr>
              <a:t>הגשת דו"ח למידה אישי</a:t>
            </a:r>
            <a:endParaRPr lang="en-US" sz="1050" b="1" dirty="0">
              <a:solidFill>
                <a:prstClr val="black"/>
              </a:solidFill>
              <a:latin typeface="Calibri" panose="020F0502020204030204" pitchFamily="34" charset="0"/>
              <a:cs typeface="+mn-cs"/>
            </a:endParaRPr>
          </a:p>
        </p:txBody>
      </p:sp>
      <p:sp>
        <p:nvSpPr>
          <p:cNvPr id="85" name="OTLSHAPE_M_7e4083913e934642a3382a090fdc1f83_Shape"/>
          <p:cNvSpPr/>
          <p:nvPr>
            <p:custDataLst>
              <p:tags r:id="rId64"/>
            </p:custDataLst>
          </p:nvPr>
        </p:nvSpPr>
        <p:spPr>
          <a:xfrm rot="16200000">
            <a:off x="8832236" y="2147991"/>
            <a:ext cx="123825" cy="123825"/>
          </a:xfrm>
          <a:prstGeom prst="flowChartMerge">
            <a:avLst/>
          </a:prstGeom>
          <a:solidFill>
            <a:schemeClr val="dk2"/>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fontAlgn="auto">
              <a:spcBef>
                <a:spcPts val="0"/>
              </a:spcBef>
              <a:spcAft>
                <a:spcPts val="0"/>
              </a:spcAft>
            </a:pPr>
            <a:endParaRPr lang="en-US" sz="1350">
              <a:solidFill>
                <a:prstClr val="white"/>
              </a:solidFill>
            </a:endParaRPr>
          </a:p>
        </p:txBody>
      </p:sp>
      <p:cxnSp>
        <p:nvCxnSpPr>
          <p:cNvPr id="9" name="מחבר ישר 8"/>
          <p:cNvCxnSpPr>
            <a:stCxn id="85" idx="0"/>
          </p:cNvCxnSpPr>
          <p:nvPr/>
        </p:nvCxnSpPr>
        <p:spPr>
          <a:xfrm>
            <a:off x="8832236" y="2209903"/>
            <a:ext cx="3365" cy="933347"/>
          </a:xfrm>
          <a:prstGeom prst="line">
            <a:avLst/>
          </a:prstGeom>
        </p:spPr>
        <p:style>
          <a:lnRef idx="1">
            <a:schemeClr val="accent1"/>
          </a:lnRef>
          <a:fillRef idx="0">
            <a:schemeClr val="accent1"/>
          </a:fillRef>
          <a:effectRef idx="0">
            <a:schemeClr val="accent1"/>
          </a:effectRef>
          <a:fontRef idx="minor">
            <a:schemeClr val="tx1"/>
          </a:fontRef>
        </p:style>
      </p:cxnSp>
      <p:sp>
        <p:nvSpPr>
          <p:cNvPr id="88" name="חץ ימינה מחורץ 87"/>
          <p:cNvSpPr/>
          <p:nvPr/>
        </p:nvSpPr>
        <p:spPr>
          <a:xfrm>
            <a:off x="289404" y="6129782"/>
            <a:ext cx="8702235" cy="587963"/>
          </a:xfrm>
          <a:prstGeom prst="notchedRightArrow">
            <a:avLst/>
          </a:prstGeom>
        </p:spPr>
        <p:style>
          <a:lnRef idx="0">
            <a:schemeClr val="accent1">
              <a:hueOff val="0"/>
              <a:satOff val="0"/>
              <a:lumOff val="0"/>
              <a:alphaOff val="0"/>
            </a:schemeClr>
          </a:lnRef>
          <a:fillRef idx="1">
            <a:schemeClr val="accent1">
              <a:tint val="40000"/>
              <a:hueOff val="0"/>
              <a:satOff val="0"/>
              <a:lumOff val="0"/>
              <a:alphaOff val="0"/>
            </a:schemeClr>
          </a:fillRef>
          <a:effectRef idx="0">
            <a:schemeClr val="accent1">
              <a:tint val="40000"/>
              <a:hueOff val="0"/>
              <a:satOff val="0"/>
              <a:lumOff val="0"/>
              <a:alphaOff val="0"/>
            </a:schemeClr>
          </a:effectRef>
          <a:fontRef idx="minor">
            <a:schemeClr val="dk1">
              <a:hueOff val="0"/>
              <a:satOff val="0"/>
              <a:lumOff val="0"/>
              <a:alphaOff val="0"/>
            </a:schemeClr>
          </a:fontRef>
        </p:style>
      </p:sp>
      <p:sp>
        <p:nvSpPr>
          <p:cNvPr id="89" name="TextBox 88"/>
          <p:cNvSpPr txBox="1"/>
          <p:nvPr/>
        </p:nvSpPr>
        <p:spPr>
          <a:xfrm>
            <a:off x="5296" y="5091779"/>
            <a:ext cx="678391" cy="300082"/>
          </a:xfrm>
          <a:prstGeom prst="rect">
            <a:avLst/>
          </a:prstGeom>
          <a:noFill/>
          <a:ln w="38100">
            <a:solidFill>
              <a:schemeClr val="tx1">
                <a:lumMod val="85000"/>
                <a:lumOff val="15000"/>
              </a:schemeClr>
            </a:solidFill>
          </a:ln>
        </p:spPr>
        <p:txBody>
          <a:bodyPr wrap="none" rtlCol="0">
            <a:spAutoFit/>
          </a:bodyPr>
          <a:lstStyle/>
          <a:p>
            <a:pPr algn="l" fontAlgn="auto">
              <a:spcBef>
                <a:spcPts val="0"/>
              </a:spcBef>
              <a:spcAft>
                <a:spcPts val="0"/>
              </a:spcAft>
              <a:defRPr/>
            </a:pPr>
            <a:r>
              <a:rPr lang="he-IL" sz="1350" b="1" dirty="0">
                <a:solidFill>
                  <a:prstClr val="black"/>
                </a:solidFill>
                <a:latin typeface="Calibri" panose="020F0502020204030204"/>
                <a:cs typeface="Arial" panose="020B0604020202020204" pitchFamily="34" charset="0"/>
              </a:rPr>
              <a:t>תוצרים</a:t>
            </a:r>
            <a:endParaRPr lang="en-US" sz="1350" b="1" dirty="0">
              <a:solidFill>
                <a:prstClr val="black"/>
              </a:solidFill>
              <a:latin typeface="Calibri" panose="020F0502020204030204"/>
              <a:cs typeface="+mn-cs"/>
            </a:endParaRPr>
          </a:p>
        </p:txBody>
      </p:sp>
      <p:sp>
        <p:nvSpPr>
          <p:cNvPr id="90" name="אליפסה 89"/>
          <p:cNvSpPr/>
          <p:nvPr/>
        </p:nvSpPr>
        <p:spPr>
          <a:xfrm>
            <a:off x="4140743" y="5144490"/>
            <a:ext cx="146990" cy="146990"/>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pPr algn="l" fontAlgn="auto">
              <a:spcBef>
                <a:spcPts val="0"/>
              </a:spcBef>
              <a:spcAft>
                <a:spcPts val="0"/>
              </a:spcAft>
            </a:pPr>
            <a:endParaRPr lang="en-US" sz="1350" dirty="0">
              <a:solidFill>
                <a:prstClr val="white"/>
              </a:solidFill>
            </a:endParaRPr>
          </a:p>
        </p:txBody>
      </p:sp>
      <p:sp>
        <p:nvSpPr>
          <p:cNvPr id="10" name="TextBox 9"/>
          <p:cNvSpPr txBox="1"/>
          <p:nvPr/>
        </p:nvSpPr>
        <p:spPr>
          <a:xfrm>
            <a:off x="3306488" y="5064326"/>
            <a:ext cx="847839" cy="507831"/>
          </a:xfrm>
          <a:prstGeom prst="rect">
            <a:avLst/>
          </a:prstGeom>
          <a:noFill/>
        </p:spPr>
        <p:txBody>
          <a:bodyPr wrap="square" rtlCol="0">
            <a:spAutoFit/>
          </a:bodyPr>
          <a:lstStyle/>
          <a:p>
            <a:pPr algn="r" rtl="1" fontAlgn="auto">
              <a:spcBef>
                <a:spcPts val="0"/>
              </a:spcBef>
              <a:spcAft>
                <a:spcPts val="0"/>
              </a:spcAft>
            </a:pPr>
            <a:r>
              <a:rPr lang="he-IL" sz="1350" dirty="0">
                <a:solidFill>
                  <a:prstClr val="black"/>
                </a:solidFill>
                <a:latin typeface="Calibri"/>
                <a:cs typeface="Arial" panose="020B0604020202020204" pitchFamily="34" charset="0"/>
              </a:rPr>
              <a:t>אסטרטגיה</a:t>
            </a:r>
            <a:endParaRPr lang="en-US" sz="1350" dirty="0">
              <a:solidFill>
                <a:prstClr val="black"/>
              </a:solidFill>
              <a:latin typeface="Calibri"/>
              <a:cs typeface="+mn-cs"/>
            </a:endParaRPr>
          </a:p>
        </p:txBody>
      </p:sp>
      <p:sp>
        <p:nvSpPr>
          <p:cNvPr id="92" name="אליפסה 91"/>
          <p:cNvSpPr/>
          <p:nvPr/>
        </p:nvSpPr>
        <p:spPr>
          <a:xfrm>
            <a:off x="5829915" y="5144490"/>
            <a:ext cx="146990" cy="146990"/>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93" name="אליפסה 92"/>
          <p:cNvSpPr/>
          <p:nvPr/>
        </p:nvSpPr>
        <p:spPr>
          <a:xfrm>
            <a:off x="7702816" y="5129793"/>
            <a:ext cx="146990" cy="146990"/>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94" name="אליפסה 93"/>
          <p:cNvSpPr/>
          <p:nvPr/>
        </p:nvSpPr>
        <p:spPr>
          <a:xfrm>
            <a:off x="8685246" y="5129793"/>
            <a:ext cx="146990" cy="146990"/>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95" name="TextBox 94"/>
          <p:cNvSpPr txBox="1"/>
          <p:nvPr/>
        </p:nvSpPr>
        <p:spPr>
          <a:xfrm>
            <a:off x="5031485" y="5064787"/>
            <a:ext cx="847839" cy="300082"/>
          </a:xfrm>
          <a:prstGeom prst="rect">
            <a:avLst/>
          </a:prstGeom>
          <a:noFill/>
        </p:spPr>
        <p:txBody>
          <a:bodyPr wrap="square" rtlCol="0">
            <a:spAutoFit/>
          </a:bodyPr>
          <a:lstStyle/>
          <a:p>
            <a:pPr algn="r" rtl="1" fontAlgn="auto">
              <a:spcBef>
                <a:spcPts val="0"/>
              </a:spcBef>
              <a:spcAft>
                <a:spcPts val="0"/>
              </a:spcAft>
            </a:pPr>
            <a:r>
              <a:rPr lang="he-IL" sz="1350" dirty="0">
                <a:solidFill>
                  <a:prstClr val="black"/>
                </a:solidFill>
                <a:latin typeface="Calibri"/>
                <a:cs typeface="Arial" panose="020B0604020202020204" pitchFamily="34" charset="0"/>
              </a:rPr>
              <a:t>מערכה</a:t>
            </a:r>
            <a:endParaRPr lang="en-US" sz="1350" dirty="0">
              <a:solidFill>
                <a:prstClr val="black"/>
              </a:solidFill>
              <a:latin typeface="Calibri"/>
              <a:cs typeface="+mn-cs"/>
            </a:endParaRPr>
          </a:p>
        </p:txBody>
      </p:sp>
      <p:sp>
        <p:nvSpPr>
          <p:cNvPr id="96" name="TextBox 95"/>
          <p:cNvSpPr txBox="1"/>
          <p:nvPr/>
        </p:nvSpPr>
        <p:spPr>
          <a:xfrm>
            <a:off x="6625790" y="5067151"/>
            <a:ext cx="1102665" cy="300082"/>
          </a:xfrm>
          <a:prstGeom prst="rect">
            <a:avLst/>
          </a:prstGeom>
          <a:noFill/>
        </p:spPr>
        <p:txBody>
          <a:bodyPr wrap="square" rtlCol="0">
            <a:spAutoFit/>
          </a:bodyPr>
          <a:lstStyle/>
          <a:p>
            <a:pPr algn="r" rtl="1" fontAlgn="auto">
              <a:spcBef>
                <a:spcPts val="0"/>
              </a:spcBef>
              <a:spcAft>
                <a:spcPts val="0"/>
              </a:spcAft>
            </a:pPr>
            <a:r>
              <a:rPr lang="he-IL" sz="1350" dirty="0">
                <a:solidFill>
                  <a:prstClr val="black"/>
                </a:solidFill>
                <a:latin typeface="Calibri"/>
                <a:cs typeface="Arial" panose="020B0604020202020204" pitchFamily="34" charset="0"/>
              </a:rPr>
              <a:t>סיכום קבוצתי</a:t>
            </a:r>
            <a:endParaRPr lang="en-US" sz="1350" dirty="0">
              <a:solidFill>
                <a:prstClr val="black"/>
              </a:solidFill>
              <a:latin typeface="Calibri"/>
              <a:cs typeface="+mn-cs"/>
            </a:endParaRPr>
          </a:p>
        </p:txBody>
      </p:sp>
      <p:sp>
        <p:nvSpPr>
          <p:cNvPr id="97" name="TextBox 96"/>
          <p:cNvSpPr txBox="1"/>
          <p:nvPr/>
        </p:nvSpPr>
        <p:spPr>
          <a:xfrm>
            <a:off x="7834747" y="5053784"/>
            <a:ext cx="901778" cy="300082"/>
          </a:xfrm>
          <a:prstGeom prst="rect">
            <a:avLst/>
          </a:prstGeom>
          <a:noFill/>
        </p:spPr>
        <p:txBody>
          <a:bodyPr wrap="square" rtlCol="0">
            <a:spAutoFit/>
          </a:bodyPr>
          <a:lstStyle/>
          <a:p>
            <a:pPr algn="r" rtl="1" fontAlgn="auto">
              <a:spcBef>
                <a:spcPts val="0"/>
              </a:spcBef>
              <a:spcAft>
                <a:spcPts val="0"/>
              </a:spcAft>
            </a:pPr>
            <a:r>
              <a:rPr lang="he-IL" sz="1350" dirty="0">
                <a:solidFill>
                  <a:prstClr val="black"/>
                </a:solidFill>
                <a:latin typeface="Calibri"/>
                <a:cs typeface="Arial" panose="020B0604020202020204" pitchFamily="34" charset="0"/>
              </a:rPr>
              <a:t>סיכום אישי</a:t>
            </a:r>
            <a:endParaRPr lang="en-US" sz="1350" dirty="0">
              <a:solidFill>
                <a:prstClr val="black"/>
              </a:solidFill>
              <a:latin typeface="Calibri"/>
              <a:cs typeface="+mn-cs"/>
            </a:endParaRPr>
          </a:p>
        </p:txBody>
      </p:sp>
      <p:sp>
        <p:nvSpPr>
          <p:cNvPr id="11" name="TextBox 10"/>
          <p:cNvSpPr txBox="1"/>
          <p:nvPr/>
        </p:nvSpPr>
        <p:spPr>
          <a:xfrm>
            <a:off x="4111075" y="5082052"/>
            <a:ext cx="282450" cy="300082"/>
          </a:xfrm>
          <a:prstGeom prst="rect">
            <a:avLst/>
          </a:prstGeom>
          <a:noFill/>
        </p:spPr>
        <p:txBody>
          <a:bodyPr wrap="none" rtlCol="0">
            <a:spAutoFit/>
          </a:bodyPr>
          <a:lstStyle/>
          <a:p>
            <a:pPr algn="l" fontAlgn="auto">
              <a:spcBef>
                <a:spcPts val="0"/>
              </a:spcBef>
              <a:spcAft>
                <a:spcPts val="0"/>
              </a:spcAft>
            </a:pPr>
            <a:r>
              <a:rPr lang="he-IL" sz="1350" dirty="0">
                <a:solidFill>
                  <a:prstClr val="black"/>
                </a:solidFill>
                <a:latin typeface="Calibri"/>
                <a:cs typeface="Arial" panose="020B0604020202020204" pitchFamily="34" charset="0"/>
              </a:rPr>
              <a:t>א</a:t>
            </a:r>
            <a:endParaRPr lang="en-US" sz="1350" dirty="0">
              <a:solidFill>
                <a:prstClr val="black"/>
              </a:solidFill>
              <a:latin typeface="Calibri"/>
              <a:cs typeface="+mn-cs"/>
            </a:endParaRPr>
          </a:p>
        </p:txBody>
      </p:sp>
      <p:sp>
        <p:nvSpPr>
          <p:cNvPr id="99" name="TextBox 98"/>
          <p:cNvSpPr txBox="1"/>
          <p:nvPr/>
        </p:nvSpPr>
        <p:spPr>
          <a:xfrm>
            <a:off x="8640799" y="5050008"/>
            <a:ext cx="272832" cy="300082"/>
          </a:xfrm>
          <a:prstGeom prst="rect">
            <a:avLst/>
          </a:prstGeom>
          <a:noFill/>
        </p:spPr>
        <p:txBody>
          <a:bodyPr wrap="none" rtlCol="0">
            <a:spAutoFit/>
          </a:bodyPr>
          <a:lstStyle/>
          <a:p>
            <a:pPr algn="l" fontAlgn="auto">
              <a:spcBef>
                <a:spcPts val="0"/>
              </a:spcBef>
              <a:spcAft>
                <a:spcPts val="0"/>
              </a:spcAft>
            </a:pPr>
            <a:r>
              <a:rPr lang="he-IL" sz="1350" dirty="0">
                <a:solidFill>
                  <a:prstClr val="black"/>
                </a:solidFill>
                <a:latin typeface="Calibri"/>
                <a:cs typeface="Arial" panose="020B0604020202020204" pitchFamily="34" charset="0"/>
              </a:rPr>
              <a:t>ד</a:t>
            </a:r>
            <a:endParaRPr lang="en-US" sz="1350" dirty="0">
              <a:solidFill>
                <a:prstClr val="black"/>
              </a:solidFill>
              <a:latin typeface="Calibri"/>
              <a:cs typeface="+mn-cs"/>
            </a:endParaRPr>
          </a:p>
        </p:txBody>
      </p:sp>
      <p:sp>
        <p:nvSpPr>
          <p:cNvPr id="100" name="TextBox 99"/>
          <p:cNvSpPr txBox="1"/>
          <p:nvPr/>
        </p:nvSpPr>
        <p:spPr>
          <a:xfrm>
            <a:off x="7685214" y="5064326"/>
            <a:ext cx="253596" cy="300082"/>
          </a:xfrm>
          <a:prstGeom prst="rect">
            <a:avLst/>
          </a:prstGeom>
          <a:noFill/>
        </p:spPr>
        <p:txBody>
          <a:bodyPr wrap="none" rtlCol="0">
            <a:spAutoFit/>
          </a:bodyPr>
          <a:lstStyle/>
          <a:p>
            <a:pPr algn="l" fontAlgn="auto">
              <a:spcBef>
                <a:spcPts val="0"/>
              </a:spcBef>
              <a:spcAft>
                <a:spcPts val="0"/>
              </a:spcAft>
            </a:pPr>
            <a:r>
              <a:rPr lang="he-IL" sz="1350" dirty="0">
                <a:solidFill>
                  <a:prstClr val="black"/>
                </a:solidFill>
                <a:latin typeface="Calibri"/>
                <a:cs typeface="Arial" panose="020B0604020202020204" pitchFamily="34" charset="0"/>
              </a:rPr>
              <a:t>ג</a:t>
            </a:r>
            <a:endParaRPr lang="en-US" sz="1350" dirty="0">
              <a:solidFill>
                <a:prstClr val="black"/>
              </a:solidFill>
              <a:latin typeface="Calibri"/>
              <a:cs typeface="+mn-cs"/>
            </a:endParaRPr>
          </a:p>
        </p:txBody>
      </p:sp>
      <p:sp>
        <p:nvSpPr>
          <p:cNvPr id="101" name="TextBox 100"/>
          <p:cNvSpPr txBox="1"/>
          <p:nvPr/>
        </p:nvSpPr>
        <p:spPr>
          <a:xfrm>
            <a:off x="5801829" y="5076169"/>
            <a:ext cx="279244" cy="300082"/>
          </a:xfrm>
          <a:prstGeom prst="rect">
            <a:avLst/>
          </a:prstGeom>
          <a:noFill/>
        </p:spPr>
        <p:txBody>
          <a:bodyPr wrap="none" rtlCol="0">
            <a:spAutoFit/>
          </a:bodyPr>
          <a:lstStyle/>
          <a:p>
            <a:pPr algn="l" fontAlgn="auto">
              <a:spcBef>
                <a:spcPts val="0"/>
              </a:spcBef>
              <a:spcAft>
                <a:spcPts val="0"/>
              </a:spcAft>
            </a:pPr>
            <a:r>
              <a:rPr lang="he-IL" sz="1350" dirty="0">
                <a:solidFill>
                  <a:prstClr val="black"/>
                </a:solidFill>
                <a:latin typeface="Calibri"/>
                <a:cs typeface="Arial" panose="020B0604020202020204" pitchFamily="34" charset="0"/>
              </a:rPr>
              <a:t>ב</a:t>
            </a:r>
            <a:endParaRPr lang="en-US" sz="1350" dirty="0">
              <a:solidFill>
                <a:prstClr val="black"/>
              </a:solidFill>
              <a:latin typeface="Calibri"/>
              <a:cs typeface="+mn-cs"/>
            </a:endParaRPr>
          </a:p>
        </p:txBody>
      </p:sp>
    </p:spTree>
    <p:custDataLst>
      <p:tags r:id="rId1"/>
    </p:custDataLst>
    <p:extLst>
      <p:ext uri="{BB962C8B-B14F-4D97-AF65-F5344CB8AC3E}">
        <p14:creationId xmlns:p14="http://schemas.microsoft.com/office/powerpoint/2010/main" val="3631067477"/>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מציין מיקום תוכן 4"/>
          <p:cNvGraphicFramePr>
            <a:graphicFrameLocks noGrp="1"/>
          </p:cNvGraphicFramePr>
          <p:nvPr>
            <p:ph idx="1"/>
            <p:extLst>
              <p:ext uri="{D42A27DB-BD31-4B8C-83A1-F6EECF244321}">
                <p14:modId xmlns:p14="http://schemas.microsoft.com/office/powerpoint/2010/main" val="2161672388"/>
              </p:ext>
            </p:extLst>
          </p:nvPr>
        </p:nvGraphicFramePr>
        <p:xfrm>
          <a:off x="467544" y="1304924"/>
          <a:ext cx="8281169" cy="529242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4" name="כותרת 1"/>
          <p:cNvSpPr txBox="1">
            <a:spLocks/>
          </p:cNvSpPr>
          <p:nvPr/>
        </p:nvSpPr>
        <p:spPr bwMode="auto">
          <a:xfrm>
            <a:off x="1042988" y="225425"/>
            <a:ext cx="7705725" cy="68329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anchor="b" anchorCtr="0" compatLnSpc="1">
            <a:prstTxWarp prst="textNoShape">
              <a:avLst/>
            </a:prstTxWarp>
          </a:bodyPr>
          <a:lstStyle>
            <a:lvl1pPr algn="r" rtl="1" eaLnBrk="1" fontAlgn="base" hangingPunct="1">
              <a:spcBef>
                <a:spcPct val="0"/>
              </a:spcBef>
              <a:spcAft>
                <a:spcPct val="0"/>
              </a:spcAft>
              <a:defRPr sz="3200">
                <a:solidFill>
                  <a:schemeClr val="tx1"/>
                </a:solidFill>
                <a:latin typeface="+mj-lt"/>
                <a:ea typeface="+mj-ea"/>
                <a:cs typeface="+mj-cs"/>
              </a:defRPr>
            </a:lvl1pPr>
            <a:lvl2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2pPr>
            <a:lvl3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3pPr>
            <a:lvl4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4pPr>
            <a:lvl5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5pPr>
            <a:lvl6pPr marL="4572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6pPr>
            <a:lvl7pPr marL="9144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7pPr>
            <a:lvl8pPr marL="13716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8pPr>
            <a:lvl9pPr marL="18288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9pPr>
          </a:lstStyle>
          <a:p>
            <a:pPr algn="ctr"/>
            <a:r>
              <a:rPr lang="he-IL" sz="4000" b="1" kern="0"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הבניית הלמידה</a:t>
            </a:r>
            <a:endParaRPr lang="he-IL" sz="4000" b="1" kern="0"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pic>
        <p:nvPicPr>
          <p:cNvPr id="6" name="מציין מיקום של תמונה מקוונת 1"/>
          <p:cNvPicPr>
            <a:picLocks noChangeAspect="1"/>
          </p:cNvPicPr>
          <p:nvPr/>
        </p:nvPicPr>
        <p:blipFill>
          <a:blip r:embed="rId7">
            <a:extLst>
              <a:ext uri="{28A0092B-C50C-407E-A947-70E740481C1C}">
                <a14:useLocalDpi xmlns:a14="http://schemas.microsoft.com/office/drawing/2010/main" val="0"/>
              </a:ext>
            </a:extLst>
          </a:blip>
          <a:stretch>
            <a:fillRect/>
          </a:stretch>
        </p:blipFill>
        <p:spPr bwMode="auto">
          <a:xfrm>
            <a:off x="7609954" y="27980"/>
            <a:ext cx="1504950" cy="10001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 name="חץ למטה 1"/>
          <p:cNvSpPr/>
          <p:nvPr/>
        </p:nvSpPr>
        <p:spPr bwMode="auto">
          <a:xfrm>
            <a:off x="7020272" y="4797152"/>
            <a:ext cx="648072" cy="576064"/>
          </a:xfrm>
          <a:prstGeom prst="downArrow">
            <a:avLst/>
          </a:pr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rtlCol="1"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he-IL" sz="2400" b="0" i="0" u="none" strike="noStrike" cap="none" normalizeH="0" baseline="0" smtClean="0">
              <a:ln>
                <a:noFill/>
              </a:ln>
              <a:solidFill>
                <a:schemeClr val="tx1"/>
              </a:solidFill>
              <a:effectLst/>
              <a:latin typeface="Times New Roman" pitchFamily="18" charset="0"/>
              <a:cs typeface="Times New Roman" pitchFamily="18" charset="0"/>
            </a:endParaRPr>
          </a:p>
        </p:txBody>
      </p:sp>
    </p:spTree>
    <p:extLst>
      <p:ext uri="{BB962C8B-B14F-4D97-AF65-F5344CB8AC3E}">
        <p14:creationId xmlns:p14="http://schemas.microsoft.com/office/powerpoint/2010/main" val="2093152402"/>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מציין מיקום תוכן 4"/>
          <p:cNvGraphicFramePr>
            <a:graphicFrameLocks noGrp="1"/>
          </p:cNvGraphicFramePr>
          <p:nvPr>
            <p:ph idx="1"/>
            <p:extLst>
              <p:ext uri="{D42A27DB-BD31-4B8C-83A1-F6EECF244321}">
                <p14:modId xmlns:p14="http://schemas.microsoft.com/office/powerpoint/2010/main" val="985529619"/>
              </p:ext>
            </p:extLst>
          </p:nvPr>
        </p:nvGraphicFramePr>
        <p:xfrm>
          <a:off x="467544" y="1628800"/>
          <a:ext cx="8281169" cy="489585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4" name="כותרת 1"/>
          <p:cNvSpPr txBox="1">
            <a:spLocks/>
          </p:cNvSpPr>
          <p:nvPr/>
        </p:nvSpPr>
        <p:spPr bwMode="auto">
          <a:xfrm>
            <a:off x="1042988" y="225425"/>
            <a:ext cx="7705725" cy="68329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anchor="b" anchorCtr="0" compatLnSpc="1">
            <a:prstTxWarp prst="textNoShape">
              <a:avLst/>
            </a:prstTxWarp>
          </a:bodyPr>
          <a:lstStyle>
            <a:lvl1pPr algn="r" rtl="1" eaLnBrk="1" fontAlgn="base" hangingPunct="1">
              <a:spcBef>
                <a:spcPct val="0"/>
              </a:spcBef>
              <a:spcAft>
                <a:spcPct val="0"/>
              </a:spcAft>
              <a:defRPr sz="3200">
                <a:solidFill>
                  <a:schemeClr val="tx1"/>
                </a:solidFill>
                <a:latin typeface="+mj-lt"/>
                <a:ea typeface="+mj-ea"/>
                <a:cs typeface="+mj-cs"/>
              </a:defRPr>
            </a:lvl1pPr>
            <a:lvl2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2pPr>
            <a:lvl3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3pPr>
            <a:lvl4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4pPr>
            <a:lvl5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5pPr>
            <a:lvl6pPr marL="4572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6pPr>
            <a:lvl7pPr marL="9144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7pPr>
            <a:lvl8pPr marL="13716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8pPr>
            <a:lvl9pPr marL="18288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9pPr>
          </a:lstStyle>
          <a:p>
            <a:pPr algn="ctr"/>
            <a:r>
              <a:rPr lang="he-IL" sz="4000" b="1" kern="0"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חקירת המערכת</a:t>
            </a:r>
            <a:endParaRPr lang="he-IL" sz="4000" b="1" kern="0"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pic>
        <p:nvPicPr>
          <p:cNvPr id="6" name="מציין מיקום של תמונה מקוונת 1"/>
          <p:cNvPicPr>
            <a:picLocks noChangeAspect="1"/>
          </p:cNvPicPr>
          <p:nvPr/>
        </p:nvPicPr>
        <p:blipFill>
          <a:blip r:embed="rId7">
            <a:extLst>
              <a:ext uri="{28A0092B-C50C-407E-A947-70E740481C1C}">
                <a14:useLocalDpi xmlns:a14="http://schemas.microsoft.com/office/drawing/2010/main" val="0"/>
              </a:ext>
            </a:extLst>
          </a:blip>
          <a:stretch>
            <a:fillRect/>
          </a:stretch>
        </p:blipFill>
        <p:spPr bwMode="auto">
          <a:xfrm>
            <a:off x="7609954" y="27980"/>
            <a:ext cx="1504950" cy="10001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982689854"/>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מציין מיקום תוכן 9"/>
          <p:cNvGraphicFramePr>
            <a:graphicFrameLocks noGrp="1"/>
          </p:cNvGraphicFramePr>
          <p:nvPr>
            <p:ph idx="1"/>
            <p:extLst>
              <p:ext uri="{D42A27DB-BD31-4B8C-83A1-F6EECF244321}">
                <p14:modId xmlns:p14="http://schemas.microsoft.com/office/powerpoint/2010/main" val="720089893"/>
              </p:ext>
            </p:extLst>
          </p:nvPr>
        </p:nvGraphicFramePr>
        <p:xfrm>
          <a:off x="1979463" y="1087784"/>
          <a:ext cx="8641209" cy="5770215"/>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11" name="כותרת 1"/>
          <p:cNvSpPr txBox="1">
            <a:spLocks noGrp="1"/>
          </p:cNvSpPr>
          <p:nvPr>
            <p:ph type="title"/>
          </p:nvPr>
        </p:nvSpPr>
        <p:spPr bwMode="auto">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anchor="b" anchorCtr="0" compatLnSpc="1">
            <a:prstTxWarp prst="textNoShape">
              <a:avLst/>
            </a:prstTxWarp>
          </a:bodyPr>
          <a:lstStyle>
            <a:lvl1pPr algn="r" rtl="1" eaLnBrk="1" fontAlgn="base" hangingPunct="1">
              <a:spcBef>
                <a:spcPct val="0"/>
              </a:spcBef>
              <a:spcAft>
                <a:spcPct val="0"/>
              </a:spcAft>
              <a:defRPr sz="3200">
                <a:solidFill>
                  <a:schemeClr val="tx1"/>
                </a:solidFill>
                <a:latin typeface="+mj-lt"/>
                <a:ea typeface="+mj-ea"/>
                <a:cs typeface="+mj-cs"/>
              </a:defRPr>
            </a:lvl1pPr>
            <a:lvl2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2pPr>
            <a:lvl3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3pPr>
            <a:lvl4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4pPr>
            <a:lvl5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5pPr>
            <a:lvl6pPr marL="4572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6pPr>
            <a:lvl7pPr marL="9144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7pPr>
            <a:lvl8pPr marL="13716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8pPr>
            <a:lvl9pPr marL="18288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9pPr>
          </a:lstStyle>
          <a:p>
            <a:pPr algn="ctr"/>
            <a:r>
              <a:rPr lang="he-IL" sz="4000" b="1" kern="0"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פנים</a:t>
            </a:r>
            <a:endParaRPr lang="he-IL" sz="4000" b="1" kern="0"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graphicFrame>
        <p:nvGraphicFramePr>
          <p:cNvPr id="13" name="מציין מיקום תוכן 9"/>
          <p:cNvGraphicFramePr>
            <a:graphicFrameLocks/>
          </p:cNvGraphicFramePr>
          <p:nvPr>
            <p:extLst>
              <p:ext uri="{D42A27DB-BD31-4B8C-83A1-F6EECF244321}">
                <p14:modId xmlns:p14="http://schemas.microsoft.com/office/powerpoint/2010/main" val="3960671499"/>
              </p:ext>
            </p:extLst>
          </p:nvPr>
        </p:nvGraphicFramePr>
        <p:xfrm>
          <a:off x="-1260897" y="836712"/>
          <a:ext cx="8641209" cy="5770215"/>
        </p:xfrm>
        <a:graphic>
          <a:graphicData uri="http://schemas.openxmlformats.org/drawingml/2006/diagram">
            <dgm:relIds xmlns:dgm="http://schemas.openxmlformats.org/drawingml/2006/diagram" xmlns:r="http://schemas.openxmlformats.org/officeDocument/2006/relationships" r:dm="rId7" r:lo="rId8" r:qs="rId9" r:cs="rId10"/>
          </a:graphicData>
        </a:graphic>
      </p:graphicFrame>
      <p:graphicFrame>
        <p:nvGraphicFramePr>
          <p:cNvPr id="14" name="מציין מיקום תוכן 4"/>
          <p:cNvGraphicFramePr>
            <a:graphicFrameLocks/>
          </p:cNvGraphicFramePr>
          <p:nvPr>
            <p:extLst>
              <p:ext uri="{D42A27DB-BD31-4B8C-83A1-F6EECF244321}">
                <p14:modId xmlns:p14="http://schemas.microsoft.com/office/powerpoint/2010/main" val="335058036"/>
              </p:ext>
            </p:extLst>
          </p:nvPr>
        </p:nvGraphicFramePr>
        <p:xfrm>
          <a:off x="899592" y="134714"/>
          <a:ext cx="2016844" cy="1403995"/>
        </p:xfrm>
        <a:graphic>
          <a:graphicData uri="http://schemas.openxmlformats.org/drawingml/2006/diagram">
            <dgm:relIds xmlns:dgm="http://schemas.openxmlformats.org/drawingml/2006/diagram" xmlns:r="http://schemas.openxmlformats.org/officeDocument/2006/relationships" r:dm="rId12" r:lo="rId13" r:qs="rId14" r:cs="rId15"/>
          </a:graphicData>
        </a:graphic>
      </p:graphicFrame>
      <p:pic>
        <p:nvPicPr>
          <p:cNvPr id="15" name="מציין מיקום של תמונה מקוונת 1"/>
          <p:cNvPicPr>
            <a:picLocks noChangeAspect="1"/>
          </p:cNvPicPr>
          <p:nvPr/>
        </p:nvPicPr>
        <p:blipFill>
          <a:blip r:embed="rId17">
            <a:extLst>
              <a:ext uri="{28A0092B-C50C-407E-A947-70E740481C1C}">
                <a14:useLocalDpi xmlns:a14="http://schemas.microsoft.com/office/drawing/2010/main" val="0"/>
              </a:ext>
            </a:extLst>
          </a:blip>
          <a:stretch>
            <a:fillRect/>
          </a:stretch>
        </p:blipFill>
        <p:spPr bwMode="auto">
          <a:xfrm>
            <a:off x="7609954" y="27980"/>
            <a:ext cx="1504950" cy="10001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886662495"/>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מציין מיקום תוכן 3"/>
          <p:cNvGraphicFramePr>
            <a:graphicFrameLocks/>
          </p:cNvGraphicFramePr>
          <p:nvPr>
            <p:extLst>
              <p:ext uri="{D42A27DB-BD31-4B8C-83A1-F6EECF244321}">
                <p14:modId xmlns:p14="http://schemas.microsoft.com/office/powerpoint/2010/main" val="4064229068"/>
              </p:ext>
            </p:extLst>
          </p:nvPr>
        </p:nvGraphicFramePr>
        <p:xfrm>
          <a:off x="4211960" y="-243408"/>
          <a:ext cx="4968801" cy="406829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5" name="כותרת 1"/>
          <p:cNvSpPr txBox="1">
            <a:spLocks/>
          </p:cNvSpPr>
          <p:nvPr/>
        </p:nvSpPr>
        <p:spPr bwMode="auto">
          <a:xfrm>
            <a:off x="-324544" y="-242912"/>
            <a:ext cx="7705725" cy="863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alpha val="50000"/>
                    </a:schemeClr>
                  </a:outerShdw>
                </a:effectLst>
              </a14:hiddenEffects>
            </a:ext>
          </a:extLst>
        </p:spPr>
        <p:txBody>
          <a:bodyPr vert="horz" wrap="square" lIns="91440" tIns="45720" rIns="91440" bIns="45720" numCol="1" rtlCol="1" anchor="b" anchorCtr="0" compatLnSpc="1">
            <a:prstTxWarp prst="textNoShape">
              <a:avLst/>
            </a:prstTxWarp>
            <a:normAutofit/>
          </a:bodyPr>
          <a:lstStyle>
            <a:lvl1pPr algn="r" defTabSz="685983" rtl="1" eaLnBrk="1" fontAlgn="base" latinLnBrk="0" hangingPunct="1">
              <a:lnSpc>
                <a:spcPct val="90000"/>
              </a:lnSpc>
              <a:spcBef>
                <a:spcPct val="0"/>
              </a:spcBef>
              <a:spcAft>
                <a:spcPct val="0"/>
              </a:spcAft>
              <a:buNone/>
              <a:defRPr lang="he-IL" sz="3200" kern="1200" cap="all" baseline="0">
                <a:solidFill>
                  <a:schemeClr val="tx1"/>
                </a:solidFill>
                <a:latin typeface="+mj-lt"/>
                <a:ea typeface="+mj-ea"/>
                <a:cs typeface="+mj-cs"/>
              </a:defRPr>
            </a:lvl1pPr>
            <a:lvl2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2pPr>
            <a:lvl3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3pPr>
            <a:lvl4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4pPr>
            <a:lvl5pPr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5pPr>
            <a:lvl6pPr marL="4572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6pPr>
            <a:lvl7pPr marL="9144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7pPr>
            <a:lvl8pPr marL="13716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8pPr>
            <a:lvl9pPr marL="1828800" algn="r" rtl="1" eaLnBrk="1" fontAlgn="base" hangingPunct="1">
              <a:spcBef>
                <a:spcPct val="0"/>
              </a:spcBef>
              <a:spcAft>
                <a:spcPct val="0"/>
              </a:spcAft>
              <a:defRPr sz="3200">
                <a:solidFill>
                  <a:schemeClr val="tx1"/>
                </a:solidFill>
                <a:latin typeface="Century Schoolbook" pitchFamily="18" charset="0"/>
                <a:cs typeface="Times New Roman" pitchFamily="18" charset="0"/>
              </a:defRPr>
            </a:lvl9pPr>
          </a:lstStyle>
          <a:p>
            <a:pPr algn="ctr"/>
            <a:r>
              <a:rPr lang="he-IL" sz="4000" b="1" kern="0" dirty="0" smtClean="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rPr>
              <a:t>חוץ וממשקים</a:t>
            </a:r>
            <a:endParaRPr lang="he-IL" sz="4000" b="1" kern="0" dirty="0">
              <a:solidFill>
                <a:srgbClr val="0070C0"/>
              </a:solidFill>
              <a:effectLst>
                <a:outerShdw blurRad="38100" dist="38100" dir="2700000" algn="tl">
                  <a:srgbClr val="000000">
                    <a:alpha val="43137"/>
                  </a:srgbClr>
                </a:outerShdw>
              </a:effectLst>
              <a:latin typeface="Narkisim" panose="020E0502050101010101" pitchFamily="34" charset="-79"/>
              <a:cs typeface="Narkisim" panose="020E0502050101010101" pitchFamily="34" charset="-79"/>
            </a:endParaRPr>
          </a:p>
        </p:txBody>
      </p:sp>
      <p:graphicFrame>
        <p:nvGraphicFramePr>
          <p:cNvPr id="6" name="דיאגרמה 5"/>
          <p:cNvGraphicFramePr/>
          <p:nvPr>
            <p:extLst>
              <p:ext uri="{D42A27DB-BD31-4B8C-83A1-F6EECF244321}">
                <p14:modId xmlns:p14="http://schemas.microsoft.com/office/powerpoint/2010/main" val="1435558005"/>
              </p:ext>
            </p:extLst>
          </p:nvPr>
        </p:nvGraphicFramePr>
        <p:xfrm>
          <a:off x="-252536" y="2420888"/>
          <a:ext cx="5400600" cy="3888432"/>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graphicFrame>
        <p:nvGraphicFramePr>
          <p:cNvPr id="7" name="מציין מיקום תוכן 4"/>
          <p:cNvGraphicFramePr>
            <a:graphicFrameLocks/>
          </p:cNvGraphicFramePr>
          <p:nvPr>
            <p:extLst>
              <p:ext uri="{D42A27DB-BD31-4B8C-83A1-F6EECF244321}">
                <p14:modId xmlns:p14="http://schemas.microsoft.com/office/powerpoint/2010/main" val="2647978198"/>
              </p:ext>
            </p:extLst>
          </p:nvPr>
        </p:nvGraphicFramePr>
        <p:xfrm>
          <a:off x="0" y="188888"/>
          <a:ext cx="2016844" cy="1403995"/>
        </p:xfrm>
        <a:graphic>
          <a:graphicData uri="http://schemas.openxmlformats.org/drawingml/2006/diagram">
            <dgm:relIds xmlns:dgm="http://schemas.openxmlformats.org/drawingml/2006/diagram" xmlns:r="http://schemas.openxmlformats.org/officeDocument/2006/relationships" r:dm="rId13" r:lo="rId14" r:qs="rId15" r:cs="rId16"/>
          </a:graphicData>
        </a:graphic>
      </p:graphicFrame>
    </p:spTree>
    <p:extLst>
      <p:ext uri="{BB962C8B-B14F-4D97-AF65-F5344CB8AC3E}">
        <p14:creationId xmlns:p14="http://schemas.microsoft.com/office/powerpoint/2010/main" val="30108711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QaGFzZXMiLCJJc1RlbXBsYXRlIjpmYWxzZSwiVmVyc2lvbiI6eyIkaWQiOiIyIiwiVmVyc2lvbiI6IjMuMC4xIiwiT3JpZ2luYWxBc3NlbWJseVZlcnNpb24iOiIzLjAxLjA1LjAwIiwiRWRpdGlvbiI6IkJhc2ljIiwiSXNQbHVzRWRpdGlvbiI6ZmFsc2V9LCJFZmZlY3QiOjA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Mi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nRydWV9LCJTY2FsZSI6eyIkaWQiOiIxMjIiLCJTdGFydERhdGUiOiIyMDE1LTEyLTE2VDIzOjU5OjU5Ljk5OVoiLCJFbmREYXRlIjoiMjAxNi0wNC0yMFQyMzo1OTo1OS45OTlaIiwiRm9ybWF0IjoiZCIsIlR5cGUiOjAsIkF1dG9EYXRlUmFuZ2UiOnRydWUsIldvcmtpbmdEYXlzIjozMSwiVG9kYXlNYXJrZXJUZXh0IjoiVG9kYXkiLCJBdXRvU2NhbGVUeXBlIjp0cnVlfSwiTWlsZXN0b25lcyI6W3siJGlkIjoiMTIzIiwiRGF0ZSI6IjIwMTUtMTItMTZ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yLCJGb3JlZ3JvdW5kIjp7IiRyZWYiOiI2NyJ9LCJNYXhXaWR0aCI6NDc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CwiSXNDdXN0b20iOmZhbHNlfSwiSWQiOiJmYWMxMDc2Zi04YmY0LTRiOTMtYTJjMy0yNDY3ZTJiMmY2MzAiLCJUaXRsZSI6Iteq15fXmdec16og16HXmdee15XXnNem15nXlCIsIk5vdGUiOm51bGwsIkh5cGVybGluayI6bnVsbCwiSXNDaGFuZ2VkIjpmYWxzZSwiSXNOZXciOmZhbHNlfSx7IiRpZCI6IjEzOSIsIkRhdGUiOiIyMDE2LTAxLTE0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NjgsIkciOjg0LCJCIjoxMDZ9fSwiTGluZVdlaWdodCI6MS4wLCJMaW5lVHlwZSI6MCwiUGFyZW50U3R5bGUiOnsiJHJlZiI6IjU1In19LCJJc0JlbG93VGltZWJhbmQiOmZhbHNlLCJIaWRlRGF0ZSI6ZmFsc2UsIlNoYXBlU2l6ZSI6MCwiU3BhY2luZyI6Mi4wLCJQYWRkaW5nIjp7IiRyZWYiOiI1OCJ9LCJTaGFwZVN0eWxlIjp7IiRpZCI6IjE0NCIsIk1hcmdpbiI6eyIkcmVmIjoiNjAifSwiUGFkZGluZyI6eyIkcmVmIjoiNjEifSwiQmFja2dyb3VuZCI6eyIkaWQiOiIxNDUiLCJDb2xvciI6eyIkaWQiOiIxNDYiLCJBIjoyNTUsIlIiOjY4LCJHIjo4NCwiQiI6MTA2fX0sIklzVmlzaWJsZSI6dHJ1ZSwiV2lkdGgiOjguMCwiSGVpZ2h0Ijo4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IsIkZvcmVncm91bmQiOnsiJHJlZiI6IjY3In0sIk1heFdpZHRoIjo0Ny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IkaWQiOiIxNTQiLCJSYXRpbyI6MC4wLCJJc0N1c3RvbSI6ZmFsc2V9LCJJZCI6ImUwYWRlNWZlLWY3ODktNGQzZi1hYzdjLTU3NjljNWJkYzFkNSIsIlRpdGxlIjoi15TXpteS16og16rXpNeZ16HXlCDXktec15XXkdec15nXqiAtINee16LXqNeb16og15TXntei16jXm9eV16oiLCJOb3RlIjpudWxsLCJIeXBlcmxpbmsiOm51bGwsIklzQ2hhbmdlZCI6ZmFsc2UsIklzTmV3IjpmYWxzZX0seyIkaWQiOiIxNTUiLCJEYXRlIjoiMjAxNi0wMi0xOF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DYWxpYnJpIiwiSXNCb2xkIjp0cnVlLCJJc0l0YWxpYyI6ZmFsc2UsIklzVW5kZXJsaW5lZCI6ZmFsc2UsIlBhcmVudFN0eWxlIjp7IiRyZWYiOiI2NiJ9fSwiQXV0b1NpemUiOjIsIkZvcmVncm91bmQiOnsiJHJlZiI6IjY3In0sIk1heFdpZHRoIjo1O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HJlZiI6Ijc5In0sIklzVmlzaWJsZSI6dHJ1ZSwiUGFyZW50U3R5bGUiOnsiJHJlZiI6IjUzIn19LCJQb3NpdGlvbiI6eyIkaWQiOiIxNzAiLCJSYXRpbyI6MC4wLCJJc0N1c3RvbSI6ZmFsc2V9LCJJZCI6IjdlNDA4MzkxLTNlOTMtNDY0Mi1hMzM4LTJhMDkwZmRjMWY4MyIsIlRpdGxlIjoi15TXpteS16og16rXpNeZ16HXlCDXldeQ16HXmNeo15jXkteZ15Qg15bXmdeo16rXmdeqIiwiTm90ZSI6bnVsbCwiSHlwZXJsaW5rIjpudWxsLCJJc0NoYW5nZWQiOmZhbHNlLCJJc05ldyI6ZmFsc2V9LHsiJGlkIjoiMTcxIiwiRGF0ZSI6IjIwMTYtMDMtMTd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2OCwiRyI6ODQsIkIiOjEwNn19LCJMaW5lV2VpZ2h0IjoxLjAsIkxpbmVUeXBlIjowLCJQYXJlbnRTdHlsZSI6eyIkcmVmIjoiNTUifX0sIklzQmVsb3dUaW1lYmFuZCI6ZmFsc2UsIkhpZGVEYXRlIjpmYWxzZSwiU2hhcGVTaXplIjoxLCJTcGFjaW5nIjoyLjAsIlBhZGRpbmciOnsiJHJlZiI6IjU4In0sIlNoYXBlU3R5bGUiOnsiJGlkIjoiMTc2IiwiTWFyZ2luIjp7IiRyZWYiOiI2MCJ9LCJQYWRkaW5nIjp7IiRyZWYiOiI2MSJ9LCJCYWNrZ3JvdW5kIjp7IiRpZCI6IjE3NyIsIkNvbG9yIjp7IiRpZCI6IjE3OCIsIkEiOjI1NSwiUiI6NjgsIkciOjg0LCJCIjoxMDZ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yLCJGb3JlZ3JvdW5kIjp7IiRyZWYiOiI2NyJ9LCJNYXhXaWR0aCI6Nz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yIiwiTGluZUNvbG9yIjpudWxsLCJMaW5lV2VpZ2h0IjowLjAsIkxpbmVUeXBlIjowLCJQYXJlbnRTdHlsZSI6bnVsbH0sIlBhcmVudFN0eWxlIjp7IiRyZWYiOiI2NSJ9fSwiRGF0ZVN0eWxlIjp7IiRpZCI6IjE4MyIsIkZvbnRTZXR0aW5ncyI6eyIkaWQiOiIxO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wIiwiTGluZUNvbG9yIjpudWxsLCJMaW5lV2VpZ2h0IjowLjAsIkxpbmVUeXBlIjowLCJQYXJlbnRTdHlsZSI6bnVsbH0sIlBhcmVudFN0eWxlIjp7IiRyZWYiOiI2NSJ9fSwiRGF0ZVN0eWxlIjp7IiRpZCI6IjIzMSIsIkZvbnRTZXR0aW5ncyI6eyIkaWQiOiIyMz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0NiIsIkxpbmVDb2xvciI6bnVsbCwiTGluZVdlaWdodCI6MC4wLCJMaW5lVHlwZSI6MCwiUGFyZW50U3R5bGUiOm51bGx9LCJQYXJlbnRTdHlsZSI6eyIkcmVmIjoiNjUifX0sIkRhdGVTdHlsZSI6eyIkaWQiOiIyNDciLCJGb250U2V0dGluZ3MiOnsiJGlkIjoiMjQ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2MiIsIkxpbmVDb2xvciI6bnVsbCwiTGluZVdlaWdodCI6MC4wLCJMaW5lVHlwZSI6MCwiUGFyZW50U3R5bGUiOm51bGx9LCJQYXJlbnRTdHlsZSI6eyIkcmVmIjoiNjUifX0sIkRhdGVTdHlsZSI6eyIkaWQiOiIyNjMiLCJGb250U2V0dGluZ3MiOnsiJGlkIjoiMjY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c4IiwiTGluZUNvbG9yIjpudWxsLCJMaW5lV2VpZ2h0IjowLjAsIkxpbmVUeXBlIjowLCJQYXJlbnRTdHlsZSI6bnVsbH0sIlBhcmVudFN0eWxlIjp7IiRyZWYiOiI2NSJ9fSwiRGF0ZVN0eWxlIjp7IiRpZCI6IjI3OSIsIkZvbnRTZXR0aW5ncyI6eyIkaWQiOiIyOD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Global">
  <a:themeElements>
    <a:clrScheme name="Global 2">
      <a:dk1>
        <a:srgbClr val="000000"/>
      </a:dk1>
      <a:lt1>
        <a:srgbClr val="FFFFFF"/>
      </a:lt1>
      <a:dk2>
        <a:srgbClr val="CC6600"/>
      </a:dk2>
      <a:lt2>
        <a:srgbClr val="FFFFFF"/>
      </a:lt2>
      <a:accent1>
        <a:srgbClr val="FFFFCC"/>
      </a:accent1>
      <a:accent2>
        <a:srgbClr val="B5E0E3"/>
      </a:accent2>
      <a:accent3>
        <a:srgbClr val="FFFFFF"/>
      </a:accent3>
      <a:accent4>
        <a:srgbClr val="000000"/>
      </a:accent4>
      <a:accent5>
        <a:srgbClr val="FFFFE2"/>
      </a:accent5>
      <a:accent6>
        <a:srgbClr val="A4CBCE"/>
      </a:accent6>
      <a:hlink>
        <a:srgbClr val="E5D093"/>
      </a:hlink>
      <a:folHlink>
        <a:srgbClr val="CCB374"/>
      </a:folHlink>
    </a:clrScheme>
    <a:fontScheme name="Global">
      <a:majorFont>
        <a:latin typeface="Century Schoolbook"/>
        <a:ea typeface=""/>
        <a:cs typeface="Times New Roman"/>
      </a:majorFont>
      <a:minorFont>
        <a:latin typeface="Century Schoolbook"/>
        <a:ea typeface=""/>
        <a:cs typeface="Times New Roma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none" lIns="91440" tIns="45720" rIns="91440" bIns="45720" numCol="1" anchor="ctr"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lang="en-US" sz="2400" b="0" i="0" u="none" strike="noStrike" cap="none" normalizeH="0" baseline="0" smtClean="0">
            <a:ln>
              <a:noFill/>
            </a:ln>
            <a:solidFill>
              <a:schemeClr val="tx1"/>
            </a:solidFill>
            <a:effectLst/>
            <a:latin typeface="Times New Roman" pitchFamily="18" charset="0"/>
            <a:cs typeface="Times New Roman" pitchFamily="18"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none" lIns="91440" tIns="45720" rIns="91440" bIns="45720" numCol="1" anchor="ctr"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lang="en-US" sz="2400" b="0" i="0" u="none" strike="noStrike" cap="none" normalizeH="0" baseline="0" smtClean="0">
            <a:ln>
              <a:noFill/>
            </a:ln>
            <a:solidFill>
              <a:schemeClr val="tx1"/>
            </a:solidFill>
            <a:effectLst/>
            <a:latin typeface="Times New Roman" pitchFamily="18" charset="0"/>
            <a:cs typeface="Times New Roman" pitchFamily="18" charset="0"/>
          </a:defRPr>
        </a:defPPr>
      </a:lstStyle>
    </a:lnDef>
  </a:objectDefaults>
  <a:extraClrSchemeLst>
    <a:extraClrScheme>
      <a:clrScheme name="Global 1">
        <a:dk1>
          <a:srgbClr val="000000"/>
        </a:dk1>
        <a:lt1>
          <a:srgbClr val="FFFFCC"/>
        </a:lt1>
        <a:dk2>
          <a:srgbClr val="4D4D4D"/>
        </a:dk2>
        <a:lt2>
          <a:srgbClr val="FFCC00"/>
        </a:lt2>
        <a:accent1>
          <a:srgbClr val="FF9900"/>
        </a:accent1>
        <a:accent2>
          <a:srgbClr val="CC9900"/>
        </a:accent2>
        <a:accent3>
          <a:srgbClr val="B2B2B2"/>
        </a:accent3>
        <a:accent4>
          <a:srgbClr val="DADAAE"/>
        </a:accent4>
        <a:accent5>
          <a:srgbClr val="FFCAAA"/>
        </a:accent5>
        <a:accent6>
          <a:srgbClr val="B98A00"/>
        </a:accent6>
        <a:hlink>
          <a:srgbClr val="898743"/>
        </a:hlink>
        <a:folHlink>
          <a:srgbClr val="666633"/>
        </a:folHlink>
      </a:clrScheme>
      <a:clrMap bg1="dk2" tx1="lt1" bg2="dk1" tx2="lt2" accent1="accent1" accent2="accent2" accent3="accent3" accent4="accent4" accent5="accent5" accent6="accent6" hlink="hlink" folHlink="folHlink"/>
    </a:extraClrScheme>
    <a:extraClrScheme>
      <a:clrScheme name="Global 2">
        <a:dk1>
          <a:srgbClr val="000000"/>
        </a:dk1>
        <a:lt1>
          <a:srgbClr val="FFFFFF"/>
        </a:lt1>
        <a:dk2>
          <a:srgbClr val="CC6600"/>
        </a:dk2>
        <a:lt2>
          <a:srgbClr val="FFFFFF"/>
        </a:lt2>
        <a:accent1>
          <a:srgbClr val="FFFFCC"/>
        </a:accent1>
        <a:accent2>
          <a:srgbClr val="B5E0E3"/>
        </a:accent2>
        <a:accent3>
          <a:srgbClr val="FFFFFF"/>
        </a:accent3>
        <a:accent4>
          <a:srgbClr val="000000"/>
        </a:accent4>
        <a:accent5>
          <a:srgbClr val="FFFFE2"/>
        </a:accent5>
        <a:accent6>
          <a:srgbClr val="A4CBCE"/>
        </a:accent6>
        <a:hlink>
          <a:srgbClr val="E5D093"/>
        </a:hlink>
        <a:folHlink>
          <a:srgbClr val="CCB374"/>
        </a:folHlink>
      </a:clrScheme>
      <a:clrMap bg1="lt1" tx1="dk1" bg2="lt2" tx2="dk2" accent1="accent1" accent2="accent2" accent3="accent3" accent4="accent4" accent5="accent5" accent6="accent6" hlink="hlink" folHlink="folHlink"/>
    </a:extraClrScheme>
    <a:extraClrScheme>
      <a:clrScheme name="Global 3">
        <a:dk1>
          <a:srgbClr val="000000"/>
        </a:dk1>
        <a:lt1>
          <a:srgbClr val="FFFFFF"/>
        </a:lt1>
        <a:dk2>
          <a:srgbClr val="000000"/>
        </a:dk2>
        <a:lt2>
          <a:srgbClr val="FFFFFF"/>
        </a:lt2>
        <a:accent1>
          <a:srgbClr val="F8F8F8"/>
        </a:accent1>
        <a:accent2>
          <a:srgbClr val="969696"/>
        </a:accent2>
        <a:accent3>
          <a:srgbClr val="FFFFFF"/>
        </a:accent3>
        <a:accent4>
          <a:srgbClr val="000000"/>
        </a:accent4>
        <a:accent5>
          <a:srgbClr val="FBFBFB"/>
        </a:accent5>
        <a:accent6>
          <a:srgbClr val="878787"/>
        </a:accent6>
        <a:hlink>
          <a:srgbClr val="DDDDDD"/>
        </a:hlink>
        <a:folHlink>
          <a:srgbClr val="B2B2B2"/>
        </a:folHlink>
      </a:clrScheme>
      <a:clrMap bg1="lt1" tx1="dk1" bg2="lt2" tx2="dk2" accent1="accent1" accent2="accent2" accent3="accent3" accent4="accent4" accent5="accent5" accent6="accent6" hlink="hlink" folHlink="folHlink"/>
    </a:extraClrScheme>
    <a:extraClrScheme>
      <a:clrScheme name="Global 4">
        <a:dk1>
          <a:srgbClr val="000000"/>
        </a:dk1>
        <a:lt1>
          <a:srgbClr val="FFFFFF"/>
        </a:lt1>
        <a:dk2>
          <a:srgbClr val="000066"/>
        </a:dk2>
        <a:lt2>
          <a:srgbClr val="FFFFFF"/>
        </a:lt2>
        <a:accent1>
          <a:srgbClr val="FFFFCC"/>
        </a:accent1>
        <a:accent2>
          <a:srgbClr val="B5E0E3"/>
        </a:accent2>
        <a:accent3>
          <a:srgbClr val="FFFFFF"/>
        </a:accent3>
        <a:accent4>
          <a:srgbClr val="000000"/>
        </a:accent4>
        <a:accent5>
          <a:srgbClr val="FFFFE2"/>
        </a:accent5>
        <a:accent6>
          <a:srgbClr val="A4CBCE"/>
        </a:accent6>
        <a:hlink>
          <a:srgbClr val="BFDFFF"/>
        </a:hlink>
        <a:folHlink>
          <a:srgbClr val="99CCFF"/>
        </a:folHlink>
      </a:clrScheme>
      <a:clrMap bg1="lt1" tx1="dk1" bg2="lt2" tx2="dk2" accent1="accent1" accent2="accent2" accent3="accent3" accent4="accent4" accent5="accent5" accent6="accent6" hlink="hlink" folHlink="folHlink"/>
    </a:extraClrScheme>
    <a:extraClrScheme>
      <a:clrScheme name="Global 5">
        <a:dk1>
          <a:srgbClr val="000000"/>
        </a:dk1>
        <a:lt1>
          <a:srgbClr val="E9E6D9"/>
        </a:lt1>
        <a:dk2>
          <a:srgbClr val="666633"/>
        </a:dk2>
        <a:lt2>
          <a:srgbClr val="CEC7AA"/>
        </a:lt2>
        <a:accent1>
          <a:srgbClr val="FFFFCC"/>
        </a:accent1>
        <a:accent2>
          <a:srgbClr val="B5E0E3"/>
        </a:accent2>
        <a:accent3>
          <a:srgbClr val="F2F0E9"/>
        </a:accent3>
        <a:accent4>
          <a:srgbClr val="000000"/>
        </a:accent4>
        <a:accent5>
          <a:srgbClr val="FFFFE2"/>
        </a:accent5>
        <a:accent6>
          <a:srgbClr val="A4CBCE"/>
        </a:accent6>
        <a:hlink>
          <a:srgbClr val="B6AB82"/>
        </a:hlink>
        <a:folHlink>
          <a:srgbClr val="A0925E"/>
        </a:folHlink>
      </a:clrScheme>
      <a:clrMap bg1="lt1" tx1="dk1" bg2="lt2" tx2="dk2" accent1="accent1" accent2="accent2" accent3="accent3" accent4="accent4" accent5="accent5" accent6="accent6" hlink="hlink" folHlink="folHlink"/>
    </a:extraClrScheme>
    <a:extraClrScheme>
      <a:clrScheme name="Global 6">
        <a:dk1>
          <a:srgbClr val="1B3753"/>
        </a:dk1>
        <a:lt1>
          <a:srgbClr val="EAEAEA"/>
        </a:lt1>
        <a:dk2>
          <a:srgbClr val="336699"/>
        </a:dk2>
        <a:lt2>
          <a:srgbClr val="FFFFCC"/>
        </a:lt2>
        <a:accent1>
          <a:srgbClr val="BA8E46"/>
        </a:accent1>
        <a:accent2>
          <a:srgbClr val="46C0AF"/>
        </a:accent2>
        <a:accent3>
          <a:srgbClr val="ADB8CA"/>
        </a:accent3>
        <a:accent4>
          <a:srgbClr val="C8C8C8"/>
        </a:accent4>
        <a:accent5>
          <a:srgbClr val="D9C6B0"/>
        </a:accent5>
        <a:accent6>
          <a:srgbClr val="3FAE9E"/>
        </a:accent6>
        <a:hlink>
          <a:srgbClr val="93ACC3"/>
        </a:hlink>
        <a:folHlink>
          <a:srgbClr val="7897B4"/>
        </a:folHlink>
      </a:clrScheme>
      <a:clrMap bg1="dk2" tx1="lt1" bg2="dk1" tx2="lt2" accent1="accent1" accent2="accent2" accent3="accent3" accent4="accent4" accent5="accent5" accent6="accent6" hlink="hlink" folHlink="folHlink"/>
    </a:extraClrScheme>
    <a:extraClrScheme>
      <a:clrScheme name="Global 7">
        <a:dk1>
          <a:srgbClr val="000000"/>
        </a:dk1>
        <a:lt1>
          <a:srgbClr val="FFFFFF"/>
        </a:lt1>
        <a:dk2>
          <a:srgbClr val="000000"/>
        </a:dk2>
        <a:lt2>
          <a:srgbClr val="FFFFFF"/>
        </a:lt2>
        <a:accent1>
          <a:srgbClr val="FFFFCC"/>
        </a:accent1>
        <a:accent2>
          <a:srgbClr val="FFCC99"/>
        </a:accent2>
        <a:accent3>
          <a:srgbClr val="FFFFFF"/>
        </a:accent3>
        <a:accent4>
          <a:srgbClr val="000000"/>
        </a:accent4>
        <a:accent5>
          <a:srgbClr val="FFFFE2"/>
        </a:accent5>
        <a:accent6>
          <a:srgbClr val="E7B98A"/>
        </a:accent6>
        <a:hlink>
          <a:srgbClr val="FF9999"/>
        </a:hlink>
        <a:folHlink>
          <a:srgbClr val="E06360"/>
        </a:folHlink>
      </a:clrScheme>
      <a:clrMap bg1="lt1" tx1="dk1" bg2="lt2" tx2="dk2" accent1="accent1" accent2="accent2" accent3="accent3" accent4="accent4" accent5="accent5" accent6="accent6" hlink="hlink" folHlink="folHlink"/>
    </a:extraClrScheme>
    <a:extraClrScheme>
      <a:clrScheme name="Global 8">
        <a:dk1>
          <a:srgbClr val="000000"/>
        </a:dk1>
        <a:lt1>
          <a:srgbClr val="EAEAEA"/>
        </a:lt1>
        <a:dk2>
          <a:srgbClr val="17118B"/>
        </a:dk2>
        <a:lt2>
          <a:srgbClr val="FFFFCC"/>
        </a:lt2>
        <a:accent1>
          <a:srgbClr val="B2B2B2"/>
        </a:accent1>
        <a:accent2>
          <a:srgbClr val="54ABB2"/>
        </a:accent2>
        <a:accent3>
          <a:srgbClr val="ABAAC4"/>
        </a:accent3>
        <a:accent4>
          <a:srgbClr val="C8C8C8"/>
        </a:accent4>
        <a:accent5>
          <a:srgbClr val="D5D5D5"/>
        </a:accent5>
        <a:accent6>
          <a:srgbClr val="4B9BA1"/>
        </a:accent6>
        <a:hlink>
          <a:srgbClr val="4F49A3"/>
        </a:hlink>
        <a:folHlink>
          <a:srgbClr val="2E2573"/>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Continental_Europe_16x9">
  <a:themeElements>
    <a:clrScheme name="Continental_16x9">
      <a:dk1>
        <a:srgbClr val="545454"/>
      </a:dk1>
      <a:lt1>
        <a:sysClr val="window" lastClr="FFFFFF"/>
      </a:lt1>
      <a:dk2>
        <a:srgbClr val="000000"/>
      </a:dk2>
      <a:lt2>
        <a:srgbClr val="BFBFBF"/>
      </a:lt2>
      <a:accent1>
        <a:srgbClr val="40BAD2"/>
      </a:accent1>
      <a:accent2>
        <a:srgbClr val="FAB900"/>
      </a:accent2>
      <a:accent3>
        <a:srgbClr val="90BB23"/>
      </a:accent3>
      <a:accent4>
        <a:srgbClr val="EE7008"/>
      </a:accent4>
      <a:accent5>
        <a:srgbClr val="1AB39F"/>
      </a:accent5>
      <a:accent6>
        <a:srgbClr val="D5393D"/>
      </a:accent6>
      <a:hlink>
        <a:srgbClr val="90BB23"/>
      </a:hlink>
      <a:folHlink>
        <a:srgbClr val="EE7008"/>
      </a:folHlink>
    </a:clrScheme>
    <a:fontScheme name="Continental_16x9">
      <a:majorFont>
        <a:latin typeface="Century Gothic"/>
        <a:ea typeface=""/>
        <a:cs typeface=""/>
      </a:majorFont>
      <a:minorFont>
        <a:latin typeface="Century Gothic"/>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miter lim="800000"/>
        </a:ln>
        <a:ln w="25400" cap="flat" cmpd="sng" algn="ctr">
          <a:solidFill>
            <a:schemeClr val="phClr"/>
          </a:solidFill>
          <a:miter lim="800000"/>
        </a:ln>
        <a:ln w="38100" cap="flat" cmpd="sng" algn="ctr">
          <a:solidFill>
            <a:schemeClr val="phClr"/>
          </a:solidFill>
          <a:miter lim="800000"/>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rtlCol="0" anchor="ctr"/>
      <a:lstStyle>
        <a:defPPr algn="ctr">
          <a:defRPr sz="2400"/>
        </a:defPPr>
      </a:lstStyle>
      <a:style>
        <a:lnRef idx="2">
          <a:schemeClr val="dk1">
            <a:shade val="50000"/>
          </a:schemeClr>
        </a:lnRef>
        <a:fillRef idx="1">
          <a:schemeClr val="dk1"/>
        </a:fillRef>
        <a:effectRef idx="0">
          <a:schemeClr val="dk1"/>
        </a:effectRef>
        <a:fontRef idx="minor">
          <a:schemeClr val="lt1"/>
        </a:fontRef>
      </a:style>
    </a:spDef>
    <a:lnDef>
      <a:spPr>
        <a:ln w="25400">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rtlCol="0">
        <a:spAutoFit/>
      </a:bodyPr>
      <a:lstStyle>
        <a:defPPr>
          <a:lnSpc>
            <a:spcPct val="90000"/>
          </a:lnSpc>
          <a:defRPr sz="2400"/>
        </a:defPPr>
      </a:lstStyle>
    </a:txDef>
  </a:objectDefaults>
  <a:extraClrSchemeLst/>
</a:theme>
</file>

<file path=ppt/theme/theme3.xml><?xml version="1.0" encoding="utf-8"?>
<a:theme xmlns:a="http://schemas.openxmlformats.org/drawingml/2006/main" name="עיצוב מותאם אישית">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1_ערכת נושא 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2_ערכת נושא 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Office Them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Global 2">
    <a:dk1>
      <a:srgbClr val="000000"/>
    </a:dk1>
    <a:lt1>
      <a:srgbClr val="FFFFFF"/>
    </a:lt1>
    <a:dk2>
      <a:srgbClr val="CC6600"/>
    </a:dk2>
    <a:lt2>
      <a:srgbClr val="FFFFFF"/>
    </a:lt2>
    <a:accent1>
      <a:srgbClr val="FFFFCC"/>
    </a:accent1>
    <a:accent2>
      <a:srgbClr val="B5E0E3"/>
    </a:accent2>
    <a:accent3>
      <a:srgbClr val="FFFFFF"/>
    </a:accent3>
    <a:accent4>
      <a:srgbClr val="000000"/>
    </a:accent4>
    <a:accent5>
      <a:srgbClr val="FFFFE2"/>
    </a:accent5>
    <a:accent6>
      <a:srgbClr val="A4CBCE"/>
    </a:accent6>
    <a:hlink>
      <a:srgbClr val="E5D093"/>
    </a:hlink>
    <a:folHlink>
      <a:srgbClr val="CCB374"/>
    </a:folHlink>
  </a:clrScheme>
</a:themeOverride>
</file>

<file path=ppt/theme/themeOverride10.xml><?xml version="1.0" encoding="utf-8"?>
<a:themeOverride xmlns:a="http://schemas.openxmlformats.org/drawingml/2006/main">
  <a:clrScheme name="Global 2">
    <a:dk1>
      <a:srgbClr val="000000"/>
    </a:dk1>
    <a:lt1>
      <a:srgbClr val="FFFFFF"/>
    </a:lt1>
    <a:dk2>
      <a:srgbClr val="CC6600"/>
    </a:dk2>
    <a:lt2>
      <a:srgbClr val="FFFFFF"/>
    </a:lt2>
    <a:accent1>
      <a:srgbClr val="FFFFCC"/>
    </a:accent1>
    <a:accent2>
      <a:srgbClr val="B5E0E3"/>
    </a:accent2>
    <a:accent3>
      <a:srgbClr val="FFFFFF"/>
    </a:accent3>
    <a:accent4>
      <a:srgbClr val="000000"/>
    </a:accent4>
    <a:accent5>
      <a:srgbClr val="FFFFE2"/>
    </a:accent5>
    <a:accent6>
      <a:srgbClr val="A4CBCE"/>
    </a:accent6>
    <a:hlink>
      <a:srgbClr val="E5D093"/>
    </a:hlink>
    <a:folHlink>
      <a:srgbClr val="CCB374"/>
    </a:folHlink>
  </a:clrScheme>
</a:themeOverride>
</file>

<file path=ppt/theme/themeOverride11.xml><?xml version="1.0" encoding="utf-8"?>
<a:themeOverride xmlns:a="http://schemas.openxmlformats.org/drawingml/2006/main">
  <a:clrScheme name="Global 2">
    <a:dk1>
      <a:srgbClr val="000000"/>
    </a:dk1>
    <a:lt1>
      <a:srgbClr val="FFFFFF"/>
    </a:lt1>
    <a:dk2>
      <a:srgbClr val="CC6600"/>
    </a:dk2>
    <a:lt2>
      <a:srgbClr val="FFFFFF"/>
    </a:lt2>
    <a:accent1>
      <a:srgbClr val="FFFFCC"/>
    </a:accent1>
    <a:accent2>
      <a:srgbClr val="B5E0E3"/>
    </a:accent2>
    <a:accent3>
      <a:srgbClr val="FFFFFF"/>
    </a:accent3>
    <a:accent4>
      <a:srgbClr val="000000"/>
    </a:accent4>
    <a:accent5>
      <a:srgbClr val="FFFFE2"/>
    </a:accent5>
    <a:accent6>
      <a:srgbClr val="A4CBCE"/>
    </a:accent6>
    <a:hlink>
      <a:srgbClr val="E5D093"/>
    </a:hlink>
    <a:folHlink>
      <a:srgbClr val="CCB374"/>
    </a:folHlink>
  </a:clrScheme>
</a:themeOverride>
</file>

<file path=ppt/theme/themeOverride2.xml><?xml version="1.0" encoding="utf-8"?>
<a:themeOverride xmlns:a="http://schemas.openxmlformats.org/drawingml/2006/main">
  <a:clrScheme name="Global 2">
    <a:dk1>
      <a:srgbClr val="000000"/>
    </a:dk1>
    <a:lt1>
      <a:srgbClr val="FFFFFF"/>
    </a:lt1>
    <a:dk2>
      <a:srgbClr val="CC6600"/>
    </a:dk2>
    <a:lt2>
      <a:srgbClr val="FFFFFF"/>
    </a:lt2>
    <a:accent1>
      <a:srgbClr val="FFFFCC"/>
    </a:accent1>
    <a:accent2>
      <a:srgbClr val="B5E0E3"/>
    </a:accent2>
    <a:accent3>
      <a:srgbClr val="FFFFFF"/>
    </a:accent3>
    <a:accent4>
      <a:srgbClr val="000000"/>
    </a:accent4>
    <a:accent5>
      <a:srgbClr val="FFFFE2"/>
    </a:accent5>
    <a:accent6>
      <a:srgbClr val="A4CBCE"/>
    </a:accent6>
    <a:hlink>
      <a:srgbClr val="E5D093"/>
    </a:hlink>
    <a:folHlink>
      <a:srgbClr val="CCB374"/>
    </a:folHlink>
  </a:clrScheme>
</a:themeOverride>
</file>

<file path=ppt/theme/themeOverride3.xml><?xml version="1.0" encoding="utf-8"?>
<a:themeOverride xmlns:a="http://schemas.openxmlformats.org/drawingml/2006/main">
  <a:clrScheme name="Global 2">
    <a:dk1>
      <a:srgbClr val="000000"/>
    </a:dk1>
    <a:lt1>
      <a:srgbClr val="FFFFFF"/>
    </a:lt1>
    <a:dk2>
      <a:srgbClr val="CC6600"/>
    </a:dk2>
    <a:lt2>
      <a:srgbClr val="FFFFFF"/>
    </a:lt2>
    <a:accent1>
      <a:srgbClr val="FFFFCC"/>
    </a:accent1>
    <a:accent2>
      <a:srgbClr val="B5E0E3"/>
    </a:accent2>
    <a:accent3>
      <a:srgbClr val="FFFFFF"/>
    </a:accent3>
    <a:accent4>
      <a:srgbClr val="000000"/>
    </a:accent4>
    <a:accent5>
      <a:srgbClr val="FFFFE2"/>
    </a:accent5>
    <a:accent6>
      <a:srgbClr val="A4CBCE"/>
    </a:accent6>
    <a:hlink>
      <a:srgbClr val="E5D093"/>
    </a:hlink>
    <a:folHlink>
      <a:srgbClr val="CCB374"/>
    </a:folHlink>
  </a:clrScheme>
</a:themeOverride>
</file>

<file path=ppt/theme/themeOverride4.xml><?xml version="1.0" encoding="utf-8"?>
<a:themeOverride xmlns:a="http://schemas.openxmlformats.org/drawingml/2006/main">
  <a:clrScheme name="Global 2">
    <a:dk1>
      <a:srgbClr val="000000"/>
    </a:dk1>
    <a:lt1>
      <a:srgbClr val="FFFFFF"/>
    </a:lt1>
    <a:dk2>
      <a:srgbClr val="CC6600"/>
    </a:dk2>
    <a:lt2>
      <a:srgbClr val="FFFFFF"/>
    </a:lt2>
    <a:accent1>
      <a:srgbClr val="FFFFCC"/>
    </a:accent1>
    <a:accent2>
      <a:srgbClr val="B5E0E3"/>
    </a:accent2>
    <a:accent3>
      <a:srgbClr val="FFFFFF"/>
    </a:accent3>
    <a:accent4>
      <a:srgbClr val="000000"/>
    </a:accent4>
    <a:accent5>
      <a:srgbClr val="FFFFE2"/>
    </a:accent5>
    <a:accent6>
      <a:srgbClr val="A4CBCE"/>
    </a:accent6>
    <a:hlink>
      <a:srgbClr val="E5D093"/>
    </a:hlink>
    <a:folHlink>
      <a:srgbClr val="CCB374"/>
    </a:folHlink>
  </a:clrScheme>
</a:themeOverride>
</file>

<file path=ppt/theme/themeOverride5.xml><?xml version="1.0" encoding="utf-8"?>
<a:themeOverride xmlns:a="http://schemas.openxmlformats.org/drawingml/2006/main">
  <a:clrScheme name="Global 2">
    <a:dk1>
      <a:srgbClr val="000000"/>
    </a:dk1>
    <a:lt1>
      <a:srgbClr val="FFFFFF"/>
    </a:lt1>
    <a:dk2>
      <a:srgbClr val="CC6600"/>
    </a:dk2>
    <a:lt2>
      <a:srgbClr val="FFFFFF"/>
    </a:lt2>
    <a:accent1>
      <a:srgbClr val="FFFFCC"/>
    </a:accent1>
    <a:accent2>
      <a:srgbClr val="B5E0E3"/>
    </a:accent2>
    <a:accent3>
      <a:srgbClr val="FFFFFF"/>
    </a:accent3>
    <a:accent4>
      <a:srgbClr val="000000"/>
    </a:accent4>
    <a:accent5>
      <a:srgbClr val="FFFFE2"/>
    </a:accent5>
    <a:accent6>
      <a:srgbClr val="A4CBCE"/>
    </a:accent6>
    <a:hlink>
      <a:srgbClr val="E5D093"/>
    </a:hlink>
    <a:folHlink>
      <a:srgbClr val="CCB374"/>
    </a:folHlink>
  </a:clrScheme>
</a:themeOverride>
</file>

<file path=ppt/theme/themeOverride6.xml><?xml version="1.0" encoding="utf-8"?>
<a:themeOverride xmlns:a="http://schemas.openxmlformats.org/drawingml/2006/main">
  <a:clrScheme name="Global 2">
    <a:dk1>
      <a:srgbClr val="000000"/>
    </a:dk1>
    <a:lt1>
      <a:srgbClr val="FFFFFF"/>
    </a:lt1>
    <a:dk2>
      <a:srgbClr val="CC6600"/>
    </a:dk2>
    <a:lt2>
      <a:srgbClr val="FFFFFF"/>
    </a:lt2>
    <a:accent1>
      <a:srgbClr val="FFFFCC"/>
    </a:accent1>
    <a:accent2>
      <a:srgbClr val="B5E0E3"/>
    </a:accent2>
    <a:accent3>
      <a:srgbClr val="FFFFFF"/>
    </a:accent3>
    <a:accent4>
      <a:srgbClr val="000000"/>
    </a:accent4>
    <a:accent5>
      <a:srgbClr val="FFFFE2"/>
    </a:accent5>
    <a:accent6>
      <a:srgbClr val="A4CBCE"/>
    </a:accent6>
    <a:hlink>
      <a:srgbClr val="E5D093"/>
    </a:hlink>
    <a:folHlink>
      <a:srgbClr val="CCB374"/>
    </a:folHlink>
  </a:clrScheme>
</a:themeOverride>
</file>

<file path=ppt/theme/themeOverride7.xml><?xml version="1.0" encoding="utf-8"?>
<a:themeOverride xmlns:a="http://schemas.openxmlformats.org/drawingml/2006/main">
  <a:clrScheme name="Global 2">
    <a:dk1>
      <a:srgbClr val="000000"/>
    </a:dk1>
    <a:lt1>
      <a:srgbClr val="FFFFFF"/>
    </a:lt1>
    <a:dk2>
      <a:srgbClr val="CC6600"/>
    </a:dk2>
    <a:lt2>
      <a:srgbClr val="FFFFFF"/>
    </a:lt2>
    <a:accent1>
      <a:srgbClr val="FFFFCC"/>
    </a:accent1>
    <a:accent2>
      <a:srgbClr val="B5E0E3"/>
    </a:accent2>
    <a:accent3>
      <a:srgbClr val="FFFFFF"/>
    </a:accent3>
    <a:accent4>
      <a:srgbClr val="000000"/>
    </a:accent4>
    <a:accent5>
      <a:srgbClr val="FFFFE2"/>
    </a:accent5>
    <a:accent6>
      <a:srgbClr val="A4CBCE"/>
    </a:accent6>
    <a:hlink>
      <a:srgbClr val="E5D093"/>
    </a:hlink>
    <a:folHlink>
      <a:srgbClr val="CCB374"/>
    </a:folHlink>
  </a:clrScheme>
</a:themeOverride>
</file>

<file path=ppt/theme/themeOverride8.xml><?xml version="1.0" encoding="utf-8"?>
<a:themeOverride xmlns:a="http://schemas.openxmlformats.org/drawingml/2006/main">
  <a:clrScheme name="Global 2">
    <a:dk1>
      <a:srgbClr val="000000"/>
    </a:dk1>
    <a:lt1>
      <a:srgbClr val="FFFFFF"/>
    </a:lt1>
    <a:dk2>
      <a:srgbClr val="CC6600"/>
    </a:dk2>
    <a:lt2>
      <a:srgbClr val="FFFFFF"/>
    </a:lt2>
    <a:accent1>
      <a:srgbClr val="FFFFCC"/>
    </a:accent1>
    <a:accent2>
      <a:srgbClr val="B5E0E3"/>
    </a:accent2>
    <a:accent3>
      <a:srgbClr val="FFFFFF"/>
    </a:accent3>
    <a:accent4>
      <a:srgbClr val="000000"/>
    </a:accent4>
    <a:accent5>
      <a:srgbClr val="FFFFE2"/>
    </a:accent5>
    <a:accent6>
      <a:srgbClr val="A4CBCE"/>
    </a:accent6>
    <a:hlink>
      <a:srgbClr val="E5D093"/>
    </a:hlink>
    <a:folHlink>
      <a:srgbClr val="CCB374"/>
    </a:folHlink>
  </a:clrScheme>
</a:themeOverride>
</file>

<file path=ppt/theme/themeOverride9.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mso-contentType ?>
<FormTemplates xmlns="http://schemas.microsoft.com/sharepoint/v3/contenttype/forms">
  <Display>DocumentLibraryForm</Display>
  <Edit>AssetEditForm</Edit>
  <New>DocumentLibraryForm</New>
</FormTemplates>
</file>

<file path=customXml/itemProps1.xml><?xml version="1.0" encoding="utf-8"?>
<ds:datastoreItem xmlns:ds="http://schemas.openxmlformats.org/officeDocument/2006/customXml" ds:itemID="{79A4336D-4A2E-41C8-A0C7-9D151908363F}">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מצגת לעבודה בנושא מדינה</Template>
  <TotalTime>1424</TotalTime>
  <Words>2999</Words>
  <Application>Microsoft Office PowerPoint</Application>
  <PresentationFormat>‫הצגה על המסך (4:3)</PresentationFormat>
  <Paragraphs>568</Paragraphs>
  <Slides>48</Slides>
  <Notes>32</Notes>
  <HiddenSlides>1</HiddenSlides>
  <MMClips>0</MMClips>
  <ScaleCrop>false</ScaleCrop>
  <HeadingPairs>
    <vt:vector size="8" baseType="variant">
      <vt:variant>
        <vt:lpstr>גופנים בשימוש</vt:lpstr>
      </vt:variant>
      <vt:variant>
        <vt:i4>12</vt:i4>
      </vt:variant>
      <vt:variant>
        <vt:lpstr>ערכת נושא</vt:lpstr>
      </vt:variant>
      <vt:variant>
        <vt:i4>5</vt:i4>
      </vt:variant>
      <vt:variant>
        <vt:lpstr>שרתי OLE מוטבעים</vt:lpstr>
      </vt:variant>
      <vt:variant>
        <vt:i4>1</vt:i4>
      </vt:variant>
      <vt:variant>
        <vt:lpstr>כותרות שקופיות</vt:lpstr>
      </vt:variant>
      <vt:variant>
        <vt:i4>48</vt:i4>
      </vt:variant>
    </vt:vector>
  </HeadingPairs>
  <TitlesOfParts>
    <vt:vector size="66" baseType="lpstr">
      <vt:lpstr>Arial</vt:lpstr>
      <vt:lpstr>Calibri</vt:lpstr>
      <vt:lpstr>Calibri Light</vt:lpstr>
      <vt:lpstr>Century Gothic</vt:lpstr>
      <vt:lpstr>Century Schoolbook</vt:lpstr>
      <vt:lpstr>David</vt:lpstr>
      <vt:lpstr>굴림</vt:lpstr>
      <vt:lpstr>Guttman Hatzvi</vt:lpstr>
      <vt:lpstr>Narkisim</vt:lpstr>
      <vt:lpstr>Tahoma</vt:lpstr>
      <vt:lpstr>Times New Roman</vt:lpstr>
      <vt:lpstr>Wingdings</vt:lpstr>
      <vt:lpstr>Global</vt:lpstr>
      <vt:lpstr>Continental_Europe_16x9</vt:lpstr>
      <vt:lpstr>עיצוב מותאם אישית</vt:lpstr>
      <vt:lpstr>1_ערכת נושא Office</vt:lpstr>
      <vt:lpstr>2_ערכת נושא Office</vt:lpstr>
      <vt:lpstr>Image</vt:lpstr>
      <vt:lpstr>הרשות הפלשתינית</vt:lpstr>
      <vt:lpstr>רקע/כללי/מבוא</vt:lpstr>
      <vt:lpstr>תהליך טורי, מקבילי ופרללי</vt:lpstr>
      <vt:lpstr>תהליך אסטרטגי – המשך (2) </vt:lpstr>
      <vt:lpstr>מצגת של PowerPoint</vt:lpstr>
      <vt:lpstr>מצגת של PowerPoint</vt:lpstr>
      <vt:lpstr>מצגת של PowerPoint</vt:lpstr>
      <vt:lpstr>פנים</vt:lpstr>
      <vt:lpstr>מצגת של PowerPoint</vt:lpstr>
      <vt:lpstr>מצגת של PowerPoint</vt:lpstr>
      <vt:lpstr>מצגת של PowerPoint</vt:lpstr>
      <vt:lpstr>מטריצת המשפיעים המערכתיים</vt:lpstr>
      <vt:lpstr>מצגת של PowerPoint</vt:lpstr>
      <vt:lpstr>מצגת של PowerPoint</vt:lpstr>
      <vt:lpstr>פיצול גיאוגרפי, מהותי, דתי, תפיסתי, פוליטי</vt:lpstr>
      <vt:lpstr>"רעיונות מסדרים" לניהול "המאבק"</vt:lpstr>
      <vt:lpstr>מצגת של PowerPoint</vt:lpstr>
      <vt:lpstr>אתגרים, מושגים ותפיסות</vt:lpstr>
      <vt:lpstr>מצגת של PowerPoint</vt:lpstr>
      <vt:lpstr>מצגת של PowerPoint</vt:lpstr>
      <vt:lpstr>מנהיגי חמאס</vt:lpstr>
      <vt:lpstr>"היום שאחרי"– מנהיגים פוטנציאלים ברש"פ</vt:lpstr>
      <vt:lpstr>מנהיגות משתנה....</vt:lpstr>
      <vt:lpstr>מצגת של PowerPoint</vt:lpstr>
      <vt:lpstr>מצגת של PowerPoint</vt:lpstr>
      <vt:lpstr>קידמה, תקשורת וטכנולוגיה</vt:lpstr>
      <vt:lpstr>מצגת של PowerPoint</vt:lpstr>
      <vt:lpstr>הצעיר הפלסטיני</vt:lpstr>
      <vt:lpstr>מצגת של PowerPoint</vt:lpstr>
      <vt:lpstr>קיפאון אסטרטגי ? </vt:lpstr>
      <vt:lpstr>מצגת של PowerPoint</vt:lpstr>
      <vt:lpstr>מצגת של PowerPoint</vt:lpstr>
      <vt:lpstr>"אתוס האסיר" הכלא בישראל כ"חוויה קולקטיבית" ומעצבת</vt:lpstr>
      <vt:lpstr>מצגת של PowerPoint</vt:lpstr>
      <vt:lpstr>Non Member State</vt:lpstr>
      <vt:lpstr>"שיח הפיוס" – עד מתי "משחק סכום אפס"?</vt:lpstr>
      <vt:lpstr>מעצבים עיקריים</vt:lpstr>
      <vt:lpstr>רשימת האינטרסים הפלסטיניים – תופעות ומגמות</vt:lpstr>
      <vt:lpstr>S.W.O.T</vt:lpstr>
      <vt:lpstr>רשימת האינטרסים הפלסטיניים</vt:lpstr>
      <vt:lpstr>מורכבות בדרך להשגת האינטרסים</vt:lpstr>
      <vt:lpstr>השחקן הפלסטיני</vt:lpstr>
      <vt:lpstr>השחקן הפלסטיני (2)</vt:lpstr>
      <vt:lpstr>השחקן הפלסטיני (3)</vt:lpstr>
      <vt:lpstr>השחקן הישראלי</vt:lpstr>
      <vt:lpstr>העולם הערבי</vt:lpstr>
      <vt:lpstr>השחקן הבינלאומי – ארה"ב ואירופה</vt:lpstr>
      <vt:lpstr>מצגת של PowerPoint</vt:lpstr>
    </vt:vector>
  </TitlesOfParts>
  <Manager/>
  <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שם המדינה</dc:title>
  <dc:subject/>
  <dc:creator>Ran Kochav</dc:creator>
  <cp:keywords/>
  <dc:description/>
  <cp:lastModifiedBy>Ran Kochav</cp:lastModifiedBy>
  <cp:revision>101</cp:revision>
  <dcterms:created xsi:type="dcterms:W3CDTF">2016-01-10T08:08:21Z</dcterms:created>
  <dcterms:modified xsi:type="dcterms:W3CDTF">2016-02-01T18:28:56Z</dcterms:modified>
  <cp:version/>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TemplateID">
    <vt:lpwstr>TC010183711037</vt:lpwstr>
  </property>
</Properties>
</file>